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49_HP過去データの整理\年齢別\（R2）\"/>
    </mc:Choice>
  </mc:AlternateContent>
  <bookViews>
    <workbookView xWindow="0" yWindow="0" windowWidth="28800" windowHeight="13950" tabRatio="978"/>
  </bookViews>
  <sheets>
    <sheet name="神奈川県" sheetId="1" r:id="rId1"/>
    <sheet name="横浜市" sheetId="6" r:id="rId2"/>
    <sheet name="鶴見区" sheetId="7" r:id="rId3"/>
    <sheet name="神奈川区" sheetId="8" r:id="rId4"/>
    <sheet name="西区" sheetId="9" r:id="rId5"/>
    <sheet name="中区" sheetId="10" r:id="rId6"/>
    <sheet name="南区" sheetId="11" r:id="rId7"/>
    <sheet name="保土ケ谷区" sheetId="12" r:id="rId8"/>
    <sheet name="磯子区" sheetId="13" r:id="rId9"/>
    <sheet name="金沢区" sheetId="14" r:id="rId10"/>
    <sheet name="港北区" sheetId="15" r:id="rId11"/>
    <sheet name="戸塚区" sheetId="16" r:id="rId12"/>
    <sheet name="港南区" sheetId="17" r:id="rId13"/>
    <sheet name="旭区" sheetId="18" r:id="rId14"/>
    <sheet name="緑区" sheetId="19" r:id="rId15"/>
    <sheet name="瀬谷区" sheetId="20" r:id="rId16"/>
    <sheet name="栄区" sheetId="21" r:id="rId17"/>
    <sheet name="泉区" sheetId="22" r:id="rId18"/>
    <sheet name="青葉区" sheetId="23" r:id="rId19"/>
    <sheet name="都筑区" sheetId="24" r:id="rId20"/>
    <sheet name="川崎市" sheetId="25" r:id="rId21"/>
    <sheet name="川崎区" sheetId="26" r:id="rId22"/>
    <sheet name="幸区" sheetId="27" r:id="rId23"/>
    <sheet name="中原区" sheetId="28" r:id="rId24"/>
    <sheet name="高津区" sheetId="29" r:id="rId25"/>
    <sheet name="多摩区" sheetId="30" r:id="rId26"/>
    <sheet name="宮前区" sheetId="31" r:id="rId27"/>
    <sheet name="麻生区" sheetId="32" r:id="rId28"/>
    <sheet name="横須賀三浦" sheetId="2" r:id="rId29"/>
    <sheet name="横須賀市" sheetId="37" r:id="rId30"/>
    <sheet name="鎌倉市" sheetId="39" r:id="rId31"/>
    <sheet name="逗子市" sheetId="43" r:id="rId32"/>
    <sheet name="三浦市" sheetId="44" r:id="rId33"/>
    <sheet name="葉山町" sheetId="53" r:id="rId34"/>
    <sheet name="県央" sheetId="3" r:id="rId35"/>
    <sheet name="相模原市" sheetId="33" r:id="rId36"/>
    <sheet name="緑区（相）" sheetId="34" r:id="rId37"/>
    <sheet name="中央区" sheetId="35" r:id="rId38"/>
    <sheet name="南区（相）" sheetId="36" r:id="rId39"/>
    <sheet name="厚木市" sheetId="46" r:id="rId40"/>
    <sheet name="大和市" sheetId="47" r:id="rId41"/>
    <sheet name="海老名市" sheetId="49" r:id="rId42"/>
    <sheet name="座間市" sheetId="50" r:id="rId43"/>
    <sheet name="綾瀬市" sheetId="52" r:id="rId44"/>
    <sheet name="愛川町" sheetId="65" r:id="rId45"/>
    <sheet name="清川村" sheetId="66" r:id="rId46"/>
    <sheet name="湘南" sheetId="4" r:id="rId47"/>
    <sheet name="平塚市" sheetId="38" r:id="rId48"/>
    <sheet name="藤沢市" sheetId="40" r:id="rId49"/>
    <sheet name="茅ヶ崎市" sheetId="42" r:id="rId50"/>
    <sheet name="秦野市" sheetId="45" r:id="rId51"/>
    <sheet name="伊勢原市" sheetId="48" r:id="rId52"/>
    <sheet name="寒川町" sheetId="54" r:id="rId53"/>
    <sheet name="大磯町" sheetId="55" r:id="rId54"/>
    <sheet name="二宮町" sheetId="56" r:id="rId55"/>
    <sheet name="県西" sheetId="5" r:id="rId56"/>
    <sheet name="小田原市" sheetId="41" r:id="rId57"/>
    <sheet name="南足柄市" sheetId="51" r:id="rId58"/>
    <sheet name="中井町" sheetId="57" r:id="rId59"/>
    <sheet name="大井町" sheetId="58" r:id="rId60"/>
    <sheet name="松田町" sheetId="59" r:id="rId61"/>
    <sheet name="山北町" sheetId="60" r:id="rId62"/>
    <sheet name="開成町" sheetId="61" r:id="rId63"/>
    <sheet name="箱根町" sheetId="62" r:id="rId64"/>
    <sheet name="真鶴町" sheetId="63" r:id="rId65"/>
    <sheet name="湯河原町" sheetId="64" r:id="rId66"/>
  </sheets>
  <definedNames>
    <definedName name="_xlnm.Print_Area" localSheetId="44">愛川町!$A$1:$M$137</definedName>
    <definedName name="_xlnm.Print_Area" localSheetId="13">旭区!$A$1:$M$137</definedName>
    <definedName name="_xlnm.Print_Area" localSheetId="43">綾瀬市!$A$1:$M$137</definedName>
    <definedName name="_xlnm.Print_Area" localSheetId="51">伊勢原市!$A$1:$M$137</definedName>
    <definedName name="_xlnm.Print_Area" localSheetId="8">磯子区!$A$1:$M$137</definedName>
    <definedName name="_xlnm.Print_Area" localSheetId="16">栄区!$A$1:$M$137</definedName>
    <definedName name="_xlnm.Print_Area" localSheetId="28">横須賀三浦!$A$1:$M$137</definedName>
    <definedName name="_xlnm.Print_Area" localSheetId="29">横須賀市!$A$1:$M$137</definedName>
    <definedName name="_xlnm.Print_Area" localSheetId="1">横浜市!$A$1:$M$137</definedName>
    <definedName name="_xlnm.Print_Area" localSheetId="41">海老名市!$A$1:$M$137</definedName>
    <definedName name="_xlnm.Print_Area" localSheetId="62">開成町!$A$1:$M$137</definedName>
    <definedName name="_xlnm.Print_Area" localSheetId="30">鎌倉市!$A$1:$M$137</definedName>
    <definedName name="_xlnm.Print_Area" localSheetId="49">茅ヶ崎市!$A$1:$M$137</definedName>
    <definedName name="_xlnm.Print_Area" localSheetId="52">寒川町!$A$1:$M$137</definedName>
    <definedName name="_xlnm.Print_Area" localSheetId="26">宮前区!$A$1:$M$137</definedName>
    <definedName name="_xlnm.Print_Area" localSheetId="9">金沢区!$A$1:$M$137</definedName>
    <definedName name="_xlnm.Print_Area" localSheetId="34">県央!$A$1:$M$137</definedName>
    <definedName name="_xlnm.Print_Area" localSheetId="55">県西!$A$1:$M$137</definedName>
    <definedName name="_xlnm.Print_Area" localSheetId="11">戸塚区!$A$1:$M$137</definedName>
    <definedName name="_xlnm.Print_Area" localSheetId="39">厚木市!$A$1:$M$137</definedName>
    <definedName name="_xlnm.Print_Area" localSheetId="22">幸区!$A$1:$M$137</definedName>
    <definedName name="_xlnm.Print_Area" localSheetId="12">港南区!$A$1:$M$137</definedName>
    <definedName name="_xlnm.Print_Area" localSheetId="10">港北区!$A$1:$M$137</definedName>
    <definedName name="_xlnm.Print_Area" localSheetId="24">高津区!$A$1:$M$137</definedName>
    <definedName name="_xlnm.Print_Area" localSheetId="42">座間市!$A$1:$M$137</definedName>
    <definedName name="_xlnm.Print_Area" localSheetId="32">三浦市!$A$1:$M$137</definedName>
    <definedName name="_xlnm.Print_Area" localSheetId="61">山北町!$A$1:$M$137</definedName>
    <definedName name="_xlnm.Print_Area" localSheetId="56">小田原市!$A$1:$M$137</definedName>
    <definedName name="_xlnm.Print_Area" localSheetId="60">松田町!$A$1:$M$137</definedName>
    <definedName name="_xlnm.Print_Area" localSheetId="46">湘南!$A$1:$M$137</definedName>
    <definedName name="_xlnm.Print_Area" localSheetId="64">真鶴町!$A$1:$M$137</definedName>
    <definedName name="_xlnm.Print_Area" localSheetId="3">神奈川区!$A$1:$M$137</definedName>
    <definedName name="_xlnm.Print_Area" localSheetId="0">神奈川県!$A$1:$M$137</definedName>
    <definedName name="_xlnm.Print_Area" localSheetId="50">秦野市!$A$1:$M$137</definedName>
    <definedName name="_xlnm.Print_Area" localSheetId="31">逗子市!$A$1:$M$137</definedName>
    <definedName name="_xlnm.Print_Area" localSheetId="15">瀬谷区!$A$1:$M$137</definedName>
    <definedName name="_xlnm.Print_Area" localSheetId="45">清川村!$A$1:$M$137</definedName>
    <definedName name="_xlnm.Print_Area" localSheetId="4">西区!$A$1:$M$137</definedName>
    <definedName name="_xlnm.Print_Area" localSheetId="18">青葉区!$A$1:$M$137</definedName>
    <definedName name="_xlnm.Print_Area" localSheetId="21">川崎区!$A$1:$M$137</definedName>
    <definedName name="_xlnm.Print_Area" localSheetId="20">川崎市!$A$1:$M$137</definedName>
    <definedName name="_xlnm.Print_Area" localSheetId="17">泉区!$A$1:$M$137</definedName>
    <definedName name="_xlnm.Print_Area" localSheetId="35">相模原市!$A$1:$M$137</definedName>
    <definedName name="_xlnm.Print_Area" localSheetId="25">多摩区!$A$1:$M$137</definedName>
    <definedName name="_xlnm.Print_Area" localSheetId="59">大井町!$A$1:$M$137</definedName>
    <definedName name="_xlnm.Print_Area" localSheetId="53">大磯町!$A$1:$M$137</definedName>
    <definedName name="_xlnm.Print_Area" localSheetId="40">大和市!$A$1:$M$137</definedName>
    <definedName name="_xlnm.Print_Area" localSheetId="58">中井町!$A$1:$M$137</definedName>
    <definedName name="_xlnm.Print_Area" localSheetId="37">中央区!$A$1:$M$137</definedName>
    <definedName name="_xlnm.Print_Area" localSheetId="5">中区!$A$1:$M$137</definedName>
    <definedName name="_xlnm.Print_Area" localSheetId="23">中原区!$A$1:$M$137</definedName>
    <definedName name="_xlnm.Print_Area" localSheetId="2">鶴見区!$A$1:$M$137</definedName>
    <definedName name="_xlnm.Print_Area" localSheetId="19">都筑区!$A$1:$M$137</definedName>
    <definedName name="_xlnm.Print_Area" localSheetId="65">湯河原町!$A$1:$M$137</definedName>
    <definedName name="_xlnm.Print_Area" localSheetId="48">藤沢市!$A$1:$M$137</definedName>
    <definedName name="_xlnm.Print_Area" localSheetId="6">南区!$A$1:$M$137</definedName>
    <definedName name="_xlnm.Print_Area" localSheetId="38">'南区（相）'!$A$1:$M$137</definedName>
    <definedName name="_xlnm.Print_Area" localSheetId="57">南足柄市!$A$1:$M$137</definedName>
    <definedName name="_xlnm.Print_Area" localSheetId="54">二宮町!$A$1:$M$137</definedName>
    <definedName name="_xlnm.Print_Area" localSheetId="63">箱根町!$A$1:$M$137</definedName>
    <definedName name="_xlnm.Print_Area" localSheetId="47">平塚市!$A$1:$M$137</definedName>
    <definedName name="_xlnm.Print_Area" localSheetId="7">保土ケ谷区!$A$1:$M$137</definedName>
    <definedName name="_xlnm.Print_Area" localSheetId="27">麻生区!$A$1:$M$137</definedName>
    <definedName name="_xlnm.Print_Area" localSheetId="33">葉山町!$A$1:$M$137</definedName>
    <definedName name="_xlnm.Print_Area" localSheetId="14">緑区!$A$1:$M$137</definedName>
    <definedName name="_xlnm.Print_Area" localSheetId="36">'緑区（相）'!$A$1:$M$13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415" uniqueCount="216">
  <si>
    <t>第２表－1　年齢（各歳・５歳階級）別異動人口</t>
    <phoneticPr fontId="3"/>
  </si>
  <si>
    <t>神奈川県</t>
  </si>
  <si>
    <t>　（単位：人）平成31・令和元年中</t>
    <rPh sb="2" eb="4">
      <t>タンイ</t>
    </rPh>
    <rPh sb="5" eb="6">
      <t>ニン</t>
    </rPh>
    <rPh sb="7" eb="9">
      <t>ヘイセイ</t>
    </rPh>
    <rPh sb="12" eb="14">
      <t>レイワ</t>
    </rPh>
    <rPh sb="14" eb="15">
      <t>ガン</t>
    </rPh>
    <rPh sb="15" eb="17">
      <t>ネンチュウ</t>
    </rPh>
    <phoneticPr fontId="3"/>
  </si>
  <si>
    <t>年　齢</t>
  </si>
  <si>
    <t>人口増減（Ａ-Ｂ+Ｃ-Ｄ）</t>
    <phoneticPr fontId="3"/>
  </si>
  <si>
    <t>死　亡　（Ｂ）</t>
    <phoneticPr fontId="3"/>
  </si>
  <si>
    <t>転　入　（Ｃ）</t>
    <phoneticPr fontId="3"/>
  </si>
  <si>
    <t>転　出　（Ｄ）</t>
    <phoneticPr fontId="3"/>
  </si>
  <si>
    <t>歳</t>
    <rPh sb="0" eb="1">
      <t>サイ</t>
    </rPh>
    <phoneticPr fontId="3"/>
  </si>
  <si>
    <t>総　数</t>
    <rPh sb="0" eb="3">
      <t>ソウ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総　数</t>
  </si>
  <si>
    <t>0～4</t>
  </si>
  <si>
    <t>0</t>
  </si>
  <si>
    <t>1</t>
  </si>
  <si>
    <t>2</t>
  </si>
  <si>
    <t>3</t>
  </si>
  <si>
    <t>4</t>
  </si>
  <si>
    <t>5～9</t>
  </si>
  <si>
    <t>5</t>
  </si>
  <si>
    <t>6</t>
  </si>
  <si>
    <t>7</t>
  </si>
  <si>
    <t>8</t>
  </si>
  <si>
    <t>9</t>
  </si>
  <si>
    <t>10～14</t>
  </si>
  <si>
    <t>10</t>
  </si>
  <si>
    <t>11</t>
  </si>
  <si>
    <t>12</t>
  </si>
  <si>
    <t>13</t>
  </si>
  <si>
    <t>14</t>
  </si>
  <si>
    <t>15～19</t>
  </si>
  <si>
    <t>15</t>
  </si>
  <si>
    <t>16</t>
  </si>
  <si>
    <t>17</t>
  </si>
  <si>
    <t>18</t>
  </si>
  <si>
    <t>19</t>
  </si>
  <si>
    <t>20～24</t>
  </si>
  <si>
    <t>20</t>
  </si>
  <si>
    <t>21</t>
  </si>
  <si>
    <t>22</t>
  </si>
  <si>
    <t>23</t>
  </si>
  <si>
    <t>24</t>
  </si>
  <si>
    <t>25～29</t>
  </si>
  <si>
    <t>25</t>
  </si>
  <si>
    <t>26</t>
  </si>
  <si>
    <t>27</t>
  </si>
  <si>
    <t>28</t>
  </si>
  <si>
    <t>29</t>
  </si>
  <si>
    <t>30～34</t>
  </si>
  <si>
    <t>30</t>
  </si>
  <si>
    <t>31</t>
  </si>
  <si>
    <t>32</t>
  </si>
  <si>
    <t>33</t>
  </si>
  <si>
    <t>34</t>
  </si>
  <si>
    <t>35～39</t>
  </si>
  <si>
    <t>35</t>
  </si>
  <si>
    <t>36</t>
  </si>
  <si>
    <t>37</t>
  </si>
  <si>
    <t>38</t>
  </si>
  <si>
    <t>39</t>
  </si>
  <si>
    <t>40～44</t>
  </si>
  <si>
    <t>40</t>
  </si>
  <si>
    <t>41</t>
  </si>
  <si>
    <t>42</t>
  </si>
  <si>
    <t>43</t>
  </si>
  <si>
    <t>44</t>
  </si>
  <si>
    <t>45～49</t>
  </si>
  <si>
    <t>45</t>
  </si>
  <si>
    <t>46</t>
  </si>
  <si>
    <t>47</t>
  </si>
  <si>
    <t>48</t>
  </si>
  <si>
    <t>49</t>
  </si>
  <si>
    <t>出　生　（Ａ）</t>
    <rPh sb="0" eb="1">
      <t>デシボウ</t>
    </rPh>
    <rPh sb="2" eb="3">
      <t>ショウ</t>
    </rPh>
    <phoneticPr fontId="3"/>
  </si>
  <si>
    <t>第２表－2　年齢（各歳・５歳階級）別異動人口</t>
    <phoneticPr fontId="3"/>
  </si>
  <si>
    <t>　（単位：人）平成31・令和元年中</t>
  </si>
  <si>
    <t>人口増減（Ａ-Ｂ+Ｃ-Ｄ）</t>
    <phoneticPr fontId="3"/>
  </si>
  <si>
    <t>死　亡　（Ｂ）</t>
    <rPh sb="0" eb="3">
      <t>シボウ</t>
    </rPh>
    <phoneticPr fontId="3"/>
  </si>
  <si>
    <t>転　入　（Ｃ）</t>
    <rPh sb="0" eb="1">
      <t>テンシボウ</t>
    </rPh>
    <rPh sb="2" eb="3">
      <t>ニュウ</t>
    </rPh>
    <phoneticPr fontId="3"/>
  </si>
  <si>
    <t>転　出　（Ｄ）</t>
    <phoneticPr fontId="3"/>
  </si>
  <si>
    <t>50～54</t>
  </si>
  <si>
    <t>50</t>
  </si>
  <si>
    <t>51</t>
  </si>
  <si>
    <t>52</t>
  </si>
  <si>
    <t>53</t>
  </si>
  <si>
    <t>54</t>
  </si>
  <si>
    <t>55～59</t>
  </si>
  <si>
    <t>55</t>
  </si>
  <si>
    <t>56</t>
  </si>
  <si>
    <t>57</t>
  </si>
  <si>
    <t>58</t>
  </si>
  <si>
    <t>59</t>
  </si>
  <si>
    <t>60～64</t>
  </si>
  <si>
    <t>60</t>
  </si>
  <si>
    <t>61</t>
  </si>
  <si>
    <t>62</t>
  </si>
  <si>
    <t>63</t>
  </si>
  <si>
    <t>64</t>
  </si>
  <si>
    <t>65～69</t>
  </si>
  <si>
    <t>65</t>
  </si>
  <si>
    <t>66</t>
  </si>
  <si>
    <t>67</t>
  </si>
  <si>
    <t>68</t>
  </si>
  <si>
    <t>69</t>
  </si>
  <si>
    <t>70～74</t>
  </si>
  <si>
    <t>70</t>
  </si>
  <si>
    <t>71</t>
  </si>
  <si>
    <t>72</t>
  </si>
  <si>
    <t>73</t>
  </si>
  <si>
    <t>74</t>
  </si>
  <si>
    <t>75～79</t>
  </si>
  <si>
    <t>75</t>
  </si>
  <si>
    <t>76</t>
  </si>
  <si>
    <t>77</t>
  </si>
  <si>
    <t>78</t>
  </si>
  <si>
    <t>79</t>
  </si>
  <si>
    <t>80～84</t>
  </si>
  <si>
    <t>80</t>
  </si>
  <si>
    <t>81</t>
  </si>
  <si>
    <t>82</t>
  </si>
  <si>
    <t>83</t>
  </si>
  <si>
    <t>84</t>
  </si>
  <si>
    <t>85～89</t>
  </si>
  <si>
    <t>85</t>
  </si>
  <si>
    <t>86</t>
  </si>
  <si>
    <t>87</t>
  </si>
  <si>
    <t>88</t>
  </si>
  <si>
    <t>89</t>
  </si>
  <si>
    <t>90～94</t>
  </si>
  <si>
    <t>90</t>
  </si>
  <si>
    <t>91</t>
  </si>
  <si>
    <t>92</t>
  </si>
  <si>
    <t>93</t>
  </si>
  <si>
    <t>94</t>
  </si>
  <si>
    <t>95～99</t>
  </si>
  <si>
    <t>95</t>
  </si>
  <si>
    <t>96</t>
  </si>
  <si>
    <t>97</t>
  </si>
  <si>
    <t>98</t>
  </si>
  <si>
    <t>99</t>
  </si>
  <si>
    <t>100以上</t>
  </si>
  <si>
    <t>横須賀三浦地域</t>
    <rPh sb="5" eb="7">
      <t>チイキ</t>
    </rPh>
    <phoneticPr fontId="3"/>
  </si>
  <si>
    <t>県央地域</t>
    <rPh sb="2" eb="4">
      <t>チイキ</t>
    </rPh>
    <phoneticPr fontId="3"/>
  </si>
  <si>
    <t>湘南地域</t>
    <rPh sb="2" eb="4">
      <t>チイキ</t>
    </rPh>
    <phoneticPr fontId="3"/>
  </si>
  <si>
    <t>県西地域</t>
    <rPh sb="0" eb="1">
      <t>ケン</t>
    </rPh>
    <rPh sb="2" eb="4">
      <t>チイキ</t>
    </rPh>
    <phoneticPr fontId="3"/>
  </si>
  <si>
    <t>横浜市</t>
    <phoneticPr fontId="3"/>
  </si>
  <si>
    <t>横浜市　鶴見区</t>
    <rPh sb="0" eb="3">
      <t>ヨコハマシ</t>
    </rPh>
    <phoneticPr fontId="3"/>
  </si>
  <si>
    <t>0</t>
    <phoneticPr fontId="3"/>
  </si>
  <si>
    <t>　人口増減（Ａ-Ｂ+Ｃ-Ｄ）</t>
    <rPh sb="1" eb="3">
      <t>ジンコウ</t>
    </rPh>
    <rPh sb="3" eb="5">
      <t>ゾウゲン</t>
    </rPh>
    <phoneticPr fontId="3"/>
  </si>
  <si>
    <t>横浜市　神奈川区</t>
    <rPh sb="0" eb="3">
      <t>ヨコハマシ</t>
    </rPh>
    <phoneticPr fontId="3"/>
  </si>
  <si>
    <t>横浜市　西区</t>
    <rPh sb="0" eb="3">
      <t>ヨコハマシ</t>
    </rPh>
    <phoneticPr fontId="3"/>
  </si>
  <si>
    <t>横浜市　中区</t>
    <phoneticPr fontId="3"/>
  </si>
  <si>
    <t>横浜市　中区</t>
    <rPh sb="0" eb="3">
      <t>ヨコハマシ</t>
    </rPh>
    <phoneticPr fontId="3"/>
  </si>
  <si>
    <t>横浜市　南区</t>
    <phoneticPr fontId="3"/>
  </si>
  <si>
    <t>横浜市　南区　</t>
    <rPh sb="0" eb="3">
      <t>ヨコハマシ</t>
    </rPh>
    <rPh sb="4" eb="6">
      <t>ミナミク</t>
    </rPh>
    <phoneticPr fontId="3"/>
  </si>
  <si>
    <t>横浜市　保土ケ谷区</t>
    <phoneticPr fontId="3"/>
  </si>
  <si>
    <t>横浜市　磯子区</t>
    <phoneticPr fontId="3"/>
  </si>
  <si>
    <t>横浜市　磯子区</t>
    <rPh sb="0" eb="3">
      <t>ヨコハマシ</t>
    </rPh>
    <rPh sb="4" eb="7">
      <t>イソゴク</t>
    </rPh>
    <phoneticPr fontId="3"/>
  </si>
  <si>
    <t>　人口増減（Ａ-Ｂ+Ｃ-Ｄ）</t>
    <phoneticPr fontId="3"/>
  </si>
  <si>
    <t>横浜市　金沢区</t>
    <phoneticPr fontId="3"/>
  </si>
  <si>
    <t>横浜市　港北区</t>
    <phoneticPr fontId="3"/>
  </si>
  <si>
    <t>横浜市　戸塚区</t>
    <phoneticPr fontId="3"/>
  </si>
  <si>
    <t>横浜市　港南区</t>
    <phoneticPr fontId="3"/>
  </si>
  <si>
    <t>横浜市　旭区</t>
    <phoneticPr fontId="3"/>
  </si>
  <si>
    <t>横浜市　緑区</t>
    <phoneticPr fontId="3"/>
  </si>
  <si>
    <t>横浜市　瀬谷区</t>
    <phoneticPr fontId="3"/>
  </si>
  <si>
    <t>横浜市　栄区</t>
    <phoneticPr fontId="3"/>
  </si>
  <si>
    <t>横浜市　泉区</t>
    <phoneticPr fontId="3"/>
  </si>
  <si>
    <t>横浜市　青葉区</t>
    <phoneticPr fontId="3"/>
  </si>
  <si>
    <t>横浜市　都筑区</t>
    <phoneticPr fontId="3"/>
  </si>
  <si>
    <t>川崎市</t>
    <phoneticPr fontId="3"/>
  </si>
  <si>
    <t>川崎市　川崎区</t>
    <rPh sb="0" eb="3">
      <t>カワサキシ</t>
    </rPh>
    <rPh sb="4" eb="5">
      <t>カワ</t>
    </rPh>
    <phoneticPr fontId="3"/>
  </si>
  <si>
    <t>川崎市　幸区</t>
    <phoneticPr fontId="3"/>
  </si>
  <si>
    <t>川崎市　中原区</t>
    <phoneticPr fontId="3"/>
  </si>
  <si>
    <t>川崎市　高津区</t>
    <phoneticPr fontId="3"/>
  </si>
  <si>
    <t>川崎市　多摩区</t>
    <phoneticPr fontId="3"/>
  </si>
  <si>
    <t>川崎市　宮前区</t>
    <phoneticPr fontId="3"/>
  </si>
  <si>
    <t>川崎市　麻生区</t>
    <phoneticPr fontId="3"/>
  </si>
  <si>
    <t>相模原市</t>
  </si>
  <si>
    <t>相模原市　緑区</t>
    <rPh sb="0" eb="4">
      <t>サガミハラシ</t>
    </rPh>
    <rPh sb="5" eb="7">
      <t>ミドリク</t>
    </rPh>
    <phoneticPr fontId="3"/>
  </si>
  <si>
    <t>相模原市　緑区</t>
    <phoneticPr fontId="3"/>
  </si>
  <si>
    <t>相模原市　中央区</t>
    <rPh sb="5" eb="8">
      <t>チュウオウク</t>
    </rPh>
    <phoneticPr fontId="3"/>
  </si>
  <si>
    <t>相模原市　中央区</t>
    <phoneticPr fontId="3"/>
  </si>
  <si>
    <t>相模原市　南区</t>
    <rPh sb="5" eb="7">
      <t>ミナミク</t>
    </rPh>
    <phoneticPr fontId="3"/>
  </si>
  <si>
    <t>相模原市　南区</t>
    <phoneticPr fontId="3"/>
  </si>
  <si>
    <t>横須賀市</t>
  </si>
  <si>
    <t>平塚市</t>
    <phoneticPr fontId="3"/>
  </si>
  <si>
    <t>鎌倉市</t>
    <phoneticPr fontId="3"/>
  </si>
  <si>
    <t>藤沢市</t>
    <phoneticPr fontId="3"/>
  </si>
  <si>
    <t>小田原市</t>
  </si>
  <si>
    <t>小田原市</t>
    <phoneticPr fontId="3"/>
  </si>
  <si>
    <t>茅ヶ崎市</t>
    <phoneticPr fontId="3"/>
  </si>
  <si>
    <t>逗子市</t>
    <phoneticPr fontId="3"/>
  </si>
  <si>
    <t>三浦市</t>
    <phoneticPr fontId="3"/>
  </si>
  <si>
    <t>秦野市</t>
    <phoneticPr fontId="3"/>
  </si>
  <si>
    <t>厚木市</t>
    <phoneticPr fontId="3"/>
  </si>
  <si>
    <t>大和市</t>
    <phoneticPr fontId="3"/>
  </si>
  <si>
    <t>伊勢原市</t>
  </si>
  <si>
    <t>海老名市</t>
  </si>
  <si>
    <t>座間市</t>
    <phoneticPr fontId="3"/>
  </si>
  <si>
    <t>南足柄市</t>
  </si>
  <si>
    <t>綾瀬市</t>
    <phoneticPr fontId="3"/>
  </si>
  <si>
    <t>葉山町</t>
    <phoneticPr fontId="3"/>
  </si>
  <si>
    <t>寒川町</t>
    <phoneticPr fontId="3"/>
  </si>
  <si>
    <t>大磯町</t>
    <phoneticPr fontId="3"/>
  </si>
  <si>
    <t>二宮町</t>
    <phoneticPr fontId="3"/>
  </si>
  <si>
    <t>中井町</t>
    <phoneticPr fontId="3"/>
  </si>
  <si>
    <t>大井町</t>
    <phoneticPr fontId="3"/>
  </si>
  <si>
    <t>松田町</t>
    <phoneticPr fontId="3"/>
  </si>
  <si>
    <t>山北町</t>
    <phoneticPr fontId="3"/>
  </si>
  <si>
    <t>開成町</t>
    <phoneticPr fontId="3"/>
  </si>
  <si>
    <t>箱根町</t>
    <phoneticPr fontId="3"/>
  </si>
  <si>
    <t>真鶴町</t>
    <phoneticPr fontId="3"/>
  </si>
  <si>
    <t>湯河原町</t>
  </si>
  <si>
    <t>愛川町</t>
    <phoneticPr fontId="3"/>
  </si>
  <si>
    <t>清川村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1"/>
      <name val="明朝"/>
      <family val="1"/>
      <charset val="128"/>
    </font>
    <font>
      <sz val="18"/>
      <name val="明朝"/>
      <family val="1"/>
      <charset val="128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14"/>
      <name val="明朝"/>
      <family val="1"/>
      <charset val="128"/>
    </font>
    <font>
      <sz val="12"/>
      <name val="明朝"/>
      <family val="1"/>
      <charset val="128"/>
    </font>
    <font>
      <b/>
      <sz val="11"/>
      <name val="ＭＳ ゴシック"/>
      <family val="3"/>
      <charset val="128"/>
    </font>
    <font>
      <sz val="11"/>
      <name val="明朝"/>
      <family val="1"/>
      <charset val="128"/>
    </font>
    <font>
      <b/>
      <sz val="11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7" fillId="0" borderId="0" applyFont="0" applyFill="0" applyBorder="0" applyAlignment="0" applyProtection="0"/>
  </cellStyleXfs>
  <cellXfs count="101">
    <xf numFmtId="0" fontId="0" fillId="0" borderId="0" xfId="0"/>
    <xf numFmtId="0" fontId="1" fillId="0" borderId="0" xfId="0" applyFont="1" applyFill="1" applyAlignment="1">
      <alignment horizontal="centerContinuous"/>
    </xf>
    <xf numFmtId="0" fontId="0" fillId="0" borderId="0" xfId="0" applyFill="1" applyAlignment="1">
      <alignment horizontal="centerContinuous"/>
    </xf>
    <xf numFmtId="0" fontId="0" fillId="0" borderId="0" xfId="0" applyFill="1"/>
    <xf numFmtId="0" fontId="4" fillId="0" borderId="1" xfId="0" applyFont="1" applyFill="1" applyBorder="1"/>
    <xf numFmtId="0" fontId="0" fillId="0" borderId="1" xfId="0" applyFill="1" applyBorder="1"/>
    <xf numFmtId="0" fontId="5" fillId="0" borderId="1" xfId="0" applyFont="1" applyFill="1" applyBorder="1"/>
    <xf numFmtId="0" fontId="0" fillId="0" borderId="2" xfId="0" quotePrefix="1" applyFill="1" applyBorder="1" applyAlignment="1">
      <alignment horizontal="center"/>
    </xf>
    <xf numFmtId="0" fontId="0" fillId="0" borderId="6" xfId="0" applyFill="1" applyBorder="1" applyAlignment="1">
      <alignment horizontal="right"/>
    </xf>
    <xf numFmtId="0" fontId="0" fillId="0" borderId="7" xfId="0" applyFill="1" applyBorder="1" applyAlignment="1">
      <alignment horizontal="center"/>
    </xf>
    <xf numFmtId="0" fontId="0" fillId="0" borderId="8" xfId="0" applyFill="1" applyBorder="1" applyAlignment="1">
      <alignment horizontal="center"/>
    </xf>
    <xf numFmtId="0" fontId="0" fillId="0" borderId="6" xfId="0" applyFill="1" applyBorder="1" applyAlignment="1">
      <alignment horizontal="center"/>
    </xf>
    <xf numFmtId="0" fontId="6" fillId="0" borderId="9" xfId="0" quotePrefix="1" applyFont="1" applyFill="1" applyBorder="1" applyAlignment="1">
      <alignment horizontal="center"/>
    </xf>
    <xf numFmtId="37" fontId="6" fillId="0" borderId="10" xfId="0" applyNumberFormat="1" applyFont="1" applyFill="1" applyBorder="1" applyAlignment="1">
      <alignment horizontal="right"/>
    </xf>
    <xf numFmtId="37" fontId="6" fillId="0" borderId="11" xfId="0" applyNumberFormat="1" applyFont="1" applyFill="1" applyBorder="1" applyAlignment="1">
      <alignment horizontal="right"/>
    </xf>
    <xf numFmtId="37" fontId="6" fillId="0" borderId="12" xfId="0" applyNumberFormat="1" applyFont="1" applyFill="1" applyBorder="1" applyAlignment="1">
      <alignment horizontal="right"/>
    </xf>
    <xf numFmtId="0" fontId="6" fillId="0" borderId="2" xfId="0" quotePrefix="1" applyFont="1" applyFill="1" applyBorder="1" applyAlignment="1">
      <alignment horizontal="right"/>
    </xf>
    <xf numFmtId="37" fontId="6" fillId="0" borderId="13" xfId="0" applyNumberFormat="1" applyFont="1" applyFill="1" applyBorder="1" applyAlignment="1">
      <alignment horizontal="right"/>
    </xf>
    <xf numFmtId="37" fontId="6" fillId="0" borderId="0" xfId="0" applyNumberFormat="1" applyFont="1" applyFill="1" applyBorder="1" applyAlignment="1">
      <alignment horizontal="right"/>
    </xf>
    <xf numFmtId="37" fontId="6" fillId="0" borderId="14" xfId="0" applyNumberFormat="1" applyFont="1" applyFill="1" applyBorder="1" applyAlignment="1">
      <alignment horizontal="right"/>
    </xf>
    <xf numFmtId="0" fontId="0" fillId="0" borderId="2" xfId="0" quotePrefix="1" applyFill="1" applyBorder="1" applyAlignment="1">
      <alignment horizontal="right"/>
    </xf>
    <xf numFmtId="37" fontId="0" fillId="0" borderId="13" xfId="0" applyNumberFormat="1" applyFill="1" applyBorder="1" applyAlignment="1">
      <alignment horizontal="right"/>
    </xf>
    <xf numFmtId="37" fontId="0" fillId="0" borderId="0" xfId="0" applyNumberFormat="1" applyFill="1" applyBorder="1" applyAlignment="1">
      <alignment horizontal="right"/>
    </xf>
    <xf numFmtId="37" fontId="0" fillId="0" borderId="14" xfId="0" applyNumberFormat="1" applyFill="1" applyBorder="1" applyAlignment="1">
      <alignment horizontal="right"/>
    </xf>
    <xf numFmtId="0" fontId="0" fillId="0" borderId="6" xfId="0" quotePrefix="1" applyFill="1" applyBorder="1" applyAlignment="1">
      <alignment horizontal="right"/>
    </xf>
    <xf numFmtId="37" fontId="0" fillId="0" borderId="7" xfId="0" applyNumberFormat="1" applyFill="1" applyBorder="1" applyAlignment="1">
      <alignment horizontal="right"/>
    </xf>
    <xf numFmtId="37" fontId="0" fillId="0" borderId="1" xfId="0" applyNumberFormat="1" applyFill="1" applyBorder="1" applyAlignment="1">
      <alignment horizontal="right"/>
    </xf>
    <xf numFmtId="37" fontId="0" fillId="0" borderId="15" xfId="0" applyNumberFormat="1" applyFill="1" applyBorder="1" applyAlignment="1">
      <alignment horizontal="right"/>
    </xf>
    <xf numFmtId="37" fontId="0" fillId="0" borderId="1" xfId="0" quotePrefix="1" applyNumberFormat="1" applyFill="1" applyBorder="1" applyAlignment="1">
      <alignment horizontal="centerContinuous"/>
    </xf>
    <xf numFmtId="37" fontId="0" fillId="0" borderId="0" xfId="0" applyNumberFormat="1" applyFill="1" applyBorder="1" applyAlignment="1">
      <alignment horizontal="centerContinuous"/>
    </xf>
    <xf numFmtId="37" fontId="0" fillId="0" borderId="0" xfId="0" applyNumberFormat="1" applyFill="1" applyBorder="1"/>
    <xf numFmtId="0" fontId="0" fillId="0" borderId="0" xfId="0" applyFill="1" applyBorder="1"/>
    <xf numFmtId="37" fontId="0" fillId="0" borderId="13" xfId="0" applyNumberFormat="1" applyFill="1" applyBorder="1" applyAlignment="1">
      <alignment horizontal="centerContinuous"/>
    </xf>
    <xf numFmtId="0" fontId="6" fillId="0" borderId="13" xfId="0" quotePrefix="1" applyFont="1" applyFill="1" applyBorder="1" applyAlignment="1">
      <alignment horizontal="center"/>
    </xf>
    <xf numFmtId="0" fontId="6" fillId="0" borderId="13" xfId="0" quotePrefix="1" applyFont="1" applyFill="1" applyBorder="1" applyAlignment="1">
      <alignment horizontal="right"/>
    </xf>
    <xf numFmtId="0" fontId="0" fillId="0" borderId="13" xfId="0" applyFill="1" applyBorder="1"/>
    <xf numFmtId="0" fontId="0" fillId="0" borderId="10" xfId="0" applyFill="1" applyBorder="1"/>
    <xf numFmtId="0" fontId="0" fillId="0" borderId="11" xfId="0" applyFill="1" applyBorder="1"/>
    <xf numFmtId="0" fontId="0" fillId="0" borderId="12" xfId="0" applyFill="1" applyBorder="1"/>
    <xf numFmtId="0" fontId="0" fillId="0" borderId="14" xfId="0" applyFill="1" applyBorder="1"/>
    <xf numFmtId="0" fontId="0" fillId="0" borderId="13" xfId="0" quotePrefix="1" applyFill="1" applyBorder="1" applyAlignment="1">
      <alignment horizontal="right"/>
    </xf>
    <xf numFmtId="0" fontId="6" fillId="0" borderId="7" xfId="0" quotePrefix="1" applyFont="1" applyFill="1" applyBorder="1" applyAlignment="1">
      <alignment horizontal="right"/>
    </xf>
    <xf numFmtId="37" fontId="6" fillId="0" borderId="7" xfId="0" applyNumberFormat="1" applyFont="1" applyFill="1" applyBorder="1" applyAlignment="1">
      <alignment horizontal="right"/>
    </xf>
    <xf numFmtId="37" fontId="6" fillId="0" borderId="1" xfId="0" applyNumberFormat="1" applyFont="1" applyFill="1" applyBorder="1" applyAlignment="1">
      <alignment horizontal="right"/>
    </xf>
    <xf numFmtId="37" fontId="6" fillId="0" borderId="15" xfId="0" applyNumberFormat="1" applyFont="1" applyFill="1" applyBorder="1" applyAlignment="1">
      <alignment horizontal="right"/>
    </xf>
    <xf numFmtId="0" fontId="0" fillId="0" borderId="3" xfId="0" applyFill="1" applyBorder="1" applyAlignment="1">
      <alignment horizontal="center"/>
    </xf>
    <xf numFmtId="0" fontId="0" fillId="0" borderId="4" xfId="0" applyFill="1" applyBorder="1" applyAlignment="1">
      <alignment horizontal="center"/>
    </xf>
    <xf numFmtId="0" fontId="4" fillId="0" borderId="1" xfId="0" quotePrefix="1" applyFont="1" applyFill="1" applyBorder="1" applyAlignment="1">
      <alignment horizontal="left"/>
    </xf>
    <xf numFmtId="3" fontId="0" fillId="0" borderId="0" xfId="0" applyNumberFormat="1" applyFill="1" applyBorder="1"/>
    <xf numFmtId="38" fontId="6" fillId="0" borderId="11" xfId="1" applyFont="1" applyFill="1" applyBorder="1"/>
    <xf numFmtId="38" fontId="6" fillId="0" borderId="12" xfId="1" applyFont="1" applyFill="1" applyBorder="1"/>
    <xf numFmtId="38" fontId="6" fillId="0" borderId="0" xfId="1" applyFont="1" applyFill="1" applyBorder="1"/>
    <xf numFmtId="38" fontId="6" fillId="0" borderId="14" xfId="1" applyFont="1" applyFill="1" applyBorder="1"/>
    <xf numFmtId="38" fontId="0" fillId="0" borderId="0" xfId="1" applyFont="1" applyFill="1" applyBorder="1"/>
    <xf numFmtId="38" fontId="0" fillId="0" borderId="14" xfId="1" applyFont="1" applyFill="1" applyBorder="1"/>
    <xf numFmtId="38" fontId="0" fillId="0" borderId="1" xfId="1" applyFont="1" applyFill="1" applyBorder="1"/>
    <xf numFmtId="38" fontId="0" fillId="0" borderId="15" xfId="1" applyFont="1" applyFill="1" applyBorder="1"/>
    <xf numFmtId="37" fontId="6" fillId="0" borderId="10" xfId="0" applyNumberFormat="1" applyFont="1" applyFill="1" applyBorder="1"/>
    <xf numFmtId="37" fontId="6" fillId="0" borderId="11" xfId="0" applyNumberFormat="1" applyFont="1" applyFill="1" applyBorder="1"/>
    <xf numFmtId="37" fontId="6" fillId="0" borderId="12" xfId="0" applyNumberFormat="1" applyFont="1" applyFill="1" applyBorder="1"/>
    <xf numFmtId="37" fontId="6" fillId="0" borderId="13" xfId="0" applyNumberFormat="1" applyFont="1" applyFill="1" applyBorder="1"/>
    <xf numFmtId="37" fontId="6" fillId="0" borderId="0" xfId="0" applyNumberFormat="1" applyFont="1" applyFill="1" applyBorder="1"/>
    <xf numFmtId="37" fontId="6" fillId="0" borderId="14" xfId="0" applyNumberFormat="1" applyFont="1" applyFill="1" applyBorder="1"/>
    <xf numFmtId="37" fontId="0" fillId="0" borderId="7" xfId="0" applyNumberFormat="1" applyFill="1" applyBorder="1"/>
    <xf numFmtId="37" fontId="0" fillId="0" borderId="1" xfId="0" applyNumberFormat="1" applyFill="1" applyBorder="1"/>
    <xf numFmtId="37" fontId="0" fillId="0" borderId="15" xfId="0" applyNumberFormat="1" applyFill="1" applyBorder="1"/>
    <xf numFmtId="37" fontId="8" fillId="0" borderId="13" xfId="0" applyNumberFormat="1" applyFont="1" applyFill="1" applyBorder="1" applyAlignment="1">
      <alignment horizontal="right"/>
    </xf>
    <xf numFmtId="38" fontId="6" fillId="0" borderId="1" xfId="1" applyFont="1" applyFill="1" applyBorder="1"/>
    <xf numFmtId="38" fontId="6" fillId="0" borderId="15" xfId="1" applyFont="1" applyFill="1" applyBorder="1"/>
    <xf numFmtId="0" fontId="6" fillId="0" borderId="9" xfId="0" applyFont="1" applyFill="1" applyBorder="1" applyAlignment="1">
      <alignment horizontal="center"/>
    </xf>
    <xf numFmtId="38" fontId="6" fillId="0" borderId="0" xfId="1" applyFont="1" applyFill="1" applyBorder="1" applyAlignment="1">
      <alignment horizontal="right"/>
    </xf>
    <xf numFmtId="38" fontId="6" fillId="0" borderId="14" xfId="1" applyFont="1" applyFill="1" applyBorder="1" applyAlignment="1">
      <alignment horizontal="right"/>
    </xf>
    <xf numFmtId="37" fontId="0" fillId="0" borderId="13" xfId="0" applyNumberFormat="1" applyFill="1" applyBorder="1"/>
    <xf numFmtId="37" fontId="0" fillId="0" borderId="14" xfId="0" applyNumberFormat="1" applyFill="1" applyBorder="1"/>
    <xf numFmtId="37" fontId="0" fillId="0" borderId="11" xfId="0" applyNumberFormat="1" applyFill="1" applyBorder="1"/>
    <xf numFmtId="0" fontId="6" fillId="0" borderId="13" xfId="0" applyFont="1" applyFill="1" applyBorder="1" applyAlignment="1">
      <alignment horizontal="center"/>
    </xf>
    <xf numFmtId="37" fontId="6" fillId="0" borderId="7" xfId="0" applyNumberFormat="1" applyFont="1" applyFill="1" applyBorder="1"/>
    <xf numFmtId="37" fontId="6" fillId="0" borderId="1" xfId="0" applyNumberFormat="1" applyFont="1" applyFill="1" applyBorder="1"/>
    <xf numFmtId="37" fontId="6" fillId="0" borderId="15" xfId="0" applyNumberFormat="1" applyFont="1" applyFill="1" applyBorder="1"/>
    <xf numFmtId="0" fontId="4" fillId="0" borderId="1" xfId="0" applyFont="1" applyFill="1" applyBorder="1" applyAlignment="1">
      <alignment horizontal="left"/>
    </xf>
    <xf numFmtId="0" fontId="0" fillId="0" borderId="9" xfId="0" quotePrefix="1" applyFill="1" applyBorder="1" applyAlignment="1">
      <alignment horizontal="center"/>
    </xf>
    <xf numFmtId="37" fontId="0" fillId="0" borderId="0" xfId="0" applyNumberFormat="1" applyFont="1" applyFill="1" applyBorder="1" applyAlignment="1">
      <alignment horizontal="right"/>
    </xf>
    <xf numFmtId="37" fontId="0" fillId="0" borderId="14" xfId="0" applyNumberFormat="1" applyFont="1" applyFill="1" applyBorder="1" applyAlignment="1">
      <alignment horizontal="right"/>
    </xf>
    <xf numFmtId="37" fontId="0" fillId="0" borderId="1" xfId="0" applyNumberFormat="1" applyFont="1" applyFill="1" applyBorder="1" applyAlignment="1">
      <alignment horizontal="right"/>
    </xf>
    <xf numFmtId="37" fontId="0" fillId="0" borderId="15" xfId="0" applyNumberFormat="1" applyFont="1" applyFill="1" applyBorder="1" applyAlignment="1">
      <alignment horizontal="right"/>
    </xf>
    <xf numFmtId="0" fontId="0" fillId="0" borderId="7" xfId="0" quotePrefix="1" applyFill="1" applyBorder="1" applyAlignment="1">
      <alignment horizontal="right"/>
    </xf>
    <xf numFmtId="37" fontId="0" fillId="0" borderId="7" xfId="0" applyNumberFormat="1" applyFont="1" applyFill="1" applyBorder="1" applyAlignment="1">
      <alignment horizontal="right"/>
    </xf>
    <xf numFmtId="0" fontId="0" fillId="0" borderId="9" xfId="0" applyFill="1" applyBorder="1"/>
    <xf numFmtId="0" fontId="6" fillId="0" borderId="6" xfId="0" quotePrefix="1" applyFont="1" applyFill="1" applyBorder="1" applyAlignment="1">
      <alignment horizontal="right"/>
    </xf>
    <xf numFmtId="38" fontId="7" fillId="0" borderId="0" xfId="1" applyFill="1" applyBorder="1"/>
    <xf numFmtId="38" fontId="7" fillId="0" borderId="14" xfId="1" applyFill="1" applyBorder="1"/>
    <xf numFmtId="38" fontId="7" fillId="0" borderId="1" xfId="1" applyFill="1" applyBorder="1"/>
    <xf numFmtId="38" fontId="7" fillId="0" borderId="15" xfId="1" applyFill="1" applyBorder="1"/>
    <xf numFmtId="0" fontId="0" fillId="0" borderId="3" xfId="0" applyFill="1" applyBorder="1" applyAlignment="1">
      <alignment horizontal="center"/>
    </xf>
    <xf numFmtId="0" fontId="0" fillId="0" borderId="4" xfId="0" applyFill="1" applyBorder="1" applyAlignment="1">
      <alignment horizontal="center"/>
    </xf>
    <xf numFmtId="0" fontId="0" fillId="0" borderId="5" xfId="0" applyFill="1" applyBorder="1" applyAlignment="1">
      <alignment horizontal="center"/>
    </xf>
    <xf numFmtId="0" fontId="1" fillId="0" borderId="0" xfId="0" applyFont="1" applyFill="1" applyAlignment="1">
      <alignment horizontal="center"/>
    </xf>
    <xf numFmtId="0" fontId="0" fillId="0" borderId="10" xfId="0" applyFill="1" applyBorder="1" applyAlignment="1">
      <alignment horizontal="center"/>
    </xf>
    <xf numFmtId="0" fontId="0" fillId="0" borderId="11" xfId="0" applyFill="1" applyBorder="1" applyAlignment="1">
      <alignment horizontal="center"/>
    </xf>
    <xf numFmtId="0" fontId="0" fillId="0" borderId="12" xfId="0" applyFill="1" applyBorder="1" applyAlignment="1">
      <alignment horizontal="center"/>
    </xf>
    <xf numFmtId="0" fontId="1" fillId="0" borderId="0" xfId="0" applyFont="1" applyFill="1" applyBorder="1" applyAlignment="1">
      <alignment horizontal="center"/>
    </xf>
  </cellXfs>
  <cellStyles count="2">
    <cellStyle name="桁区切り 2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theme" Target="theme/theme1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tabSelected="1" zoomScale="75" zoomScaleNormal="75" workbookViewId="0"/>
  </sheetViews>
  <sheetFormatPr defaultRowHeight="13.5"/>
  <cols>
    <col min="1" max="1" width="8.625" style="3" customWidth="1"/>
    <col min="2" max="3" width="9.375" style="3" customWidth="1"/>
    <col min="4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20200</v>
      </c>
      <c r="C5" s="14">
        <v>8288</v>
      </c>
      <c r="D5" s="15">
        <v>11912</v>
      </c>
      <c r="E5" s="13">
        <v>84505</v>
      </c>
      <c r="F5" s="14">
        <v>45071</v>
      </c>
      <c r="G5" s="15">
        <v>39434</v>
      </c>
      <c r="H5" s="13">
        <v>514781</v>
      </c>
      <c r="I5" s="14">
        <v>275610</v>
      </c>
      <c r="J5" s="15">
        <v>239171</v>
      </c>
      <c r="K5" s="13">
        <v>474981</v>
      </c>
      <c r="L5" s="14">
        <v>255583</v>
      </c>
      <c r="M5" s="15">
        <v>219398</v>
      </c>
    </row>
    <row r="6" spans="1:13" ht="19.5" customHeight="1">
      <c r="A6" s="16" t="s">
        <v>13</v>
      </c>
      <c r="B6" s="17">
        <v>65353</v>
      </c>
      <c r="C6" s="18">
        <v>33531</v>
      </c>
      <c r="D6" s="19">
        <v>31822</v>
      </c>
      <c r="E6" s="17">
        <v>167</v>
      </c>
      <c r="F6" s="18">
        <v>83</v>
      </c>
      <c r="G6" s="19">
        <v>84</v>
      </c>
      <c r="H6" s="17">
        <v>26908</v>
      </c>
      <c r="I6" s="18">
        <v>13890</v>
      </c>
      <c r="J6" s="19">
        <v>13018</v>
      </c>
      <c r="K6" s="17">
        <v>26293</v>
      </c>
      <c r="L6" s="18">
        <v>13608</v>
      </c>
      <c r="M6" s="19">
        <v>12685</v>
      </c>
    </row>
    <row r="7" spans="1:13">
      <c r="A7" s="20" t="s">
        <v>14</v>
      </c>
      <c r="B7" s="21">
        <v>65230</v>
      </c>
      <c r="C7" s="22">
        <v>33527</v>
      </c>
      <c r="D7" s="23">
        <v>31703</v>
      </c>
      <c r="E7" s="21">
        <v>108</v>
      </c>
      <c r="F7" s="22">
        <v>57</v>
      </c>
      <c r="G7" s="23">
        <v>51</v>
      </c>
      <c r="H7" s="21">
        <v>4766</v>
      </c>
      <c r="I7" s="22">
        <v>2494</v>
      </c>
      <c r="J7" s="23">
        <v>2272</v>
      </c>
      <c r="K7" s="21">
        <v>4333</v>
      </c>
      <c r="L7" s="22">
        <v>2242</v>
      </c>
      <c r="M7" s="23">
        <v>2091</v>
      </c>
    </row>
    <row r="8" spans="1:13">
      <c r="A8" s="20" t="s">
        <v>15</v>
      </c>
      <c r="B8" s="21">
        <v>297</v>
      </c>
      <c r="C8" s="22">
        <v>50</v>
      </c>
      <c r="D8" s="23">
        <v>247</v>
      </c>
      <c r="E8" s="21">
        <v>34</v>
      </c>
      <c r="F8" s="22">
        <v>16</v>
      </c>
      <c r="G8" s="23">
        <v>18</v>
      </c>
      <c r="H8" s="21">
        <v>7563</v>
      </c>
      <c r="I8" s="22">
        <v>3926</v>
      </c>
      <c r="J8" s="23">
        <v>3637</v>
      </c>
      <c r="K8" s="21">
        <v>7232</v>
      </c>
      <c r="L8" s="22">
        <v>3860</v>
      </c>
      <c r="M8" s="23">
        <v>3372</v>
      </c>
    </row>
    <row r="9" spans="1:13">
      <c r="A9" s="20" t="s">
        <v>16</v>
      </c>
      <c r="B9" s="21">
        <v>66</v>
      </c>
      <c r="C9" s="22">
        <v>113</v>
      </c>
      <c r="D9" s="23">
        <v>-47</v>
      </c>
      <c r="E9" s="21">
        <v>16</v>
      </c>
      <c r="F9" s="22">
        <v>6</v>
      </c>
      <c r="G9" s="23">
        <v>10</v>
      </c>
      <c r="H9" s="21">
        <v>5805</v>
      </c>
      <c r="I9" s="22">
        <v>3003</v>
      </c>
      <c r="J9" s="23">
        <v>2802</v>
      </c>
      <c r="K9" s="21">
        <v>5723</v>
      </c>
      <c r="L9" s="22">
        <v>2884</v>
      </c>
      <c r="M9" s="23">
        <v>2839</v>
      </c>
    </row>
    <row r="10" spans="1:13">
      <c r="A10" s="20" t="s">
        <v>17</v>
      </c>
      <c r="B10" s="21">
        <v>-89</v>
      </c>
      <c r="C10" s="22">
        <v>-38</v>
      </c>
      <c r="D10" s="23">
        <v>-51</v>
      </c>
      <c r="E10" s="21">
        <v>6</v>
      </c>
      <c r="F10" s="22">
        <v>3</v>
      </c>
      <c r="G10" s="23">
        <v>3</v>
      </c>
      <c r="H10" s="21">
        <v>4940</v>
      </c>
      <c r="I10" s="22">
        <v>2550</v>
      </c>
      <c r="J10" s="23">
        <v>2390</v>
      </c>
      <c r="K10" s="21">
        <v>5023</v>
      </c>
      <c r="L10" s="22">
        <v>2585</v>
      </c>
      <c r="M10" s="23">
        <v>2438</v>
      </c>
    </row>
    <row r="11" spans="1:13">
      <c r="A11" s="20" t="s">
        <v>18</v>
      </c>
      <c r="B11" s="21">
        <v>-151</v>
      </c>
      <c r="C11" s="22">
        <v>-121</v>
      </c>
      <c r="D11" s="23">
        <v>-30</v>
      </c>
      <c r="E11" s="21">
        <v>3</v>
      </c>
      <c r="F11" s="22">
        <v>1</v>
      </c>
      <c r="G11" s="23">
        <v>2</v>
      </c>
      <c r="H11" s="21">
        <v>3834</v>
      </c>
      <c r="I11" s="22">
        <v>1917</v>
      </c>
      <c r="J11" s="23">
        <v>1917</v>
      </c>
      <c r="K11" s="21">
        <v>3982</v>
      </c>
      <c r="L11" s="22">
        <v>2037</v>
      </c>
      <c r="M11" s="23">
        <v>1945</v>
      </c>
    </row>
    <row r="12" spans="1:13" ht="20.100000000000001" customHeight="1">
      <c r="A12" s="16" t="s">
        <v>19</v>
      </c>
      <c r="B12" s="17">
        <v>25</v>
      </c>
      <c r="C12" s="18">
        <v>71</v>
      </c>
      <c r="D12" s="19">
        <v>-46</v>
      </c>
      <c r="E12" s="17">
        <v>20</v>
      </c>
      <c r="F12" s="18">
        <v>9</v>
      </c>
      <c r="G12" s="19">
        <v>11</v>
      </c>
      <c r="H12" s="17">
        <v>13356</v>
      </c>
      <c r="I12" s="18">
        <v>6834</v>
      </c>
      <c r="J12" s="19">
        <v>6522</v>
      </c>
      <c r="K12" s="17">
        <v>13311</v>
      </c>
      <c r="L12" s="18">
        <v>6754</v>
      </c>
      <c r="M12" s="19">
        <v>6557</v>
      </c>
    </row>
    <row r="13" spans="1:13">
      <c r="A13" s="20" t="s">
        <v>20</v>
      </c>
      <c r="B13" s="21">
        <v>-64</v>
      </c>
      <c r="C13" s="22">
        <v>-82</v>
      </c>
      <c r="D13" s="23">
        <v>18</v>
      </c>
      <c r="E13" s="21">
        <v>4</v>
      </c>
      <c r="F13" s="22">
        <v>3</v>
      </c>
      <c r="G13" s="23">
        <v>1</v>
      </c>
      <c r="H13" s="21">
        <v>3302</v>
      </c>
      <c r="I13" s="22">
        <v>1669</v>
      </c>
      <c r="J13" s="23">
        <v>1633</v>
      </c>
      <c r="K13" s="21">
        <v>3362</v>
      </c>
      <c r="L13" s="22">
        <v>1748</v>
      </c>
      <c r="M13" s="23">
        <v>1614</v>
      </c>
    </row>
    <row r="14" spans="1:13">
      <c r="A14" s="20" t="s">
        <v>21</v>
      </c>
      <c r="B14" s="21">
        <v>-171</v>
      </c>
      <c r="C14" s="22">
        <v>-73</v>
      </c>
      <c r="D14" s="23">
        <v>-98</v>
      </c>
      <c r="E14" s="21">
        <v>6</v>
      </c>
      <c r="F14" s="22">
        <v>1</v>
      </c>
      <c r="G14" s="23">
        <v>5</v>
      </c>
      <c r="H14" s="21">
        <v>3158</v>
      </c>
      <c r="I14" s="22">
        <v>1617</v>
      </c>
      <c r="J14" s="23">
        <v>1541</v>
      </c>
      <c r="K14" s="21">
        <v>3323</v>
      </c>
      <c r="L14" s="22">
        <v>1689</v>
      </c>
      <c r="M14" s="23">
        <v>1634</v>
      </c>
    </row>
    <row r="15" spans="1:13">
      <c r="A15" s="20" t="s">
        <v>22</v>
      </c>
      <c r="B15" s="21">
        <v>-17</v>
      </c>
      <c r="C15" s="22">
        <v>44</v>
      </c>
      <c r="D15" s="23">
        <v>-61</v>
      </c>
      <c r="E15" s="21">
        <v>4</v>
      </c>
      <c r="F15" s="22">
        <v>2</v>
      </c>
      <c r="G15" s="23">
        <v>2</v>
      </c>
      <c r="H15" s="21">
        <v>2940</v>
      </c>
      <c r="I15" s="22">
        <v>1500</v>
      </c>
      <c r="J15" s="23">
        <v>1440</v>
      </c>
      <c r="K15" s="21">
        <v>2953</v>
      </c>
      <c r="L15" s="22">
        <v>1454</v>
      </c>
      <c r="M15" s="23">
        <v>1499</v>
      </c>
    </row>
    <row r="16" spans="1:13">
      <c r="A16" s="20" t="s">
        <v>23</v>
      </c>
      <c r="B16" s="21">
        <v>104</v>
      </c>
      <c r="C16" s="22">
        <v>96</v>
      </c>
      <c r="D16" s="23">
        <v>8</v>
      </c>
      <c r="E16" s="21">
        <v>4</v>
      </c>
      <c r="F16" s="22">
        <v>3</v>
      </c>
      <c r="G16" s="23">
        <v>1</v>
      </c>
      <c r="H16" s="21">
        <v>2003</v>
      </c>
      <c r="I16" s="22">
        <v>1061</v>
      </c>
      <c r="J16" s="23">
        <v>942</v>
      </c>
      <c r="K16" s="21">
        <v>1895</v>
      </c>
      <c r="L16" s="22">
        <v>962</v>
      </c>
      <c r="M16" s="23">
        <v>933</v>
      </c>
    </row>
    <row r="17" spans="1:13">
      <c r="A17" s="20" t="s">
        <v>24</v>
      </c>
      <c r="B17" s="21">
        <v>173</v>
      </c>
      <c r="C17" s="22">
        <v>86</v>
      </c>
      <c r="D17" s="23">
        <v>87</v>
      </c>
      <c r="E17" s="21">
        <v>2</v>
      </c>
      <c r="F17" s="22">
        <v>0</v>
      </c>
      <c r="G17" s="23">
        <v>2</v>
      </c>
      <c r="H17" s="21">
        <v>1953</v>
      </c>
      <c r="I17" s="22">
        <v>987</v>
      </c>
      <c r="J17" s="23">
        <v>966</v>
      </c>
      <c r="K17" s="21">
        <v>1778</v>
      </c>
      <c r="L17" s="22">
        <v>901</v>
      </c>
      <c r="M17" s="23">
        <v>877</v>
      </c>
    </row>
    <row r="18" spans="1:13" ht="20.100000000000001" customHeight="1">
      <c r="A18" s="16" t="s">
        <v>25</v>
      </c>
      <c r="B18" s="17">
        <v>693</v>
      </c>
      <c r="C18" s="18">
        <v>322</v>
      </c>
      <c r="D18" s="19">
        <v>371</v>
      </c>
      <c r="E18" s="17">
        <v>32</v>
      </c>
      <c r="F18" s="18">
        <v>13</v>
      </c>
      <c r="G18" s="19">
        <v>19</v>
      </c>
      <c r="H18" s="17">
        <v>7704</v>
      </c>
      <c r="I18" s="18">
        <v>3859</v>
      </c>
      <c r="J18" s="19">
        <v>3845</v>
      </c>
      <c r="K18" s="17">
        <v>6979</v>
      </c>
      <c r="L18" s="18">
        <v>3524</v>
      </c>
      <c r="M18" s="19">
        <v>3455</v>
      </c>
    </row>
    <row r="19" spans="1:13">
      <c r="A19" s="20" t="s">
        <v>26</v>
      </c>
      <c r="B19" s="21">
        <v>143</v>
      </c>
      <c r="C19" s="22">
        <v>44</v>
      </c>
      <c r="D19" s="23">
        <v>99</v>
      </c>
      <c r="E19" s="21">
        <v>3</v>
      </c>
      <c r="F19" s="22">
        <v>1</v>
      </c>
      <c r="G19" s="23">
        <v>2</v>
      </c>
      <c r="H19" s="21">
        <v>1784</v>
      </c>
      <c r="I19" s="22">
        <v>885</v>
      </c>
      <c r="J19" s="23">
        <v>899</v>
      </c>
      <c r="K19" s="21">
        <v>1638</v>
      </c>
      <c r="L19" s="22">
        <v>840</v>
      </c>
      <c r="M19" s="23">
        <v>798</v>
      </c>
    </row>
    <row r="20" spans="1:13">
      <c r="A20" s="20" t="s">
        <v>27</v>
      </c>
      <c r="B20" s="21">
        <v>216</v>
      </c>
      <c r="C20" s="22">
        <v>128</v>
      </c>
      <c r="D20" s="23">
        <v>88</v>
      </c>
      <c r="E20" s="21">
        <v>7</v>
      </c>
      <c r="F20" s="22">
        <v>2</v>
      </c>
      <c r="G20" s="23">
        <v>5</v>
      </c>
      <c r="H20" s="21">
        <v>1573</v>
      </c>
      <c r="I20" s="22">
        <v>773</v>
      </c>
      <c r="J20" s="23">
        <v>800</v>
      </c>
      <c r="K20" s="21">
        <v>1350</v>
      </c>
      <c r="L20" s="22">
        <v>643</v>
      </c>
      <c r="M20" s="23">
        <v>707</v>
      </c>
    </row>
    <row r="21" spans="1:13">
      <c r="A21" s="20" t="s">
        <v>28</v>
      </c>
      <c r="B21" s="21">
        <v>131</v>
      </c>
      <c r="C21" s="22">
        <v>51</v>
      </c>
      <c r="D21" s="23">
        <v>80</v>
      </c>
      <c r="E21" s="21">
        <v>8</v>
      </c>
      <c r="F21" s="22">
        <v>4</v>
      </c>
      <c r="G21" s="23">
        <v>4</v>
      </c>
      <c r="H21" s="21">
        <v>1541</v>
      </c>
      <c r="I21" s="22">
        <v>765</v>
      </c>
      <c r="J21" s="23">
        <v>776</v>
      </c>
      <c r="K21" s="21">
        <v>1402</v>
      </c>
      <c r="L21" s="22">
        <v>710</v>
      </c>
      <c r="M21" s="23">
        <v>692</v>
      </c>
    </row>
    <row r="22" spans="1:13">
      <c r="A22" s="20" t="s">
        <v>29</v>
      </c>
      <c r="B22" s="21">
        <v>83</v>
      </c>
      <c r="C22" s="22">
        <v>40</v>
      </c>
      <c r="D22" s="23">
        <v>43</v>
      </c>
      <c r="E22" s="21">
        <v>10</v>
      </c>
      <c r="F22" s="22">
        <v>4</v>
      </c>
      <c r="G22" s="23">
        <v>6</v>
      </c>
      <c r="H22" s="21">
        <v>1705</v>
      </c>
      <c r="I22" s="22">
        <v>870</v>
      </c>
      <c r="J22" s="23">
        <v>835</v>
      </c>
      <c r="K22" s="21">
        <v>1612</v>
      </c>
      <c r="L22" s="22">
        <v>826</v>
      </c>
      <c r="M22" s="23">
        <v>786</v>
      </c>
    </row>
    <row r="23" spans="1:13">
      <c r="A23" s="20" t="s">
        <v>30</v>
      </c>
      <c r="B23" s="21">
        <v>120</v>
      </c>
      <c r="C23" s="22">
        <v>59</v>
      </c>
      <c r="D23" s="23">
        <v>61</v>
      </c>
      <c r="E23" s="21">
        <v>4</v>
      </c>
      <c r="F23" s="22">
        <v>2</v>
      </c>
      <c r="G23" s="23">
        <v>2</v>
      </c>
      <c r="H23" s="21">
        <v>1101</v>
      </c>
      <c r="I23" s="22">
        <v>566</v>
      </c>
      <c r="J23" s="23">
        <v>535</v>
      </c>
      <c r="K23" s="21">
        <v>977</v>
      </c>
      <c r="L23" s="22">
        <v>505</v>
      </c>
      <c r="M23" s="23">
        <v>472</v>
      </c>
    </row>
    <row r="24" spans="1:13" ht="20.100000000000001" customHeight="1">
      <c r="A24" s="16" t="s">
        <v>31</v>
      </c>
      <c r="B24" s="17">
        <v>7241</v>
      </c>
      <c r="C24" s="18">
        <v>4138</v>
      </c>
      <c r="D24" s="19">
        <v>3103</v>
      </c>
      <c r="E24" s="17">
        <v>89</v>
      </c>
      <c r="F24" s="18">
        <v>58</v>
      </c>
      <c r="G24" s="19">
        <v>31</v>
      </c>
      <c r="H24" s="17">
        <v>21311</v>
      </c>
      <c r="I24" s="18">
        <v>12001</v>
      </c>
      <c r="J24" s="19">
        <v>9310</v>
      </c>
      <c r="K24" s="17">
        <v>13981</v>
      </c>
      <c r="L24" s="18">
        <v>7805</v>
      </c>
      <c r="M24" s="19">
        <v>6176</v>
      </c>
    </row>
    <row r="25" spans="1:13">
      <c r="A25" s="20" t="s">
        <v>32</v>
      </c>
      <c r="B25" s="21">
        <v>305</v>
      </c>
      <c r="C25" s="22">
        <v>275</v>
      </c>
      <c r="D25" s="23">
        <v>30</v>
      </c>
      <c r="E25" s="21">
        <v>11</v>
      </c>
      <c r="F25" s="22">
        <v>7</v>
      </c>
      <c r="G25" s="23">
        <v>4</v>
      </c>
      <c r="H25" s="21">
        <v>1674</v>
      </c>
      <c r="I25" s="22">
        <v>978</v>
      </c>
      <c r="J25" s="23">
        <v>696</v>
      </c>
      <c r="K25" s="21">
        <v>1358</v>
      </c>
      <c r="L25" s="22">
        <v>696</v>
      </c>
      <c r="M25" s="23">
        <v>662</v>
      </c>
    </row>
    <row r="26" spans="1:13">
      <c r="A26" s="20" t="s">
        <v>33</v>
      </c>
      <c r="B26" s="21">
        <v>187</v>
      </c>
      <c r="C26" s="22">
        <v>85</v>
      </c>
      <c r="D26" s="23">
        <v>102</v>
      </c>
      <c r="E26" s="21">
        <v>17</v>
      </c>
      <c r="F26" s="22">
        <v>10</v>
      </c>
      <c r="G26" s="23">
        <v>7</v>
      </c>
      <c r="H26" s="21">
        <v>1962</v>
      </c>
      <c r="I26" s="22">
        <v>962</v>
      </c>
      <c r="J26" s="23">
        <v>1000</v>
      </c>
      <c r="K26" s="21">
        <v>1758</v>
      </c>
      <c r="L26" s="22">
        <v>867</v>
      </c>
      <c r="M26" s="23">
        <v>891</v>
      </c>
    </row>
    <row r="27" spans="1:13">
      <c r="A27" s="20" t="s">
        <v>34</v>
      </c>
      <c r="B27" s="21">
        <v>177</v>
      </c>
      <c r="C27" s="22">
        <v>72</v>
      </c>
      <c r="D27" s="23">
        <v>105</v>
      </c>
      <c r="E27" s="21">
        <v>12</v>
      </c>
      <c r="F27" s="22">
        <v>9</v>
      </c>
      <c r="G27" s="23">
        <v>3</v>
      </c>
      <c r="H27" s="21">
        <v>1499</v>
      </c>
      <c r="I27" s="22">
        <v>712</v>
      </c>
      <c r="J27" s="23">
        <v>787</v>
      </c>
      <c r="K27" s="21">
        <v>1310</v>
      </c>
      <c r="L27" s="22">
        <v>631</v>
      </c>
      <c r="M27" s="23">
        <v>679</v>
      </c>
    </row>
    <row r="28" spans="1:13">
      <c r="A28" s="20" t="s">
        <v>35</v>
      </c>
      <c r="B28" s="21">
        <v>2210</v>
      </c>
      <c r="C28" s="22">
        <v>1331</v>
      </c>
      <c r="D28" s="23">
        <v>879</v>
      </c>
      <c r="E28" s="21">
        <v>17</v>
      </c>
      <c r="F28" s="22">
        <v>11</v>
      </c>
      <c r="G28" s="23">
        <v>6</v>
      </c>
      <c r="H28" s="21">
        <v>5903</v>
      </c>
      <c r="I28" s="22">
        <v>3585</v>
      </c>
      <c r="J28" s="23">
        <v>2318</v>
      </c>
      <c r="K28" s="21">
        <v>3676</v>
      </c>
      <c r="L28" s="22">
        <v>2243</v>
      </c>
      <c r="M28" s="23">
        <v>1433</v>
      </c>
    </row>
    <row r="29" spans="1:13">
      <c r="A29" s="20" t="s">
        <v>36</v>
      </c>
      <c r="B29" s="21">
        <v>4362</v>
      </c>
      <c r="C29" s="22">
        <v>2375</v>
      </c>
      <c r="D29" s="23">
        <v>1987</v>
      </c>
      <c r="E29" s="21">
        <v>32</v>
      </c>
      <c r="F29" s="22">
        <v>21</v>
      </c>
      <c r="G29" s="23">
        <v>11</v>
      </c>
      <c r="H29" s="21">
        <v>10273</v>
      </c>
      <c r="I29" s="22">
        <v>5764</v>
      </c>
      <c r="J29" s="23">
        <v>4509</v>
      </c>
      <c r="K29" s="21">
        <v>5879</v>
      </c>
      <c r="L29" s="22">
        <v>3368</v>
      </c>
      <c r="M29" s="23">
        <v>2511</v>
      </c>
    </row>
    <row r="30" spans="1:13" ht="20.100000000000001" customHeight="1">
      <c r="A30" s="16" t="s">
        <v>37</v>
      </c>
      <c r="B30" s="17">
        <v>16468</v>
      </c>
      <c r="C30" s="18">
        <v>8331</v>
      </c>
      <c r="D30" s="19">
        <v>8137</v>
      </c>
      <c r="E30" s="17">
        <v>142</v>
      </c>
      <c r="F30" s="18">
        <v>103</v>
      </c>
      <c r="G30" s="19">
        <v>39</v>
      </c>
      <c r="H30" s="17">
        <v>87536</v>
      </c>
      <c r="I30" s="18">
        <v>45824</v>
      </c>
      <c r="J30" s="19">
        <v>41712</v>
      </c>
      <c r="K30" s="17">
        <v>70926</v>
      </c>
      <c r="L30" s="18">
        <v>37390</v>
      </c>
      <c r="M30" s="19">
        <v>33536</v>
      </c>
    </row>
    <row r="31" spans="1:13">
      <c r="A31" s="20" t="s">
        <v>38</v>
      </c>
      <c r="B31" s="21">
        <v>2639</v>
      </c>
      <c r="C31" s="22">
        <v>1433</v>
      </c>
      <c r="D31" s="23">
        <v>1206</v>
      </c>
      <c r="E31" s="21">
        <v>29</v>
      </c>
      <c r="F31" s="22">
        <v>24</v>
      </c>
      <c r="G31" s="23">
        <v>5</v>
      </c>
      <c r="H31" s="21">
        <v>9614</v>
      </c>
      <c r="I31" s="22">
        <v>5155</v>
      </c>
      <c r="J31" s="23">
        <v>4459</v>
      </c>
      <c r="K31" s="21">
        <v>6946</v>
      </c>
      <c r="L31" s="22">
        <v>3698</v>
      </c>
      <c r="M31" s="23">
        <v>3248</v>
      </c>
    </row>
    <row r="32" spans="1:13">
      <c r="A32" s="20" t="s">
        <v>39</v>
      </c>
      <c r="B32" s="21">
        <v>3908</v>
      </c>
      <c r="C32" s="22">
        <v>1915</v>
      </c>
      <c r="D32" s="23">
        <v>1993</v>
      </c>
      <c r="E32" s="21">
        <v>26</v>
      </c>
      <c r="F32" s="22">
        <v>21</v>
      </c>
      <c r="G32" s="23">
        <v>5</v>
      </c>
      <c r="H32" s="21">
        <v>13482</v>
      </c>
      <c r="I32" s="22">
        <v>6679</v>
      </c>
      <c r="J32" s="23">
        <v>6803</v>
      </c>
      <c r="K32" s="21">
        <v>9548</v>
      </c>
      <c r="L32" s="22">
        <v>4743</v>
      </c>
      <c r="M32" s="23">
        <v>4805</v>
      </c>
    </row>
    <row r="33" spans="1:13">
      <c r="A33" s="20" t="s">
        <v>40</v>
      </c>
      <c r="B33" s="21">
        <v>2523</v>
      </c>
      <c r="C33" s="22">
        <v>1113</v>
      </c>
      <c r="D33" s="23">
        <v>1410</v>
      </c>
      <c r="E33" s="21">
        <v>25</v>
      </c>
      <c r="F33" s="22">
        <v>16</v>
      </c>
      <c r="G33" s="23">
        <v>9</v>
      </c>
      <c r="H33" s="21">
        <v>17030</v>
      </c>
      <c r="I33" s="22">
        <v>8568</v>
      </c>
      <c r="J33" s="23">
        <v>8462</v>
      </c>
      <c r="K33" s="21">
        <v>14482</v>
      </c>
      <c r="L33" s="22">
        <v>7439</v>
      </c>
      <c r="M33" s="23">
        <v>7043</v>
      </c>
    </row>
    <row r="34" spans="1:13">
      <c r="A34" s="20" t="s">
        <v>41</v>
      </c>
      <c r="B34" s="21">
        <v>5047</v>
      </c>
      <c r="C34" s="22">
        <v>2294</v>
      </c>
      <c r="D34" s="23">
        <v>2753</v>
      </c>
      <c r="E34" s="21">
        <v>37</v>
      </c>
      <c r="F34" s="22">
        <v>24</v>
      </c>
      <c r="G34" s="23">
        <v>13</v>
      </c>
      <c r="H34" s="21">
        <v>25942</v>
      </c>
      <c r="I34" s="22">
        <v>13651</v>
      </c>
      <c r="J34" s="23">
        <v>12291</v>
      </c>
      <c r="K34" s="21">
        <v>20858</v>
      </c>
      <c r="L34" s="22">
        <v>11333</v>
      </c>
      <c r="M34" s="23">
        <v>9525</v>
      </c>
    </row>
    <row r="35" spans="1:13">
      <c r="A35" s="20" t="s">
        <v>42</v>
      </c>
      <c r="B35" s="21">
        <v>2351</v>
      </c>
      <c r="C35" s="22">
        <v>1576</v>
      </c>
      <c r="D35" s="23">
        <v>775</v>
      </c>
      <c r="E35" s="21">
        <v>25</v>
      </c>
      <c r="F35" s="22">
        <v>18</v>
      </c>
      <c r="G35" s="23">
        <v>7</v>
      </c>
      <c r="H35" s="21">
        <v>21468</v>
      </c>
      <c r="I35" s="22">
        <v>11771</v>
      </c>
      <c r="J35" s="23">
        <v>9697</v>
      </c>
      <c r="K35" s="21">
        <v>19092</v>
      </c>
      <c r="L35" s="22">
        <v>10177</v>
      </c>
      <c r="M35" s="23">
        <v>8915</v>
      </c>
    </row>
    <row r="36" spans="1:13" ht="20.100000000000001" customHeight="1">
      <c r="A36" s="16" t="s">
        <v>43</v>
      </c>
      <c r="B36" s="17">
        <v>6642</v>
      </c>
      <c r="C36" s="18">
        <v>4099</v>
      </c>
      <c r="D36" s="19">
        <v>2543</v>
      </c>
      <c r="E36" s="17">
        <v>157</v>
      </c>
      <c r="F36" s="18">
        <v>108</v>
      </c>
      <c r="G36" s="19">
        <v>49</v>
      </c>
      <c r="H36" s="17">
        <v>105598</v>
      </c>
      <c r="I36" s="18">
        <v>56543</v>
      </c>
      <c r="J36" s="19">
        <v>49055</v>
      </c>
      <c r="K36" s="17">
        <v>98799</v>
      </c>
      <c r="L36" s="18">
        <v>52336</v>
      </c>
      <c r="M36" s="19">
        <v>46463</v>
      </c>
    </row>
    <row r="37" spans="1:13">
      <c r="A37" s="20" t="s">
        <v>44</v>
      </c>
      <c r="B37" s="21">
        <v>2179</v>
      </c>
      <c r="C37" s="22">
        <v>1541</v>
      </c>
      <c r="D37" s="23">
        <v>638</v>
      </c>
      <c r="E37" s="21">
        <v>27</v>
      </c>
      <c r="F37" s="22">
        <v>20</v>
      </c>
      <c r="G37" s="23">
        <v>7</v>
      </c>
      <c r="H37" s="21">
        <v>23775</v>
      </c>
      <c r="I37" s="22">
        <v>13073</v>
      </c>
      <c r="J37" s="23">
        <v>10702</v>
      </c>
      <c r="K37" s="21">
        <v>21569</v>
      </c>
      <c r="L37" s="22">
        <v>11512</v>
      </c>
      <c r="M37" s="23">
        <v>10057</v>
      </c>
    </row>
    <row r="38" spans="1:13">
      <c r="A38" s="20" t="s">
        <v>45</v>
      </c>
      <c r="B38" s="21">
        <v>1373</v>
      </c>
      <c r="C38" s="22">
        <v>913</v>
      </c>
      <c r="D38" s="23">
        <v>460</v>
      </c>
      <c r="E38" s="21">
        <v>24</v>
      </c>
      <c r="F38" s="22">
        <v>18</v>
      </c>
      <c r="G38" s="23">
        <v>6</v>
      </c>
      <c r="H38" s="21">
        <v>21838</v>
      </c>
      <c r="I38" s="22">
        <v>11585</v>
      </c>
      <c r="J38" s="23">
        <v>10253</v>
      </c>
      <c r="K38" s="21">
        <v>20441</v>
      </c>
      <c r="L38" s="22">
        <v>10654</v>
      </c>
      <c r="M38" s="23">
        <v>9787</v>
      </c>
    </row>
    <row r="39" spans="1:13">
      <c r="A39" s="20" t="s">
        <v>46</v>
      </c>
      <c r="B39" s="21">
        <v>1032</v>
      </c>
      <c r="C39" s="22">
        <v>466</v>
      </c>
      <c r="D39" s="23">
        <v>566</v>
      </c>
      <c r="E39" s="21">
        <v>45</v>
      </c>
      <c r="F39" s="22">
        <v>34</v>
      </c>
      <c r="G39" s="23">
        <v>11</v>
      </c>
      <c r="H39" s="21">
        <v>21063</v>
      </c>
      <c r="I39" s="22">
        <v>11044</v>
      </c>
      <c r="J39" s="23">
        <v>10019</v>
      </c>
      <c r="K39" s="21">
        <v>19986</v>
      </c>
      <c r="L39" s="22">
        <v>10544</v>
      </c>
      <c r="M39" s="23">
        <v>9442</v>
      </c>
    </row>
    <row r="40" spans="1:13">
      <c r="A40" s="20" t="s">
        <v>47</v>
      </c>
      <c r="B40" s="21">
        <v>1058</v>
      </c>
      <c r="C40" s="22">
        <v>647</v>
      </c>
      <c r="D40" s="23">
        <v>411</v>
      </c>
      <c r="E40" s="21">
        <v>28</v>
      </c>
      <c r="F40" s="22">
        <v>16</v>
      </c>
      <c r="G40" s="23">
        <v>12</v>
      </c>
      <c r="H40" s="21">
        <v>20162</v>
      </c>
      <c r="I40" s="22">
        <v>10764</v>
      </c>
      <c r="J40" s="23">
        <v>9398</v>
      </c>
      <c r="K40" s="21">
        <v>19076</v>
      </c>
      <c r="L40" s="22">
        <v>10101</v>
      </c>
      <c r="M40" s="23">
        <v>8975</v>
      </c>
    </row>
    <row r="41" spans="1:13">
      <c r="A41" s="20" t="s">
        <v>48</v>
      </c>
      <c r="B41" s="21">
        <v>1000</v>
      </c>
      <c r="C41" s="22">
        <v>532</v>
      </c>
      <c r="D41" s="23">
        <v>468</v>
      </c>
      <c r="E41" s="21">
        <v>33</v>
      </c>
      <c r="F41" s="22">
        <v>20</v>
      </c>
      <c r="G41" s="23">
        <v>13</v>
      </c>
      <c r="H41" s="21">
        <v>18760</v>
      </c>
      <c r="I41" s="22">
        <v>10077</v>
      </c>
      <c r="J41" s="23">
        <v>8683</v>
      </c>
      <c r="K41" s="21">
        <v>17727</v>
      </c>
      <c r="L41" s="22">
        <v>9525</v>
      </c>
      <c r="M41" s="23">
        <v>8202</v>
      </c>
    </row>
    <row r="42" spans="1:13" ht="20.100000000000001" customHeight="1">
      <c r="A42" s="16" t="s">
        <v>49</v>
      </c>
      <c r="B42" s="17">
        <v>2023</v>
      </c>
      <c r="C42" s="18">
        <v>991</v>
      </c>
      <c r="D42" s="19">
        <v>1032</v>
      </c>
      <c r="E42" s="17">
        <v>214</v>
      </c>
      <c r="F42" s="18">
        <v>152</v>
      </c>
      <c r="G42" s="19">
        <v>62</v>
      </c>
      <c r="H42" s="17">
        <v>73409</v>
      </c>
      <c r="I42" s="18">
        <v>39496</v>
      </c>
      <c r="J42" s="19">
        <v>33913</v>
      </c>
      <c r="K42" s="17">
        <v>71172</v>
      </c>
      <c r="L42" s="18">
        <v>38353</v>
      </c>
      <c r="M42" s="19">
        <v>32819</v>
      </c>
    </row>
    <row r="43" spans="1:13">
      <c r="A43" s="20" t="s">
        <v>50</v>
      </c>
      <c r="B43" s="21">
        <v>483</v>
      </c>
      <c r="C43" s="22">
        <v>217</v>
      </c>
      <c r="D43" s="23">
        <v>266</v>
      </c>
      <c r="E43" s="21">
        <v>42</v>
      </c>
      <c r="F43" s="22">
        <v>29</v>
      </c>
      <c r="G43" s="23">
        <v>13</v>
      </c>
      <c r="H43" s="21">
        <v>17369</v>
      </c>
      <c r="I43" s="22">
        <v>9199</v>
      </c>
      <c r="J43" s="23">
        <v>8170</v>
      </c>
      <c r="K43" s="21">
        <v>16844</v>
      </c>
      <c r="L43" s="22">
        <v>8953</v>
      </c>
      <c r="M43" s="23">
        <v>7891</v>
      </c>
    </row>
    <row r="44" spans="1:13">
      <c r="A44" s="20" t="s">
        <v>51</v>
      </c>
      <c r="B44" s="21">
        <v>361</v>
      </c>
      <c r="C44" s="22">
        <v>128</v>
      </c>
      <c r="D44" s="23">
        <v>233</v>
      </c>
      <c r="E44" s="21">
        <v>44</v>
      </c>
      <c r="F44" s="22">
        <v>32</v>
      </c>
      <c r="G44" s="23">
        <v>12</v>
      </c>
      <c r="H44" s="21">
        <v>16093</v>
      </c>
      <c r="I44" s="22">
        <v>8607</v>
      </c>
      <c r="J44" s="23">
        <v>7486</v>
      </c>
      <c r="K44" s="21">
        <v>15688</v>
      </c>
      <c r="L44" s="22">
        <v>8447</v>
      </c>
      <c r="M44" s="23">
        <v>7241</v>
      </c>
    </row>
    <row r="45" spans="1:13">
      <c r="A45" s="20" t="s">
        <v>52</v>
      </c>
      <c r="B45" s="21">
        <v>335</v>
      </c>
      <c r="C45" s="22">
        <v>241</v>
      </c>
      <c r="D45" s="23">
        <v>94</v>
      </c>
      <c r="E45" s="21">
        <v>33</v>
      </c>
      <c r="F45" s="22">
        <v>24</v>
      </c>
      <c r="G45" s="23">
        <v>9</v>
      </c>
      <c r="H45" s="21">
        <v>14386</v>
      </c>
      <c r="I45" s="22">
        <v>7815</v>
      </c>
      <c r="J45" s="23">
        <v>6571</v>
      </c>
      <c r="K45" s="21">
        <v>14018</v>
      </c>
      <c r="L45" s="22">
        <v>7550</v>
      </c>
      <c r="M45" s="23">
        <v>6468</v>
      </c>
    </row>
    <row r="46" spans="1:13">
      <c r="A46" s="20" t="s">
        <v>53</v>
      </c>
      <c r="B46" s="21">
        <v>378</v>
      </c>
      <c r="C46" s="22">
        <v>152</v>
      </c>
      <c r="D46" s="23">
        <v>226</v>
      </c>
      <c r="E46" s="21">
        <v>44</v>
      </c>
      <c r="F46" s="22">
        <v>29</v>
      </c>
      <c r="G46" s="23">
        <v>15</v>
      </c>
      <c r="H46" s="21">
        <v>13283</v>
      </c>
      <c r="I46" s="22">
        <v>7156</v>
      </c>
      <c r="J46" s="23">
        <v>6127</v>
      </c>
      <c r="K46" s="21">
        <v>12861</v>
      </c>
      <c r="L46" s="22">
        <v>6975</v>
      </c>
      <c r="M46" s="23">
        <v>5886</v>
      </c>
    </row>
    <row r="47" spans="1:13">
      <c r="A47" s="20" t="s">
        <v>54</v>
      </c>
      <c r="B47" s="21">
        <v>466</v>
      </c>
      <c r="C47" s="22">
        <v>253</v>
      </c>
      <c r="D47" s="23">
        <v>213</v>
      </c>
      <c r="E47" s="21">
        <v>51</v>
      </c>
      <c r="F47" s="22">
        <v>38</v>
      </c>
      <c r="G47" s="23">
        <v>13</v>
      </c>
      <c r="H47" s="21">
        <v>12278</v>
      </c>
      <c r="I47" s="22">
        <v>6719</v>
      </c>
      <c r="J47" s="23">
        <v>5559</v>
      </c>
      <c r="K47" s="21">
        <v>11761</v>
      </c>
      <c r="L47" s="22">
        <v>6428</v>
      </c>
      <c r="M47" s="23">
        <v>5333</v>
      </c>
    </row>
    <row r="48" spans="1:13" ht="20.100000000000001" customHeight="1">
      <c r="A48" s="16" t="s">
        <v>55</v>
      </c>
      <c r="B48" s="17">
        <v>1221</v>
      </c>
      <c r="C48" s="18">
        <v>505</v>
      </c>
      <c r="D48" s="19">
        <v>716</v>
      </c>
      <c r="E48" s="17">
        <v>308</v>
      </c>
      <c r="F48" s="18">
        <v>190</v>
      </c>
      <c r="G48" s="19">
        <v>118</v>
      </c>
      <c r="H48" s="17">
        <v>47745</v>
      </c>
      <c r="I48" s="18">
        <v>26643</v>
      </c>
      <c r="J48" s="19">
        <v>21102</v>
      </c>
      <c r="K48" s="17">
        <v>46216</v>
      </c>
      <c r="L48" s="18">
        <v>25948</v>
      </c>
      <c r="M48" s="19">
        <v>20268</v>
      </c>
    </row>
    <row r="49" spans="1:13">
      <c r="A49" s="20" t="s">
        <v>56</v>
      </c>
      <c r="B49" s="21">
        <v>254</v>
      </c>
      <c r="C49" s="22">
        <v>41</v>
      </c>
      <c r="D49" s="23">
        <v>213</v>
      </c>
      <c r="E49" s="21">
        <v>68</v>
      </c>
      <c r="F49" s="22">
        <v>46</v>
      </c>
      <c r="G49" s="23">
        <v>22</v>
      </c>
      <c r="H49" s="21">
        <v>11523</v>
      </c>
      <c r="I49" s="22">
        <v>6352</v>
      </c>
      <c r="J49" s="23">
        <v>5171</v>
      </c>
      <c r="K49" s="21">
        <v>11201</v>
      </c>
      <c r="L49" s="22">
        <v>6265</v>
      </c>
      <c r="M49" s="23">
        <v>4936</v>
      </c>
    </row>
    <row r="50" spans="1:13">
      <c r="A50" s="20" t="s">
        <v>57</v>
      </c>
      <c r="B50" s="21">
        <v>286</v>
      </c>
      <c r="C50" s="22">
        <v>108</v>
      </c>
      <c r="D50" s="23">
        <v>178</v>
      </c>
      <c r="E50" s="21">
        <v>50</v>
      </c>
      <c r="F50" s="22">
        <v>30</v>
      </c>
      <c r="G50" s="23">
        <v>20</v>
      </c>
      <c r="H50" s="21">
        <v>10522</v>
      </c>
      <c r="I50" s="22">
        <v>5890</v>
      </c>
      <c r="J50" s="23">
        <v>4632</v>
      </c>
      <c r="K50" s="21">
        <v>10186</v>
      </c>
      <c r="L50" s="22">
        <v>5752</v>
      </c>
      <c r="M50" s="23">
        <v>4434</v>
      </c>
    </row>
    <row r="51" spans="1:13">
      <c r="A51" s="20" t="s">
        <v>58</v>
      </c>
      <c r="B51" s="21">
        <v>270</v>
      </c>
      <c r="C51" s="22">
        <v>176</v>
      </c>
      <c r="D51" s="23">
        <v>94</v>
      </c>
      <c r="E51" s="21">
        <v>57</v>
      </c>
      <c r="F51" s="22">
        <v>29</v>
      </c>
      <c r="G51" s="23">
        <v>28</v>
      </c>
      <c r="H51" s="21">
        <v>9464</v>
      </c>
      <c r="I51" s="22">
        <v>5260</v>
      </c>
      <c r="J51" s="23">
        <v>4204</v>
      </c>
      <c r="K51" s="21">
        <v>9137</v>
      </c>
      <c r="L51" s="22">
        <v>5055</v>
      </c>
      <c r="M51" s="23">
        <v>4082</v>
      </c>
    </row>
    <row r="52" spans="1:13">
      <c r="A52" s="20" t="s">
        <v>59</v>
      </c>
      <c r="B52" s="21">
        <v>246</v>
      </c>
      <c r="C52" s="22">
        <v>128</v>
      </c>
      <c r="D52" s="23">
        <v>118</v>
      </c>
      <c r="E52" s="21">
        <v>55</v>
      </c>
      <c r="F52" s="22">
        <v>35</v>
      </c>
      <c r="G52" s="23">
        <v>20</v>
      </c>
      <c r="H52" s="21">
        <v>8506</v>
      </c>
      <c r="I52" s="22">
        <v>4788</v>
      </c>
      <c r="J52" s="23">
        <v>3718</v>
      </c>
      <c r="K52" s="21">
        <v>8205</v>
      </c>
      <c r="L52" s="22">
        <v>4625</v>
      </c>
      <c r="M52" s="23">
        <v>3580</v>
      </c>
    </row>
    <row r="53" spans="1:13">
      <c r="A53" s="20" t="s">
        <v>60</v>
      </c>
      <c r="B53" s="21">
        <v>165</v>
      </c>
      <c r="C53" s="22">
        <v>52</v>
      </c>
      <c r="D53" s="23">
        <v>113</v>
      </c>
      <c r="E53" s="21">
        <v>78</v>
      </c>
      <c r="F53" s="22">
        <v>50</v>
      </c>
      <c r="G53" s="23">
        <v>28</v>
      </c>
      <c r="H53" s="21">
        <v>7730</v>
      </c>
      <c r="I53" s="22">
        <v>4353</v>
      </c>
      <c r="J53" s="23">
        <v>3377</v>
      </c>
      <c r="K53" s="21">
        <v>7487</v>
      </c>
      <c r="L53" s="22">
        <v>4251</v>
      </c>
      <c r="M53" s="23">
        <v>3236</v>
      </c>
    </row>
    <row r="54" spans="1:13" ht="20.100000000000001" customHeight="1">
      <c r="A54" s="16" t="s">
        <v>61</v>
      </c>
      <c r="B54" s="17">
        <v>364</v>
      </c>
      <c r="C54" s="18">
        <v>98</v>
      </c>
      <c r="D54" s="19">
        <v>266</v>
      </c>
      <c r="E54" s="17">
        <v>540</v>
      </c>
      <c r="F54" s="18">
        <v>332</v>
      </c>
      <c r="G54" s="19">
        <v>208</v>
      </c>
      <c r="H54" s="17">
        <v>31841</v>
      </c>
      <c r="I54" s="18">
        <v>18261</v>
      </c>
      <c r="J54" s="19">
        <v>13580</v>
      </c>
      <c r="K54" s="17">
        <v>30937</v>
      </c>
      <c r="L54" s="18">
        <v>17831</v>
      </c>
      <c r="M54" s="19">
        <v>13106</v>
      </c>
    </row>
    <row r="55" spans="1:13">
      <c r="A55" s="20" t="s">
        <v>62</v>
      </c>
      <c r="B55" s="21">
        <v>144</v>
      </c>
      <c r="C55" s="22">
        <v>-36</v>
      </c>
      <c r="D55" s="23">
        <v>180</v>
      </c>
      <c r="E55" s="21">
        <v>96</v>
      </c>
      <c r="F55" s="22">
        <v>67</v>
      </c>
      <c r="G55" s="23">
        <v>29</v>
      </c>
      <c r="H55" s="21">
        <v>7367</v>
      </c>
      <c r="I55" s="22">
        <v>4115</v>
      </c>
      <c r="J55" s="23">
        <v>3252</v>
      </c>
      <c r="K55" s="21">
        <v>7127</v>
      </c>
      <c r="L55" s="22">
        <v>4084</v>
      </c>
      <c r="M55" s="23">
        <v>3043</v>
      </c>
    </row>
    <row r="56" spans="1:13">
      <c r="A56" s="20" t="s">
        <v>63</v>
      </c>
      <c r="B56" s="21">
        <v>100</v>
      </c>
      <c r="C56" s="22">
        <v>18</v>
      </c>
      <c r="D56" s="23">
        <v>82</v>
      </c>
      <c r="E56" s="21">
        <v>91</v>
      </c>
      <c r="F56" s="22">
        <v>60</v>
      </c>
      <c r="G56" s="23">
        <v>31</v>
      </c>
      <c r="H56" s="21">
        <v>6666</v>
      </c>
      <c r="I56" s="22">
        <v>3785</v>
      </c>
      <c r="J56" s="23">
        <v>2881</v>
      </c>
      <c r="K56" s="21">
        <v>6475</v>
      </c>
      <c r="L56" s="22">
        <v>3707</v>
      </c>
      <c r="M56" s="23">
        <v>2768</v>
      </c>
    </row>
    <row r="57" spans="1:13">
      <c r="A57" s="20" t="s">
        <v>64</v>
      </c>
      <c r="B57" s="21">
        <v>66</v>
      </c>
      <c r="C57" s="22">
        <v>51</v>
      </c>
      <c r="D57" s="23">
        <v>15</v>
      </c>
      <c r="E57" s="21">
        <v>110</v>
      </c>
      <c r="F57" s="22">
        <v>64</v>
      </c>
      <c r="G57" s="23">
        <v>46</v>
      </c>
      <c r="H57" s="21">
        <v>6251</v>
      </c>
      <c r="I57" s="22">
        <v>3646</v>
      </c>
      <c r="J57" s="23">
        <v>2605</v>
      </c>
      <c r="K57" s="21">
        <v>6075</v>
      </c>
      <c r="L57" s="22">
        <v>3531</v>
      </c>
      <c r="M57" s="23">
        <v>2544</v>
      </c>
    </row>
    <row r="58" spans="1:13">
      <c r="A58" s="20" t="s">
        <v>65</v>
      </c>
      <c r="B58" s="21">
        <v>91</v>
      </c>
      <c r="C58" s="22">
        <v>47</v>
      </c>
      <c r="D58" s="23">
        <v>44</v>
      </c>
      <c r="E58" s="21">
        <v>126</v>
      </c>
      <c r="F58" s="22">
        <v>75</v>
      </c>
      <c r="G58" s="23">
        <v>51</v>
      </c>
      <c r="H58" s="21">
        <v>5943</v>
      </c>
      <c r="I58" s="22">
        <v>3465</v>
      </c>
      <c r="J58" s="23">
        <v>2478</v>
      </c>
      <c r="K58" s="21">
        <v>5726</v>
      </c>
      <c r="L58" s="22">
        <v>3343</v>
      </c>
      <c r="M58" s="23">
        <v>2383</v>
      </c>
    </row>
    <row r="59" spans="1:13">
      <c r="A59" s="20" t="s">
        <v>66</v>
      </c>
      <c r="B59" s="21">
        <v>-37</v>
      </c>
      <c r="C59" s="22">
        <v>18</v>
      </c>
      <c r="D59" s="23">
        <v>-55</v>
      </c>
      <c r="E59" s="21">
        <v>117</v>
      </c>
      <c r="F59" s="22">
        <v>66</v>
      </c>
      <c r="G59" s="23">
        <v>51</v>
      </c>
      <c r="H59" s="21">
        <v>5614</v>
      </c>
      <c r="I59" s="22">
        <v>3250</v>
      </c>
      <c r="J59" s="23">
        <v>2364</v>
      </c>
      <c r="K59" s="21">
        <v>5534</v>
      </c>
      <c r="L59" s="22">
        <v>3166</v>
      </c>
      <c r="M59" s="23">
        <v>2368</v>
      </c>
    </row>
    <row r="60" spans="1:13" ht="20.100000000000001" customHeight="1">
      <c r="A60" s="16" t="s">
        <v>67</v>
      </c>
      <c r="B60" s="17">
        <v>-82</v>
      </c>
      <c r="C60" s="18">
        <v>-435</v>
      </c>
      <c r="D60" s="19">
        <v>353</v>
      </c>
      <c r="E60" s="17">
        <v>991</v>
      </c>
      <c r="F60" s="18">
        <v>608</v>
      </c>
      <c r="G60" s="19">
        <v>383</v>
      </c>
      <c r="H60" s="17">
        <v>25548</v>
      </c>
      <c r="I60" s="18">
        <v>14562</v>
      </c>
      <c r="J60" s="19">
        <v>10986</v>
      </c>
      <c r="K60" s="17">
        <v>24639</v>
      </c>
      <c r="L60" s="18">
        <v>14389</v>
      </c>
      <c r="M60" s="19">
        <v>10250</v>
      </c>
    </row>
    <row r="61" spans="1:13">
      <c r="A61" s="20" t="s">
        <v>68</v>
      </c>
      <c r="B61" s="21">
        <v>12</v>
      </c>
      <c r="C61" s="22">
        <v>-92</v>
      </c>
      <c r="D61" s="23">
        <v>104</v>
      </c>
      <c r="E61" s="21">
        <v>145</v>
      </c>
      <c r="F61" s="22">
        <v>90</v>
      </c>
      <c r="G61" s="23">
        <v>55</v>
      </c>
      <c r="H61" s="21">
        <v>5576</v>
      </c>
      <c r="I61" s="22">
        <v>3234</v>
      </c>
      <c r="J61" s="23">
        <v>2342</v>
      </c>
      <c r="K61" s="21">
        <v>5419</v>
      </c>
      <c r="L61" s="22">
        <v>3236</v>
      </c>
      <c r="M61" s="23">
        <v>2183</v>
      </c>
    </row>
    <row r="62" spans="1:13">
      <c r="A62" s="20" t="s">
        <v>69</v>
      </c>
      <c r="B62" s="21">
        <v>94</v>
      </c>
      <c r="C62" s="22">
        <v>14</v>
      </c>
      <c r="D62" s="23">
        <v>80</v>
      </c>
      <c r="E62" s="21">
        <v>170</v>
      </c>
      <c r="F62" s="22">
        <v>106</v>
      </c>
      <c r="G62" s="23">
        <v>64</v>
      </c>
      <c r="H62" s="21">
        <v>5417</v>
      </c>
      <c r="I62" s="22">
        <v>3079</v>
      </c>
      <c r="J62" s="23">
        <v>2338</v>
      </c>
      <c r="K62" s="21">
        <v>5153</v>
      </c>
      <c r="L62" s="22">
        <v>2959</v>
      </c>
      <c r="M62" s="23">
        <v>2194</v>
      </c>
    </row>
    <row r="63" spans="1:13">
      <c r="A63" s="20" t="s">
        <v>70</v>
      </c>
      <c r="B63" s="21">
        <v>92</v>
      </c>
      <c r="C63" s="22">
        <v>-63</v>
      </c>
      <c r="D63" s="23">
        <v>155</v>
      </c>
      <c r="E63" s="21">
        <v>202</v>
      </c>
      <c r="F63" s="22">
        <v>115</v>
      </c>
      <c r="G63" s="23">
        <v>87</v>
      </c>
      <c r="H63" s="21">
        <v>5117</v>
      </c>
      <c r="I63" s="22">
        <v>2909</v>
      </c>
      <c r="J63" s="23">
        <v>2208</v>
      </c>
      <c r="K63" s="21">
        <v>4823</v>
      </c>
      <c r="L63" s="22">
        <v>2857</v>
      </c>
      <c r="M63" s="23">
        <v>1966</v>
      </c>
    </row>
    <row r="64" spans="1:13">
      <c r="A64" s="20" t="s">
        <v>71</v>
      </c>
      <c r="B64" s="21">
        <v>-140</v>
      </c>
      <c r="C64" s="22">
        <v>-146</v>
      </c>
      <c r="D64" s="23">
        <v>6</v>
      </c>
      <c r="E64" s="21">
        <v>223</v>
      </c>
      <c r="F64" s="22">
        <v>137</v>
      </c>
      <c r="G64" s="23">
        <v>86</v>
      </c>
      <c r="H64" s="21">
        <v>4836</v>
      </c>
      <c r="I64" s="22">
        <v>2735</v>
      </c>
      <c r="J64" s="23">
        <v>2101</v>
      </c>
      <c r="K64" s="21">
        <v>4753</v>
      </c>
      <c r="L64" s="22">
        <v>2744</v>
      </c>
      <c r="M64" s="23">
        <v>2009</v>
      </c>
    </row>
    <row r="65" spans="1:13">
      <c r="A65" s="24" t="s">
        <v>72</v>
      </c>
      <c r="B65" s="25">
        <v>-140</v>
      </c>
      <c r="C65" s="26">
        <v>-148</v>
      </c>
      <c r="D65" s="27">
        <v>8</v>
      </c>
      <c r="E65" s="25">
        <v>251</v>
      </c>
      <c r="F65" s="26">
        <v>160</v>
      </c>
      <c r="G65" s="27">
        <v>91</v>
      </c>
      <c r="H65" s="25">
        <v>4602</v>
      </c>
      <c r="I65" s="26">
        <v>2605</v>
      </c>
      <c r="J65" s="27">
        <v>1997</v>
      </c>
      <c r="K65" s="25">
        <v>4491</v>
      </c>
      <c r="L65" s="26">
        <v>2593</v>
      </c>
      <c r="M65" s="27">
        <v>1898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13">
        <v>64905</v>
      </c>
      <c r="C69" s="14">
        <v>33332</v>
      </c>
      <c r="D69" s="15">
        <v>3157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17">
        <v>64905</v>
      </c>
      <c r="C70" s="18">
        <v>33332</v>
      </c>
      <c r="D70" s="19">
        <v>31573</v>
      </c>
      <c r="K70" s="31"/>
    </row>
    <row r="71" spans="1:13">
      <c r="A71" s="24">
        <v>0</v>
      </c>
      <c r="B71" s="25">
        <v>64905</v>
      </c>
      <c r="C71" s="26">
        <v>33332</v>
      </c>
      <c r="D71" s="27">
        <v>31573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76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9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1037</v>
      </c>
      <c r="C77" s="18">
        <v>-832</v>
      </c>
      <c r="D77" s="19">
        <v>-205</v>
      </c>
      <c r="E77" s="17">
        <v>1459</v>
      </c>
      <c r="F77" s="18">
        <v>969</v>
      </c>
      <c r="G77" s="19">
        <v>490</v>
      </c>
      <c r="H77" s="17">
        <v>19145</v>
      </c>
      <c r="I77" s="18">
        <v>10994</v>
      </c>
      <c r="J77" s="19">
        <v>8151</v>
      </c>
      <c r="K77" s="17">
        <v>18723</v>
      </c>
      <c r="L77" s="18">
        <v>10857</v>
      </c>
      <c r="M77" s="19">
        <v>7866</v>
      </c>
    </row>
    <row r="78" spans="1:13">
      <c r="A78" s="40" t="s">
        <v>81</v>
      </c>
      <c r="B78" s="21">
        <v>-190</v>
      </c>
      <c r="C78" s="22">
        <v>-164</v>
      </c>
      <c r="D78" s="23">
        <v>-26</v>
      </c>
      <c r="E78" s="21">
        <v>252</v>
      </c>
      <c r="F78" s="22">
        <v>157</v>
      </c>
      <c r="G78" s="23">
        <v>95</v>
      </c>
      <c r="H78" s="21">
        <v>4420</v>
      </c>
      <c r="I78" s="22">
        <v>2520</v>
      </c>
      <c r="J78" s="23">
        <v>1900</v>
      </c>
      <c r="K78" s="21">
        <v>4358</v>
      </c>
      <c r="L78" s="22">
        <v>2527</v>
      </c>
      <c r="M78" s="23">
        <v>1831</v>
      </c>
    </row>
    <row r="79" spans="1:13">
      <c r="A79" s="40" t="s">
        <v>82</v>
      </c>
      <c r="B79" s="21">
        <v>-171</v>
      </c>
      <c r="C79" s="22">
        <v>-142</v>
      </c>
      <c r="D79" s="23">
        <v>-29</v>
      </c>
      <c r="E79" s="21">
        <v>290</v>
      </c>
      <c r="F79" s="22">
        <v>191</v>
      </c>
      <c r="G79" s="23">
        <v>99</v>
      </c>
      <c r="H79" s="21">
        <v>4188</v>
      </c>
      <c r="I79" s="22">
        <v>2424</v>
      </c>
      <c r="J79" s="23">
        <v>1764</v>
      </c>
      <c r="K79" s="21">
        <v>4069</v>
      </c>
      <c r="L79" s="22">
        <v>2375</v>
      </c>
      <c r="M79" s="23">
        <v>1694</v>
      </c>
    </row>
    <row r="80" spans="1:13">
      <c r="A80" s="40" t="s">
        <v>83</v>
      </c>
      <c r="B80" s="21">
        <v>-137</v>
      </c>
      <c r="C80" s="22">
        <v>-117</v>
      </c>
      <c r="D80" s="23">
        <v>-20</v>
      </c>
      <c r="E80" s="21">
        <v>305</v>
      </c>
      <c r="F80" s="22">
        <v>208</v>
      </c>
      <c r="G80" s="23">
        <v>97</v>
      </c>
      <c r="H80" s="21">
        <v>3992</v>
      </c>
      <c r="I80" s="22">
        <v>2339</v>
      </c>
      <c r="J80" s="23">
        <v>1653</v>
      </c>
      <c r="K80" s="21">
        <v>3824</v>
      </c>
      <c r="L80" s="22">
        <v>2248</v>
      </c>
      <c r="M80" s="23">
        <v>1576</v>
      </c>
    </row>
    <row r="81" spans="1:13">
      <c r="A81" s="40" t="s">
        <v>84</v>
      </c>
      <c r="B81" s="21">
        <v>-290</v>
      </c>
      <c r="C81" s="22">
        <v>-177</v>
      </c>
      <c r="D81" s="23">
        <v>-113</v>
      </c>
      <c r="E81" s="21">
        <v>268</v>
      </c>
      <c r="F81" s="22">
        <v>175</v>
      </c>
      <c r="G81" s="23">
        <v>93</v>
      </c>
      <c r="H81" s="21">
        <v>3014</v>
      </c>
      <c r="I81" s="22">
        <v>1765</v>
      </c>
      <c r="J81" s="23">
        <v>1249</v>
      </c>
      <c r="K81" s="21">
        <v>3036</v>
      </c>
      <c r="L81" s="22">
        <v>1767</v>
      </c>
      <c r="M81" s="23">
        <v>1269</v>
      </c>
    </row>
    <row r="82" spans="1:13">
      <c r="A82" s="40" t="s">
        <v>85</v>
      </c>
      <c r="B82" s="21">
        <v>-249</v>
      </c>
      <c r="C82" s="22">
        <v>-232</v>
      </c>
      <c r="D82" s="23">
        <v>-17</v>
      </c>
      <c r="E82" s="21">
        <v>344</v>
      </c>
      <c r="F82" s="22">
        <v>238</v>
      </c>
      <c r="G82" s="23">
        <v>106</v>
      </c>
      <c r="H82" s="21">
        <v>3531</v>
      </c>
      <c r="I82" s="22">
        <v>1946</v>
      </c>
      <c r="J82" s="23">
        <v>1585</v>
      </c>
      <c r="K82" s="21">
        <v>3436</v>
      </c>
      <c r="L82" s="22">
        <v>1940</v>
      </c>
      <c r="M82" s="23">
        <v>1496</v>
      </c>
    </row>
    <row r="83" spans="1:13" ht="19.5" customHeight="1">
      <c r="A83" s="34" t="s">
        <v>86</v>
      </c>
      <c r="B83" s="17">
        <v>-1964</v>
      </c>
      <c r="C83" s="18">
        <v>-1343</v>
      </c>
      <c r="D83" s="19">
        <v>-621</v>
      </c>
      <c r="E83" s="17">
        <v>1950</v>
      </c>
      <c r="F83" s="18">
        <v>1332</v>
      </c>
      <c r="G83" s="19">
        <v>618</v>
      </c>
      <c r="H83" s="17">
        <v>13341</v>
      </c>
      <c r="I83" s="18">
        <v>7627</v>
      </c>
      <c r="J83" s="19">
        <v>5714</v>
      </c>
      <c r="K83" s="17">
        <v>13355</v>
      </c>
      <c r="L83" s="18">
        <v>7638</v>
      </c>
      <c r="M83" s="19">
        <v>5717</v>
      </c>
    </row>
    <row r="84" spans="1:13">
      <c r="A84" s="40" t="s">
        <v>87</v>
      </c>
      <c r="B84" s="21">
        <v>-311</v>
      </c>
      <c r="C84" s="22">
        <v>-195</v>
      </c>
      <c r="D84" s="23">
        <v>-116</v>
      </c>
      <c r="E84" s="21">
        <v>338</v>
      </c>
      <c r="F84" s="22">
        <v>229</v>
      </c>
      <c r="G84" s="23">
        <v>109</v>
      </c>
      <c r="H84" s="21">
        <v>3154</v>
      </c>
      <c r="I84" s="22">
        <v>1802</v>
      </c>
      <c r="J84" s="23">
        <v>1352</v>
      </c>
      <c r="K84" s="21">
        <v>3127</v>
      </c>
      <c r="L84" s="22">
        <v>1768</v>
      </c>
      <c r="M84" s="23">
        <v>1359</v>
      </c>
    </row>
    <row r="85" spans="1:13">
      <c r="A85" s="40" t="s">
        <v>88</v>
      </c>
      <c r="B85" s="21">
        <v>-324</v>
      </c>
      <c r="C85" s="22">
        <v>-253</v>
      </c>
      <c r="D85" s="23">
        <v>-71</v>
      </c>
      <c r="E85" s="21">
        <v>368</v>
      </c>
      <c r="F85" s="22">
        <v>261</v>
      </c>
      <c r="G85" s="23">
        <v>107</v>
      </c>
      <c r="H85" s="21">
        <v>2914</v>
      </c>
      <c r="I85" s="22">
        <v>1667</v>
      </c>
      <c r="J85" s="23">
        <v>1247</v>
      </c>
      <c r="K85" s="21">
        <v>2870</v>
      </c>
      <c r="L85" s="22">
        <v>1659</v>
      </c>
      <c r="M85" s="23">
        <v>1211</v>
      </c>
    </row>
    <row r="86" spans="1:13">
      <c r="A86" s="40" t="s">
        <v>89</v>
      </c>
      <c r="B86" s="21">
        <v>-526</v>
      </c>
      <c r="C86" s="22">
        <v>-363</v>
      </c>
      <c r="D86" s="23">
        <v>-163</v>
      </c>
      <c r="E86" s="21">
        <v>375</v>
      </c>
      <c r="F86" s="22">
        <v>249</v>
      </c>
      <c r="G86" s="23">
        <v>126</v>
      </c>
      <c r="H86" s="21">
        <v>2494</v>
      </c>
      <c r="I86" s="22">
        <v>1429</v>
      </c>
      <c r="J86" s="23">
        <v>1065</v>
      </c>
      <c r="K86" s="21">
        <v>2645</v>
      </c>
      <c r="L86" s="22">
        <v>1543</v>
      </c>
      <c r="M86" s="23">
        <v>1102</v>
      </c>
    </row>
    <row r="87" spans="1:13">
      <c r="A87" s="40" t="s">
        <v>90</v>
      </c>
      <c r="B87" s="21">
        <v>-380</v>
      </c>
      <c r="C87" s="22">
        <v>-239</v>
      </c>
      <c r="D87" s="23">
        <v>-141</v>
      </c>
      <c r="E87" s="21">
        <v>432</v>
      </c>
      <c r="F87" s="22">
        <v>294</v>
      </c>
      <c r="G87" s="23">
        <v>138</v>
      </c>
      <c r="H87" s="21">
        <v>2529</v>
      </c>
      <c r="I87" s="22">
        <v>1463</v>
      </c>
      <c r="J87" s="23">
        <v>1066</v>
      </c>
      <c r="K87" s="21">
        <v>2477</v>
      </c>
      <c r="L87" s="22">
        <v>1408</v>
      </c>
      <c r="M87" s="23">
        <v>1069</v>
      </c>
    </row>
    <row r="88" spans="1:13">
      <c r="A88" s="40" t="s">
        <v>91</v>
      </c>
      <c r="B88" s="21">
        <v>-423</v>
      </c>
      <c r="C88" s="22">
        <v>-293</v>
      </c>
      <c r="D88" s="23">
        <v>-130</v>
      </c>
      <c r="E88" s="21">
        <v>437</v>
      </c>
      <c r="F88" s="22">
        <v>299</v>
      </c>
      <c r="G88" s="23">
        <v>138</v>
      </c>
      <c r="H88" s="21">
        <v>2250</v>
      </c>
      <c r="I88" s="22">
        <v>1266</v>
      </c>
      <c r="J88" s="23">
        <v>984</v>
      </c>
      <c r="K88" s="21">
        <v>2236</v>
      </c>
      <c r="L88" s="22">
        <v>1260</v>
      </c>
      <c r="M88" s="23">
        <v>976</v>
      </c>
    </row>
    <row r="89" spans="1:13" ht="19.5" customHeight="1">
      <c r="A89" s="34" t="s">
        <v>92</v>
      </c>
      <c r="B89" s="17">
        <v>-3020</v>
      </c>
      <c r="C89" s="18">
        <v>-2070</v>
      </c>
      <c r="D89" s="19">
        <v>-950</v>
      </c>
      <c r="E89" s="17">
        <v>2626</v>
      </c>
      <c r="F89" s="18">
        <v>1795</v>
      </c>
      <c r="G89" s="19">
        <v>831</v>
      </c>
      <c r="H89" s="17">
        <v>9488</v>
      </c>
      <c r="I89" s="18">
        <v>5533</v>
      </c>
      <c r="J89" s="19">
        <v>3955</v>
      </c>
      <c r="K89" s="17">
        <v>9882</v>
      </c>
      <c r="L89" s="18">
        <v>5808</v>
      </c>
      <c r="M89" s="19">
        <v>4074</v>
      </c>
    </row>
    <row r="90" spans="1:13">
      <c r="A90" s="40" t="s">
        <v>93</v>
      </c>
      <c r="B90" s="21">
        <v>-605</v>
      </c>
      <c r="C90" s="22">
        <v>-410</v>
      </c>
      <c r="D90" s="23">
        <v>-195</v>
      </c>
      <c r="E90" s="21">
        <v>469</v>
      </c>
      <c r="F90" s="22">
        <v>318</v>
      </c>
      <c r="G90" s="23">
        <v>151</v>
      </c>
      <c r="H90" s="21">
        <v>2431</v>
      </c>
      <c r="I90" s="22">
        <v>1500</v>
      </c>
      <c r="J90" s="23">
        <v>931</v>
      </c>
      <c r="K90" s="21">
        <v>2567</v>
      </c>
      <c r="L90" s="22">
        <v>1592</v>
      </c>
      <c r="M90" s="23">
        <v>975</v>
      </c>
    </row>
    <row r="91" spans="1:13">
      <c r="A91" s="40" t="s">
        <v>94</v>
      </c>
      <c r="B91" s="21">
        <v>-602</v>
      </c>
      <c r="C91" s="22">
        <v>-374</v>
      </c>
      <c r="D91" s="23">
        <v>-228</v>
      </c>
      <c r="E91" s="21">
        <v>523</v>
      </c>
      <c r="F91" s="22">
        <v>356</v>
      </c>
      <c r="G91" s="23">
        <v>167</v>
      </c>
      <c r="H91" s="21">
        <v>2059</v>
      </c>
      <c r="I91" s="22">
        <v>1230</v>
      </c>
      <c r="J91" s="23">
        <v>829</v>
      </c>
      <c r="K91" s="21">
        <v>2138</v>
      </c>
      <c r="L91" s="22">
        <v>1248</v>
      </c>
      <c r="M91" s="23">
        <v>890</v>
      </c>
    </row>
    <row r="92" spans="1:13">
      <c r="A92" s="40" t="s">
        <v>95</v>
      </c>
      <c r="B92" s="21">
        <v>-557</v>
      </c>
      <c r="C92" s="22">
        <v>-385</v>
      </c>
      <c r="D92" s="23">
        <v>-172</v>
      </c>
      <c r="E92" s="21">
        <v>465</v>
      </c>
      <c r="F92" s="22">
        <v>310</v>
      </c>
      <c r="G92" s="23">
        <v>155</v>
      </c>
      <c r="H92" s="21">
        <v>1741</v>
      </c>
      <c r="I92" s="22">
        <v>999</v>
      </c>
      <c r="J92" s="23">
        <v>742</v>
      </c>
      <c r="K92" s="21">
        <v>1833</v>
      </c>
      <c r="L92" s="22">
        <v>1074</v>
      </c>
      <c r="M92" s="23">
        <v>759</v>
      </c>
    </row>
    <row r="93" spans="1:13">
      <c r="A93" s="40" t="s">
        <v>96</v>
      </c>
      <c r="B93" s="21">
        <v>-590</v>
      </c>
      <c r="C93" s="22">
        <v>-443</v>
      </c>
      <c r="D93" s="23">
        <v>-147</v>
      </c>
      <c r="E93" s="21">
        <v>554</v>
      </c>
      <c r="F93" s="22">
        <v>379</v>
      </c>
      <c r="G93" s="23">
        <v>175</v>
      </c>
      <c r="H93" s="21">
        <v>1611</v>
      </c>
      <c r="I93" s="22">
        <v>890</v>
      </c>
      <c r="J93" s="23">
        <v>721</v>
      </c>
      <c r="K93" s="21">
        <v>1647</v>
      </c>
      <c r="L93" s="22">
        <v>954</v>
      </c>
      <c r="M93" s="23">
        <v>693</v>
      </c>
    </row>
    <row r="94" spans="1:13">
      <c r="A94" s="40" t="s">
        <v>97</v>
      </c>
      <c r="B94" s="21">
        <v>-666</v>
      </c>
      <c r="C94" s="22">
        <v>-458</v>
      </c>
      <c r="D94" s="23">
        <v>-208</v>
      </c>
      <c r="E94" s="21">
        <v>615</v>
      </c>
      <c r="F94" s="22">
        <v>432</v>
      </c>
      <c r="G94" s="23">
        <v>183</v>
      </c>
      <c r="H94" s="21">
        <v>1646</v>
      </c>
      <c r="I94" s="22">
        <v>914</v>
      </c>
      <c r="J94" s="23">
        <v>732</v>
      </c>
      <c r="K94" s="21">
        <v>1697</v>
      </c>
      <c r="L94" s="22">
        <v>940</v>
      </c>
      <c r="M94" s="23">
        <v>757</v>
      </c>
    </row>
    <row r="95" spans="1:13" ht="19.5" customHeight="1">
      <c r="A95" s="34" t="s">
        <v>98</v>
      </c>
      <c r="B95" s="17">
        <v>-4966</v>
      </c>
      <c r="C95" s="18">
        <v>-3455</v>
      </c>
      <c r="D95" s="19">
        <v>-1511</v>
      </c>
      <c r="E95" s="17">
        <v>4601</v>
      </c>
      <c r="F95" s="18">
        <v>3181</v>
      </c>
      <c r="G95" s="19">
        <v>1420</v>
      </c>
      <c r="H95" s="17">
        <v>7582</v>
      </c>
      <c r="I95" s="18">
        <v>4159</v>
      </c>
      <c r="J95" s="19">
        <v>3423</v>
      </c>
      <c r="K95" s="17">
        <v>7947</v>
      </c>
      <c r="L95" s="18">
        <v>4433</v>
      </c>
      <c r="M95" s="19">
        <v>3514</v>
      </c>
    </row>
    <row r="96" spans="1:13">
      <c r="A96" s="40" t="s">
        <v>99</v>
      </c>
      <c r="B96" s="21">
        <v>-711</v>
      </c>
      <c r="C96" s="22">
        <v>-467</v>
      </c>
      <c r="D96" s="23">
        <v>-244</v>
      </c>
      <c r="E96" s="21">
        <v>627</v>
      </c>
      <c r="F96" s="22">
        <v>416</v>
      </c>
      <c r="G96" s="23">
        <v>211</v>
      </c>
      <c r="H96" s="21">
        <v>1687</v>
      </c>
      <c r="I96" s="22">
        <v>956</v>
      </c>
      <c r="J96" s="23">
        <v>731</v>
      </c>
      <c r="K96" s="21">
        <v>1771</v>
      </c>
      <c r="L96" s="22">
        <v>1007</v>
      </c>
      <c r="M96" s="23">
        <v>764</v>
      </c>
    </row>
    <row r="97" spans="1:13">
      <c r="A97" s="40" t="s">
        <v>100</v>
      </c>
      <c r="B97" s="21">
        <v>-874</v>
      </c>
      <c r="C97" s="22">
        <v>-584</v>
      </c>
      <c r="D97" s="23">
        <v>-290</v>
      </c>
      <c r="E97" s="21">
        <v>756</v>
      </c>
      <c r="F97" s="22">
        <v>511</v>
      </c>
      <c r="G97" s="23">
        <v>245</v>
      </c>
      <c r="H97" s="21">
        <v>1467</v>
      </c>
      <c r="I97" s="22">
        <v>815</v>
      </c>
      <c r="J97" s="23">
        <v>652</v>
      </c>
      <c r="K97" s="21">
        <v>1585</v>
      </c>
      <c r="L97" s="22">
        <v>888</v>
      </c>
      <c r="M97" s="23">
        <v>697</v>
      </c>
    </row>
    <row r="98" spans="1:13">
      <c r="A98" s="40" t="s">
        <v>101</v>
      </c>
      <c r="B98" s="21">
        <v>-992</v>
      </c>
      <c r="C98" s="22">
        <v>-702</v>
      </c>
      <c r="D98" s="23">
        <v>-290</v>
      </c>
      <c r="E98" s="21">
        <v>883</v>
      </c>
      <c r="F98" s="22">
        <v>618</v>
      </c>
      <c r="G98" s="23">
        <v>265</v>
      </c>
      <c r="H98" s="21">
        <v>1441</v>
      </c>
      <c r="I98" s="22">
        <v>774</v>
      </c>
      <c r="J98" s="23">
        <v>667</v>
      </c>
      <c r="K98" s="21">
        <v>1550</v>
      </c>
      <c r="L98" s="22">
        <v>858</v>
      </c>
      <c r="M98" s="23">
        <v>692</v>
      </c>
    </row>
    <row r="99" spans="1:13">
      <c r="A99" s="40" t="s">
        <v>102</v>
      </c>
      <c r="B99" s="21">
        <v>-1131</v>
      </c>
      <c r="C99" s="22">
        <v>-786</v>
      </c>
      <c r="D99" s="23">
        <v>-345</v>
      </c>
      <c r="E99" s="21">
        <v>1094</v>
      </c>
      <c r="F99" s="22">
        <v>757</v>
      </c>
      <c r="G99" s="23">
        <v>337</v>
      </c>
      <c r="H99" s="21">
        <v>1454</v>
      </c>
      <c r="I99" s="22">
        <v>786</v>
      </c>
      <c r="J99" s="23">
        <v>668</v>
      </c>
      <c r="K99" s="21">
        <v>1491</v>
      </c>
      <c r="L99" s="22">
        <v>815</v>
      </c>
      <c r="M99" s="23">
        <v>676</v>
      </c>
    </row>
    <row r="100" spans="1:13">
      <c r="A100" s="40" t="s">
        <v>103</v>
      </c>
      <c r="B100" s="21">
        <v>-1258</v>
      </c>
      <c r="C100" s="22">
        <v>-916</v>
      </c>
      <c r="D100" s="23">
        <v>-342</v>
      </c>
      <c r="E100" s="21">
        <v>1241</v>
      </c>
      <c r="F100" s="22">
        <v>879</v>
      </c>
      <c r="G100" s="23">
        <v>362</v>
      </c>
      <c r="H100" s="21">
        <v>1533</v>
      </c>
      <c r="I100" s="22">
        <v>828</v>
      </c>
      <c r="J100" s="23">
        <v>705</v>
      </c>
      <c r="K100" s="21">
        <v>1550</v>
      </c>
      <c r="L100" s="22">
        <v>865</v>
      </c>
      <c r="M100" s="23">
        <v>685</v>
      </c>
    </row>
    <row r="101" spans="1:13" ht="19.5" customHeight="1">
      <c r="A101" s="34" t="s">
        <v>104</v>
      </c>
      <c r="B101" s="17">
        <v>-7540</v>
      </c>
      <c r="C101" s="18">
        <v>-5215</v>
      </c>
      <c r="D101" s="19">
        <v>-2325</v>
      </c>
      <c r="E101" s="17">
        <v>7743</v>
      </c>
      <c r="F101" s="18">
        <v>5217</v>
      </c>
      <c r="G101" s="19">
        <v>2526</v>
      </c>
      <c r="H101" s="17">
        <v>6745</v>
      </c>
      <c r="I101" s="18">
        <v>3366</v>
      </c>
      <c r="J101" s="19">
        <v>3379</v>
      </c>
      <c r="K101" s="17">
        <v>6542</v>
      </c>
      <c r="L101" s="18">
        <v>3364</v>
      </c>
      <c r="M101" s="19">
        <v>3178</v>
      </c>
    </row>
    <row r="102" spans="1:13">
      <c r="A102" s="40" t="s">
        <v>105</v>
      </c>
      <c r="B102" s="21">
        <v>-1501</v>
      </c>
      <c r="C102" s="22">
        <v>-1029</v>
      </c>
      <c r="D102" s="23">
        <v>-472</v>
      </c>
      <c r="E102" s="21">
        <v>1534</v>
      </c>
      <c r="F102" s="22">
        <v>1062</v>
      </c>
      <c r="G102" s="23">
        <v>472</v>
      </c>
      <c r="H102" s="21">
        <v>1741</v>
      </c>
      <c r="I102" s="22">
        <v>912</v>
      </c>
      <c r="J102" s="23">
        <v>829</v>
      </c>
      <c r="K102" s="21">
        <v>1708</v>
      </c>
      <c r="L102" s="22">
        <v>879</v>
      </c>
      <c r="M102" s="23">
        <v>829</v>
      </c>
    </row>
    <row r="103" spans="1:13">
      <c r="A103" s="40" t="s">
        <v>106</v>
      </c>
      <c r="B103" s="21">
        <v>-1725</v>
      </c>
      <c r="C103" s="22">
        <v>-1192</v>
      </c>
      <c r="D103" s="23">
        <v>-533</v>
      </c>
      <c r="E103" s="21">
        <v>1709</v>
      </c>
      <c r="F103" s="22">
        <v>1152</v>
      </c>
      <c r="G103" s="23">
        <v>557</v>
      </c>
      <c r="H103" s="21">
        <v>1565</v>
      </c>
      <c r="I103" s="22">
        <v>772</v>
      </c>
      <c r="J103" s="23">
        <v>793</v>
      </c>
      <c r="K103" s="21">
        <v>1581</v>
      </c>
      <c r="L103" s="22">
        <v>812</v>
      </c>
      <c r="M103" s="23">
        <v>769</v>
      </c>
    </row>
    <row r="104" spans="1:13">
      <c r="A104" s="40" t="s">
        <v>107</v>
      </c>
      <c r="B104" s="21">
        <v>-1681</v>
      </c>
      <c r="C104" s="22">
        <v>-1146</v>
      </c>
      <c r="D104" s="23">
        <v>-535</v>
      </c>
      <c r="E104" s="21">
        <v>1721</v>
      </c>
      <c r="F104" s="22">
        <v>1148</v>
      </c>
      <c r="G104" s="23">
        <v>573</v>
      </c>
      <c r="H104" s="21">
        <v>1495</v>
      </c>
      <c r="I104" s="22">
        <v>759</v>
      </c>
      <c r="J104" s="23">
        <v>736</v>
      </c>
      <c r="K104" s="21">
        <v>1455</v>
      </c>
      <c r="L104" s="22">
        <v>757</v>
      </c>
      <c r="M104" s="23">
        <v>698</v>
      </c>
    </row>
    <row r="105" spans="1:13">
      <c r="A105" s="40" t="s">
        <v>108</v>
      </c>
      <c r="B105" s="21">
        <v>-1246</v>
      </c>
      <c r="C105" s="22">
        <v>-875</v>
      </c>
      <c r="D105" s="23">
        <v>-371</v>
      </c>
      <c r="E105" s="21">
        <v>1315</v>
      </c>
      <c r="F105" s="22">
        <v>880</v>
      </c>
      <c r="G105" s="23">
        <v>435</v>
      </c>
      <c r="H105" s="21">
        <v>1015</v>
      </c>
      <c r="I105" s="22">
        <v>492</v>
      </c>
      <c r="J105" s="23">
        <v>523</v>
      </c>
      <c r="K105" s="21">
        <v>946</v>
      </c>
      <c r="L105" s="22">
        <v>487</v>
      </c>
      <c r="M105" s="23">
        <v>459</v>
      </c>
    </row>
    <row r="106" spans="1:13">
      <c r="A106" s="40" t="s">
        <v>109</v>
      </c>
      <c r="B106" s="21">
        <v>-1387</v>
      </c>
      <c r="C106" s="22">
        <v>-973</v>
      </c>
      <c r="D106" s="23">
        <v>-414</v>
      </c>
      <c r="E106" s="21">
        <v>1464</v>
      </c>
      <c r="F106" s="22">
        <v>975</v>
      </c>
      <c r="G106" s="23">
        <v>489</v>
      </c>
      <c r="H106" s="21">
        <v>929</v>
      </c>
      <c r="I106" s="22">
        <v>431</v>
      </c>
      <c r="J106" s="23">
        <v>498</v>
      </c>
      <c r="K106" s="21">
        <v>852</v>
      </c>
      <c r="L106" s="22">
        <v>429</v>
      </c>
      <c r="M106" s="23">
        <v>423</v>
      </c>
    </row>
    <row r="107" spans="1:13" ht="19.5" customHeight="1">
      <c r="A107" s="34" t="s">
        <v>110</v>
      </c>
      <c r="B107" s="17">
        <v>-10388</v>
      </c>
      <c r="C107" s="18">
        <v>-6941</v>
      </c>
      <c r="D107" s="19">
        <v>-3447</v>
      </c>
      <c r="E107" s="17">
        <v>10781</v>
      </c>
      <c r="F107" s="18">
        <v>7060</v>
      </c>
      <c r="G107" s="19">
        <v>3721</v>
      </c>
      <c r="H107" s="17">
        <v>5521</v>
      </c>
      <c r="I107" s="18">
        <v>2342</v>
      </c>
      <c r="J107" s="19">
        <v>3179</v>
      </c>
      <c r="K107" s="17">
        <v>5128</v>
      </c>
      <c r="L107" s="18">
        <v>2223</v>
      </c>
      <c r="M107" s="19">
        <v>2905</v>
      </c>
    </row>
    <row r="108" spans="1:13">
      <c r="A108" s="40" t="s">
        <v>111</v>
      </c>
      <c r="B108" s="21">
        <v>-1856</v>
      </c>
      <c r="C108" s="22">
        <v>-1304</v>
      </c>
      <c r="D108" s="23">
        <v>-552</v>
      </c>
      <c r="E108" s="21">
        <v>1866</v>
      </c>
      <c r="F108" s="22">
        <v>1266</v>
      </c>
      <c r="G108" s="23">
        <v>600</v>
      </c>
      <c r="H108" s="21">
        <v>1127</v>
      </c>
      <c r="I108" s="22">
        <v>500</v>
      </c>
      <c r="J108" s="23">
        <v>627</v>
      </c>
      <c r="K108" s="21">
        <v>1117</v>
      </c>
      <c r="L108" s="22">
        <v>538</v>
      </c>
      <c r="M108" s="23">
        <v>579</v>
      </c>
    </row>
    <row r="109" spans="1:13">
      <c r="A109" s="40" t="s">
        <v>112</v>
      </c>
      <c r="B109" s="21">
        <v>-1984</v>
      </c>
      <c r="C109" s="22">
        <v>-1393</v>
      </c>
      <c r="D109" s="23">
        <v>-591</v>
      </c>
      <c r="E109" s="21">
        <v>2076</v>
      </c>
      <c r="F109" s="22">
        <v>1408</v>
      </c>
      <c r="G109" s="23">
        <v>668</v>
      </c>
      <c r="H109" s="21">
        <v>1123</v>
      </c>
      <c r="I109" s="22">
        <v>500</v>
      </c>
      <c r="J109" s="23">
        <v>623</v>
      </c>
      <c r="K109" s="21">
        <v>1031</v>
      </c>
      <c r="L109" s="22">
        <v>485</v>
      </c>
      <c r="M109" s="23">
        <v>546</v>
      </c>
    </row>
    <row r="110" spans="1:13">
      <c r="A110" s="40" t="s">
        <v>113</v>
      </c>
      <c r="B110" s="21">
        <v>-2101</v>
      </c>
      <c r="C110" s="22">
        <v>-1416</v>
      </c>
      <c r="D110" s="23">
        <v>-685</v>
      </c>
      <c r="E110" s="21">
        <v>2165</v>
      </c>
      <c r="F110" s="22">
        <v>1460</v>
      </c>
      <c r="G110" s="23">
        <v>705</v>
      </c>
      <c r="H110" s="21">
        <v>1101</v>
      </c>
      <c r="I110" s="22">
        <v>476</v>
      </c>
      <c r="J110" s="23">
        <v>625</v>
      </c>
      <c r="K110" s="21">
        <v>1037</v>
      </c>
      <c r="L110" s="22">
        <v>432</v>
      </c>
      <c r="M110" s="23">
        <v>605</v>
      </c>
    </row>
    <row r="111" spans="1:13">
      <c r="A111" s="40" t="s">
        <v>114</v>
      </c>
      <c r="B111" s="21">
        <v>-2177</v>
      </c>
      <c r="C111" s="22">
        <v>-1400</v>
      </c>
      <c r="D111" s="23">
        <v>-777</v>
      </c>
      <c r="E111" s="21">
        <v>2307</v>
      </c>
      <c r="F111" s="22">
        <v>1459</v>
      </c>
      <c r="G111" s="23">
        <v>848</v>
      </c>
      <c r="H111" s="21">
        <v>1107</v>
      </c>
      <c r="I111" s="22">
        <v>470</v>
      </c>
      <c r="J111" s="23">
        <v>637</v>
      </c>
      <c r="K111" s="21">
        <v>977</v>
      </c>
      <c r="L111" s="22">
        <v>411</v>
      </c>
      <c r="M111" s="23">
        <v>566</v>
      </c>
    </row>
    <row r="112" spans="1:13">
      <c r="A112" s="40" t="s">
        <v>115</v>
      </c>
      <c r="B112" s="21">
        <v>-2270</v>
      </c>
      <c r="C112" s="22">
        <v>-1428</v>
      </c>
      <c r="D112" s="23">
        <v>-842</v>
      </c>
      <c r="E112" s="21">
        <v>2367</v>
      </c>
      <c r="F112" s="22">
        <v>1467</v>
      </c>
      <c r="G112" s="23">
        <v>900</v>
      </c>
      <c r="H112" s="21">
        <v>1063</v>
      </c>
      <c r="I112" s="22">
        <v>396</v>
      </c>
      <c r="J112" s="23">
        <v>667</v>
      </c>
      <c r="K112" s="21">
        <v>966</v>
      </c>
      <c r="L112" s="22">
        <v>357</v>
      </c>
      <c r="M112" s="23">
        <v>609</v>
      </c>
    </row>
    <row r="113" spans="1:13" ht="19.5" customHeight="1">
      <c r="A113" s="34" t="s">
        <v>116</v>
      </c>
      <c r="B113" s="17">
        <v>-13435</v>
      </c>
      <c r="C113" s="18">
        <v>-8247</v>
      </c>
      <c r="D113" s="19">
        <v>-5188</v>
      </c>
      <c r="E113" s="17">
        <v>14032</v>
      </c>
      <c r="F113" s="18">
        <v>8361</v>
      </c>
      <c r="G113" s="19">
        <v>5671</v>
      </c>
      <c r="H113" s="17">
        <v>4826</v>
      </c>
      <c r="I113" s="18">
        <v>1731</v>
      </c>
      <c r="J113" s="19">
        <v>3095</v>
      </c>
      <c r="K113" s="17">
        <v>4229</v>
      </c>
      <c r="L113" s="18">
        <v>1617</v>
      </c>
      <c r="M113" s="19">
        <v>2612</v>
      </c>
    </row>
    <row r="114" spans="1:13">
      <c r="A114" s="40" t="s">
        <v>117</v>
      </c>
      <c r="B114" s="21">
        <v>-2104</v>
      </c>
      <c r="C114" s="22">
        <v>-1380</v>
      </c>
      <c r="D114" s="23">
        <v>-724</v>
      </c>
      <c r="E114" s="21">
        <v>2224</v>
      </c>
      <c r="F114" s="22">
        <v>1418</v>
      </c>
      <c r="G114" s="23">
        <v>806</v>
      </c>
      <c r="H114" s="21">
        <v>989</v>
      </c>
      <c r="I114" s="22">
        <v>371</v>
      </c>
      <c r="J114" s="23">
        <v>618</v>
      </c>
      <c r="K114" s="21">
        <v>869</v>
      </c>
      <c r="L114" s="22">
        <v>333</v>
      </c>
      <c r="M114" s="23">
        <v>536</v>
      </c>
    </row>
    <row r="115" spans="1:13">
      <c r="A115" s="40" t="s">
        <v>118</v>
      </c>
      <c r="B115" s="21">
        <v>-2530</v>
      </c>
      <c r="C115" s="22">
        <v>-1637</v>
      </c>
      <c r="D115" s="23">
        <v>-893</v>
      </c>
      <c r="E115" s="21">
        <v>2631</v>
      </c>
      <c r="F115" s="22">
        <v>1625</v>
      </c>
      <c r="G115" s="23">
        <v>1006</v>
      </c>
      <c r="H115" s="21">
        <v>936</v>
      </c>
      <c r="I115" s="22">
        <v>332</v>
      </c>
      <c r="J115" s="23">
        <v>604</v>
      </c>
      <c r="K115" s="21">
        <v>835</v>
      </c>
      <c r="L115" s="22">
        <v>344</v>
      </c>
      <c r="M115" s="23">
        <v>491</v>
      </c>
    </row>
    <row r="116" spans="1:13">
      <c r="A116" s="40" t="s">
        <v>119</v>
      </c>
      <c r="B116" s="21">
        <v>-2789</v>
      </c>
      <c r="C116" s="22">
        <v>-1669</v>
      </c>
      <c r="D116" s="23">
        <v>-1120</v>
      </c>
      <c r="E116" s="21">
        <v>2905</v>
      </c>
      <c r="F116" s="22">
        <v>1707</v>
      </c>
      <c r="G116" s="23">
        <v>1198</v>
      </c>
      <c r="H116" s="21">
        <v>963</v>
      </c>
      <c r="I116" s="22">
        <v>383</v>
      </c>
      <c r="J116" s="23">
        <v>580</v>
      </c>
      <c r="K116" s="21">
        <v>847</v>
      </c>
      <c r="L116" s="22">
        <v>345</v>
      </c>
      <c r="M116" s="23">
        <v>502</v>
      </c>
    </row>
    <row r="117" spans="1:13">
      <c r="A117" s="40" t="s">
        <v>120</v>
      </c>
      <c r="B117" s="21">
        <v>-2917</v>
      </c>
      <c r="C117" s="22">
        <v>-1751</v>
      </c>
      <c r="D117" s="23">
        <v>-1166</v>
      </c>
      <c r="E117" s="21">
        <v>2987</v>
      </c>
      <c r="F117" s="22">
        <v>1758</v>
      </c>
      <c r="G117" s="23">
        <v>1229</v>
      </c>
      <c r="H117" s="21">
        <v>913</v>
      </c>
      <c r="I117" s="22">
        <v>303</v>
      </c>
      <c r="J117" s="23">
        <v>610</v>
      </c>
      <c r="K117" s="21">
        <v>843</v>
      </c>
      <c r="L117" s="22">
        <v>296</v>
      </c>
      <c r="M117" s="23">
        <v>547</v>
      </c>
    </row>
    <row r="118" spans="1:13">
      <c r="A118" s="40" t="s">
        <v>121</v>
      </c>
      <c r="B118" s="21">
        <v>-3095</v>
      </c>
      <c r="C118" s="22">
        <v>-1810</v>
      </c>
      <c r="D118" s="23">
        <v>-1285</v>
      </c>
      <c r="E118" s="21">
        <v>3285</v>
      </c>
      <c r="F118" s="22">
        <v>1853</v>
      </c>
      <c r="G118" s="23">
        <v>1432</v>
      </c>
      <c r="H118" s="21">
        <v>1025</v>
      </c>
      <c r="I118" s="22">
        <v>342</v>
      </c>
      <c r="J118" s="23">
        <v>683</v>
      </c>
      <c r="K118" s="21">
        <v>835</v>
      </c>
      <c r="L118" s="22">
        <v>299</v>
      </c>
      <c r="M118" s="23">
        <v>536</v>
      </c>
    </row>
    <row r="119" spans="1:13" ht="19.5" customHeight="1">
      <c r="A119" s="34" t="s">
        <v>122</v>
      </c>
      <c r="B119" s="17">
        <v>-15565</v>
      </c>
      <c r="C119" s="18">
        <v>-8002</v>
      </c>
      <c r="D119" s="19">
        <v>-7563</v>
      </c>
      <c r="E119" s="17">
        <v>16291</v>
      </c>
      <c r="F119" s="18">
        <v>8162</v>
      </c>
      <c r="G119" s="19">
        <v>8129</v>
      </c>
      <c r="H119" s="17">
        <v>4167</v>
      </c>
      <c r="I119" s="18">
        <v>1201</v>
      </c>
      <c r="J119" s="19">
        <v>2966</v>
      </c>
      <c r="K119" s="17">
        <v>3441</v>
      </c>
      <c r="L119" s="18">
        <v>1041</v>
      </c>
      <c r="M119" s="19">
        <v>2400</v>
      </c>
    </row>
    <row r="120" spans="1:13">
      <c r="A120" s="40" t="s">
        <v>123</v>
      </c>
      <c r="B120" s="21">
        <v>-2845</v>
      </c>
      <c r="C120" s="22">
        <v>-1573</v>
      </c>
      <c r="D120" s="23">
        <v>-1272</v>
      </c>
      <c r="E120" s="21">
        <v>2997</v>
      </c>
      <c r="F120" s="22">
        <v>1617</v>
      </c>
      <c r="G120" s="23">
        <v>1380</v>
      </c>
      <c r="H120" s="21">
        <v>921</v>
      </c>
      <c r="I120" s="22">
        <v>302</v>
      </c>
      <c r="J120" s="23">
        <v>619</v>
      </c>
      <c r="K120" s="21">
        <v>769</v>
      </c>
      <c r="L120" s="22">
        <v>258</v>
      </c>
      <c r="M120" s="23">
        <v>511</v>
      </c>
    </row>
    <row r="121" spans="1:13">
      <c r="A121" s="40" t="s">
        <v>124</v>
      </c>
      <c r="B121" s="21">
        <v>-3183</v>
      </c>
      <c r="C121" s="22">
        <v>-1738</v>
      </c>
      <c r="D121" s="23">
        <v>-1445</v>
      </c>
      <c r="E121" s="21">
        <v>3297</v>
      </c>
      <c r="F121" s="22">
        <v>1748</v>
      </c>
      <c r="G121" s="23">
        <v>1549</v>
      </c>
      <c r="H121" s="21">
        <v>834</v>
      </c>
      <c r="I121" s="22">
        <v>237</v>
      </c>
      <c r="J121" s="23">
        <v>597</v>
      </c>
      <c r="K121" s="21">
        <v>720</v>
      </c>
      <c r="L121" s="22">
        <v>227</v>
      </c>
      <c r="M121" s="23">
        <v>493</v>
      </c>
    </row>
    <row r="122" spans="1:13">
      <c r="A122" s="40" t="s">
        <v>125</v>
      </c>
      <c r="B122" s="21">
        <v>-3266</v>
      </c>
      <c r="C122" s="22">
        <v>-1669</v>
      </c>
      <c r="D122" s="23">
        <v>-1597</v>
      </c>
      <c r="E122" s="21">
        <v>3433</v>
      </c>
      <c r="F122" s="22">
        <v>1719</v>
      </c>
      <c r="G122" s="23">
        <v>1714</v>
      </c>
      <c r="H122" s="21">
        <v>879</v>
      </c>
      <c r="I122" s="22">
        <v>248</v>
      </c>
      <c r="J122" s="23">
        <v>631</v>
      </c>
      <c r="K122" s="21">
        <v>712</v>
      </c>
      <c r="L122" s="22">
        <v>198</v>
      </c>
      <c r="M122" s="23">
        <v>514</v>
      </c>
    </row>
    <row r="123" spans="1:13">
      <c r="A123" s="40" t="s">
        <v>126</v>
      </c>
      <c r="B123" s="21">
        <v>-3229</v>
      </c>
      <c r="C123" s="22">
        <v>-1599</v>
      </c>
      <c r="D123" s="23">
        <v>-1630</v>
      </c>
      <c r="E123" s="21">
        <v>3330</v>
      </c>
      <c r="F123" s="22">
        <v>1605</v>
      </c>
      <c r="G123" s="23">
        <v>1725</v>
      </c>
      <c r="H123" s="21">
        <v>785</v>
      </c>
      <c r="I123" s="22">
        <v>200</v>
      </c>
      <c r="J123" s="23">
        <v>585</v>
      </c>
      <c r="K123" s="21">
        <v>684</v>
      </c>
      <c r="L123" s="22">
        <v>194</v>
      </c>
      <c r="M123" s="23">
        <v>490</v>
      </c>
    </row>
    <row r="124" spans="1:13">
      <c r="A124" s="40" t="s">
        <v>127</v>
      </c>
      <c r="B124" s="21">
        <v>-3042</v>
      </c>
      <c r="C124" s="22">
        <v>-1423</v>
      </c>
      <c r="D124" s="23">
        <v>-1619</v>
      </c>
      <c r="E124" s="21">
        <v>3234</v>
      </c>
      <c r="F124" s="22">
        <v>1473</v>
      </c>
      <c r="G124" s="23">
        <v>1761</v>
      </c>
      <c r="H124" s="21">
        <v>748</v>
      </c>
      <c r="I124" s="22">
        <v>214</v>
      </c>
      <c r="J124" s="23">
        <v>534</v>
      </c>
      <c r="K124" s="21">
        <v>556</v>
      </c>
      <c r="L124" s="22">
        <v>164</v>
      </c>
      <c r="M124" s="23">
        <v>392</v>
      </c>
    </row>
    <row r="125" spans="1:13" ht="19.5" customHeight="1">
      <c r="A125" s="34" t="s">
        <v>128</v>
      </c>
      <c r="B125" s="17">
        <v>-13520</v>
      </c>
      <c r="C125" s="18">
        <v>-5301</v>
      </c>
      <c r="D125" s="19">
        <v>-8219</v>
      </c>
      <c r="E125" s="17">
        <v>13920</v>
      </c>
      <c r="F125" s="18">
        <v>5357</v>
      </c>
      <c r="G125" s="19">
        <v>8563</v>
      </c>
      <c r="H125" s="17">
        <v>2287</v>
      </c>
      <c r="I125" s="18">
        <v>601</v>
      </c>
      <c r="J125" s="19">
        <v>1686</v>
      </c>
      <c r="K125" s="17">
        <v>1887</v>
      </c>
      <c r="L125" s="18">
        <v>545</v>
      </c>
      <c r="M125" s="19">
        <v>1342</v>
      </c>
    </row>
    <row r="126" spans="1:13">
      <c r="A126" s="40" t="s">
        <v>129</v>
      </c>
      <c r="B126" s="21">
        <v>-3126</v>
      </c>
      <c r="C126" s="22">
        <v>-1406</v>
      </c>
      <c r="D126" s="23">
        <v>-1720</v>
      </c>
      <c r="E126" s="21">
        <v>3201</v>
      </c>
      <c r="F126" s="22">
        <v>1395</v>
      </c>
      <c r="G126" s="23">
        <v>1806</v>
      </c>
      <c r="H126" s="21">
        <v>597</v>
      </c>
      <c r="I126" s="22">
        <v>150</v>
      </c>
      <c r="J126" s="23">
        <v>447</v>
      </c>
      <c r="K126" s="21">
        <v>522</v>
      </c>
      <c r="L126" s="22">
        <v>161</v>
      </c>
      <c r="M126" s="23">
        <v>361</v>
      </c>
    </row>
    <row r="127" spans="1:13">
      <c r="A127" s="40" t="s">
        <v>130</v>
      </c>
      <c r="B127" s="21">
        <v>-2880</v>
      </c>
      <c r="C127" s="22">
        <v>-1154</v>
      </c>
      <c r="D127" s="23">
        <v>-1726</v>
      </c>
      <c r="E127" s="21">
        <v>3025</v>
      </c>
      <c r="F127" s="22">
        <v>1199</v>
      </c>
      <c r="G127" s="23">
        <v>1826</v>
      </c>
      <c r="H127" s="21">
        <v>573</v>
      </c>
      <c r="I127" s="22">
        <v>169</v>
      </c>
      <c r="J127" s="23">
        <v>404</v>
      </c>
      <c r="K127" s="21">
        <v>428</v>
      </c>
      <c r="L127" s="22">
        <v>124</v>
      </c>
      <c r="M127" s="23">
        <v>304</v>
      </c>
    </row>
    <row r="128" spans="1:13">
      <c r="A128" s="40" t="s">
        <v>131</v>
      </c>
      <c r="B128" s="21">
        <v>-2733</v>
      </c>
      <c r="C128" s="22">
        <v>-1089</v>
      </c>
      <c r="D128" s="23">
        <v>-1644</v>
      </c>
      <c r="E128" s="21">
        <v>2814</v>
      </c>
      <c r="F128" s="22">
        <v>1098</v>
      </c>
      <c r="G128" s="23">
        <v>1716</v>
      </c>
      <c r="H128" s="21">
        <v>448</v>
      </c>
      <c r="I128" s="22">
        <v>119</v>
      </c>
      <c r="J128" s="23">
        <v>329</v>
      </c>
      <c r="K128" s="21">
        <v>367</v>
      </c>
      <c r="L128" s="22">
        <v>110</v>
      </c>
      <c r="M128" s="23">
        <v>257</v>
      </c>
    </row>
    <row r="129" spans="1:13">
      <c r="A129" s="40" t="s">
        <v>132</v>
      </c>
      <c r="B129" s="21">
        <v>-2467</v>
      </c>
      <c r="C129" s="22">
        <v>-911</v>
      </c>
      <c r="D129" s="23">
        <v>-1556</v>
      </c>
      <c r="E129" s="21">
        <v>2520</v>
      </c>
      <c r="F129" s="22">
        <v>915</v>
      </c>
      <c r="G129" s="23">
        <v>1605</v>
      </c>
      <c r="H129" s="21">
        <v>349</v>
      </c>
      <c r="I129" s="22">
        <v>95</v>
      </c>
      <c r="J129" s="23">
        <v>254</v>
      </c>
      <c r="K129" s="21">
        <v>296</v>
      </c>
      <c r="L129" s="22">
        <v>91</v>
      </c>
      <c r="M129" s="23">
        <v>205</v>
      </c>
    </row>
    <row r="130" spans="1:13">
      <c r="A130" s="40" t="s">
        <v>133</v>
      </c>
      <c r="B130" s="21">
        <v>-2314</v>
      </c>
      <c r="C130" s="22">
        <v>-741</v>
      </c>
      <c r="D130" s="23">
        <v>-1573</v>
      </c>
      <c r="E130" s="21">
        <v>2360</v>
      </c>
      <c r="F130" s="22">
        <v>750</v>
      </c>
      <c r="G130" s="23">
        <v>1610</v>
      </c>
      <c r="H130" s="21">
        <v>320</v>
      </c>
      <c r="I130" s="22">
        <v>68</v>
      </c>
      <c r="J130" s="23">
        <v>252</v>
      </c>
      <c r="K130" s="21">
        <v>274</v>
      </c>
      <c r="L130" s="22">
        <v>59</v>
      </c>
      <c r="M130" s="23">
        <v>215</v>
      </c>
    </row>
    <row r="131" spans="1:13" ht="19.5" customHeight="1">
      <c r="A131" s="34" t="s">
        <v>134</v>
      </c>
      <c r="B131" s="17">
        <v>-6488</v>
      </c>
      <c r="C131" s="18">
        <v>-1657</v>
      </c>
      <c r="D131" s="19">
        <v>-4831</v>
      </c>
      <c r="E131" s="17">
        <v>6600</v>
      </c>
      <c r="F131" s="18">
        <v>1678</v>
      </c>
      <c r="G131" s="19">
        <v>4922</v>
      </c>
      <c r="H131" s="17">
        <v>652</v>
      </c>
      <c r="I131" s="18">
        <v>134</v>
      </c>
      <c r="J131" s="19">
        <v>518</v>
      </c>
      <c r="K131" s="17">
        <v>540</v>
      </c>
      <c r="L131" s="18">
        <v>113</v>
      </c>
      <c r="M131" s="19">
        <v>427</v>
      </c>
    </row>
    <row r="132" spans="1:13">
      <c r="A132" s="40" t="s">
        <v>135</v>
      </c>
      <c r="B132" s="21">
        <v>-1849</v>
      </c>
      <c r="C132" s="22">
        <v>-568</v>
      </c>
      <c r="D132" s="23">
        <v>-1281</v>
      </c>
      <c r="E132" s="21">
        <v>1882</v>
      </c>
      <c r="F132" s="22">
        <v>569</v>
      </c>
      <c r="G132" s="23">
        <v>1313</v>
      </c>
      <c r="H132" s="21">
        <v>238</v>
      </c>
      <c r="I132" s="22">
        <v>53</v>
      </c>
      <c r="J132" s="23">
        <v>185</v>
      </c>
      <c r="K132" s="21">
        <v>205</v>
      </c>
      <c r="L132" s="22">
        <v>52</v>
      </c>
      <c r="M132" s="23">
        <v>153</v>
      </c>
    </row>
    <row r="133" spans="1:13">
      <c r="A133" s="40" t="s">
        <v>136</v>
      </c>
      <c r="B133" s="21">
        <v>-1527</v>
      </c>
      <c r="C133" s="22">
        <v>-406</v>
      </c>
      <c r="D133" s="23">
        <v>-1121</v>
      </c>
      <c r="E133" s="21">
        <v>1562</v>
      </c>
      <c r="F133" s="22">
        <v>422</v>
      </c>
      <c r="G133" s="23">
        <v>1140</v>
      </c>
      <c r="H133" s="21">
        <v>161</v>
      </c>
      <c r="I133" s="22">
        <v>43</v>
      </c>
      <c r="J133" s="23">
        <v>118</v>
      </c>
      <c r="K133" s="21">
        <v>126</v>
      </c>
      <c r="L133" s="22">
        <v>27</v>
      </c>
      <c r="M133" s="23">
        <v>99</v>
      </c>
    </row>
    <row r="134" spans="1:13">
      <c r="A134" s="40" t="s">
        <v>137</v>
      </c>
      <c r="B134" s="21">
        <v>-1260</v>
      </c>
      <c r="C134" s="22">
        <v>-298</v>
      </c>
      <c r="D134" s="23">
        <v>-962</v>
      </c>
      <c r="E134" s="21">
        <v>1293</v>
      </c>
      <c r="F134" s="22">
        <v>301</v>
      </c>
      <c r="G134" s="23">
        <v>992</v>
      </c>
      <c r="H134" s="21">
        <v>127</v>
      </c>
      <c r="I134" s="22">
        <v>19</v>
      </c>
      <c r="J134" s="23">
        <v>108</v>
      </c>
      <c r="K134" s="21">
        <v>94</v>
      </c>
      <c r="L134" s="22">
        <v>16</v>
      </c>
      <c r="M134" s="23">
        <v>78</v>
      </c>
    </row>
    <row r="135" spans="1:13">
      <c r="A135" s="40" t="s">
        <v>138</v>
      </c>
      <c r="B135" s="21">
        <v>-1032</v>
      </c>
      <c r="C135" s="22">
        <v>-224</v>
      </c>
      <c r="D135" s="23">
        <v>-808</v>
      </c>
      <c r="E135" s="21">
        <v>1044</v>
      </c>
      <c r="F135" s="22">
        <v>228</v>
      </c>
      <c r="G135" s="23">
        <v>816</v>
      </c>
      <c r="H135" s="21">
        <v>81</v>
      </c>
      <c r="I135" s="22">
        <v>11</v>
      </c>
      <c r="J135" s="23">
        <v>70</v>
      </c>
      <c r="K135" s="21">
        <v>69</v>
      </c>
      <c r="L135" s="22">
        <v>7</v>
      </c>
      <c r="M135" s="23">
        <v>62</v>
      </c>
    </row>
    <row r="136" spans="1:13">
      <c r="A136" s="40" t="s">
        <v>139</v>
      </c>
      <c r="B136" s="21">
        <v>-820</v>
      </c>
      <c r="C136" s="22">
        <v>-161</v>
      </c>
      <c r="D136" s="23">
        <v>-659</v>
      </c>
      <c r="E136" s="21">
        <v>819</v>
      </c>
      <c r="F136" s="22">
        <v>158</v>
      </c>
      <c r="G136" s="23">
        <v>661</v>
      </c>
      <c r="H136" s="21">
        <v>45</v>
      </c>
      <c r="I136" s="22">
        <v>8</v>
      </c>
      <c r="J136" s="23">
        <v>37</v>
      </c>
      <c r="K136" s="21">
        <v>46</v>
      </c>
      <c r="L136" s="22">
        <v>11</v>
      </c>
      <c r="M136" s="23">
        <v>35</v>
      </c>
    </row>
    <row r="137" spans="1:13" ht="19.5" customHeight="1">
      <c r="A137" s="41" t="s">
        <v>140</v>
      </c>
      <c r="B137" s="42">
        <v>-1825</v>
      </c>
      <c r="C137" s="43">
        <v>-300</v>
      </c>
      <c r="D137" s="44">
        <v>-1525</v>
      </c>
      <c r="E137" s="42">
        <v>1842</v>
      </c>
      <c r="F137" s="43">
        <v>303</v>
      </c>
      <c r="G137" s="44">
        <v>1539</v>
      </c>
      <c r="H137" s="42">
        <v>71</v>
      </c>
      <c r="I137" s="43">
        <v>9</v>
      </c>
      <c r="J137" s="44">
        <v>62</v>
      </c>
      <c r="K137" s="42">
        <v>54</v>
      </c>
      <c r="L137" s="43">
        <v>6</v>
      </c>
      <c r="M137" s="44">
        <v>48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28" fitToWidth="2" orientation="portrait" blackAndWhite="1" useFirstPageNumber="1" horizontalDpi="300" verticalDpi="300" r:id="rId1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5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980</v>
      </c>
      <c r="C5" s="14">
        <v>-430</v>
      </c>
      <c r="D5" s="14">
        <v>-550</v>
      </c>
      <c r="E5" s="13">
        <v>1867</v>
      </c>
      <c r="F5" s="14">
        <v>1014</v>
      </c>
      <c r="G5" s="15">
        <v>853</v>
      </c>
      <c r="H5" s="14">
        <v>8691</v>
      </c>
      <c r="I5" s="14">
        <v>4630</v>
      </c>
      <c r="J5" s="14">
        <v>4061</v>
      </c>
      <c r="K5" s="13">
        <v>8942</v>
      </c>
      <c r="L5" s="49">
        <v>4639</v>
      </c>
      <c r="M5" s="50">
        <v>4303</v>
      </c>
    </row>
    <row r="6" spans="1:13" ht="19.5" customHeight="1">
      <c r="A6" s="16" t="s">
        <v>13</v>
      </c>
      <c r="B6" s="17">
        <v>1156</v>
      </c>
      <c r="C6" s="18">
        <v>615</v>
      </c>
      <c r="D6" s="18">
        <v>541</v>
      </c>
      <c r="E6" s="17">
        <v>1</v>
      </c>
      <c r="F6" s="18">
        <v>1</v>
      </c>
      <c r="G6" s="19">
        <v>0</v>
      </c>
      <c r="H6" s="18">
        <v>488</v>
      </c>
      <c r="I6" s="18">
        <v>253</v>
      </c>
      <c r="J6" s="18">
        <v>235</v>
      </c>
      <c r="K6" s="17">
        <v>469</v>
      </c>
      <c r="L6" s="51">
        <v>230</v>
      </c>
      <c r="M6" s="52">
        <v>239</v>
      </c>
    </row>
    <row r="7" spans="1:13">
      <c r="A7" s="20" t="s">
        <v>14</v>
      </c>
      <c r="B7" s="21">
        <v>1137</v>
      </c>
      <c r="C7" s="22">
        <v>603</v>
      </c>
      <c r="D7" s="22">
        <v>534</v>
      </c>
      <c r="E7" s="21">
        <v>0</v>
      </c>
      <c r="F7" s="22">
        <v>0</v>
      </c>
      <c r="G7" s="23">
        <v>0</v>
      </c>
      <c r="H7" s="22">
        <v>75</v>
      </c>
      <c r="I7" s="22">
        <v>53</v>
      </c>
      <c r="J7" s="22">
        <v>22</v>
      </c>
      <c r="K7" s="21">
        <v>76</v>
      </c>
      <c r="L7" s="53">
        <v>43</v>
      </c>
      <c r="M7" s="54">
        <v>33</v>
      </c>
    </row>
    <row r="8" spans="1:13">
      <c r="A8" s="20" t="s">
        <v>15</v>
      </c>
      <c r="B8" s="21">
        <v>28</v>
      </c>
      <c r="C8" s="22">
        <v>4</v>
      </c>
      <c r="D8" s="22">
        <v>24</v>
      </c>
      <c r="E8" s="21">
        <v>1</v>
      </c>
      <c r="F8" s="22">
        <v>1</v>
      </c>
      <c r="G8" s="23">
        <v>0</v>
      </c>
      <c r="H8" s="22">
        <v>139</v>
      </c>
      <c r="I8" s="22">
        <v>63</v>
      </c>
      <c r="J8" s="22">
        <v>76</v>
      </c>
      <c r="K8" s="21">
        <v>110</v>
      </c>
      <c r="L8" s="53">
        <v>58</v>
      </c>
      <c r="M8" s="54">
        <v>52</v>
      </c>
    </row>
    <row r="9" spans="1:13">
      <c r="A9" s="20" t="s">
        <v>16</v>
      </c>
      <c r="B9" s="21">
        <v>7</v>
      </c>
      <c r="C9" s="22">
        <v>9</v>
      </c>
      <c r="D9" s="22">
        <v>-2</v>
      </c>
      <c r="E9" s="21">
        <v>0</v>
      </c>
      <c r="F9" s="22">
        <v>0</v>
      </c>
      <c r="G9" s="23">
        <v>0</v>
      </c>
      <c r="H9" s="22">
        <v>113</v>
      </c>
      <c r="I9" s="22">
        <v>56</v>
      </c>
      <c r="J9" s="22">
        <v>57</v>
      </c>
      <c r="K9" s="21">
        <v>106</v>
      </c>
      <c r="L9" s="53">
        <v>47</v>
      </c>
      <c r="M9" s="54">
        <v>59</v>
      </c>
    </row>
    <row r="10" spans="1:13">
      <c r="A10" s="20" t="s">
        <v>17</v>
      </c>
      <c r="B10" s="21">
        <v>-2</v>
      </c>
      <c r="C10" s="22">
        <v>4</v>
      </c>
      <c r="D10" s="22">
        <v>-6</v>
      </c>
      <c r="E10" s="21">
        <v>0</v>
      </c>
      <c r="F10" s="22">
        <v>0</v>
      </c>
      <c r="G10" s="23">
        <v>0</v>
      </c>
      <c r="H10" s="22">
        <v>88</v>
      </c>
      <c r="I10" s="22">
        <v>47</v>
      </c>
      <c r="J10" s="22">
        <v>41</v>
      </c>
      <c r="K10" s="21">
        <v>90</v>
      </c>
      <c r="L10" s="53">
        <v>43</v>
      </c>
      <c r="M10" s="54">
        <v>47</v>
      </c>
    </row>
    <row r="11" spans="1:13">
      <c r="A11" s="20" t="s">
        <v>18</v>
      </c>
      <c r="B11" s="21">
        <v>-14</v>
      </c>
      <c r="C11" s="22">
        <v>-5</v>
      </c>
      <c r="D11" s="22">
        <v>-9</v>
      </c>
      <c r="E11" s="21">
        <v>0</v>
      </c>
      <c r="F11" s="22">
        <v>0</v>
      </c>
      <c r="G11" s="23">
        <v>0</v>
      </c>
      <c r="H11" s="22">
        <v>73</v>
      </c>
      <c r="I11" s="22">
        <v>34</v>
      </c>
      <c r="J11" s="22">
        <v>39</v>
      </c>
      <c r="K11" s="21">
        <v>87</v>
      </c>
      <c r="L11" s="53">
        <v>39</v>
      </c>
      <c r="M11" s="54">
        <v>48</v>
      </c>
    </row>
    <row r="12" spans="1:13" ht="20.100000000000001" customHeight="1">
      <c r="A12" s="16" t="s">
        <v>19</v>
      </c>
      <c r="B12" s="17">
        <v>-11</v>
      </c>
      <c r="C12" s="18">
        <v>-8</v>
      </c>
      <c r="D12" s="18">
        <v>-3</v>
      </c>
      <c r="E12" s="17">
        <v>0</v>
      </c>
      <c r="F12" s="18">
        <v>0</v>
      </c>
      <c r="G12" s="19">
        <v>0</v>
      </c>
      <c r="H12" s="18">
        <v>235</v>
      </c>
      <c r="I12" s="18">
        <v>123</v>
      </c>
      <c r="J12" s="18">
        <v>112</v>
      </c>
      <c r="K12" s="17">
        <v>246</v>
      </c>
      <c r="L12" s="51">
        <v>131</v>
      </c>
      <c r="M12" s="52">
        <v>115</v>
      </c>
    </row>
    <row r="13" spans="1:13">
      <c r="A13" s="20" t="s">
        <v>20</v>
      </c>
      <c r="B13" s="21">
        <v>1</v>
      </c>
      <c r="C13" s="22">
        <v>5</v>
      </c>
      <c r="D13" s="22">
        <v>-4</v>
      </c>
      <c r="E13" s="21">
        <v>0</v>
      </c>
      <c r="F13" s="22">
        <v>0</v>
      </c>
      <c r="G13" s="23">
        <v>0</v>
      </c>
      <c r="H13" s="22">
        <v>61</v>
      </c>
      <c r="I13" s="22">
        <v>33</v>
      </c>
      <c r="J13" s="22">
        <v>28</v>
      </c>
      <c r="K13" s="21">
        <v>60</v>
      </c>
      <c r="L13" s="53">
        <v>28</v>
      </c>
      <c r="M13" s="54">
        <v>32</v>
      </c>
    </row>
    <row r="14" spans="1:13">
      <c r="A14" s="20" t="s">
        <v>21</v>
      </c>
      <c r="B14" s="21">
        <v>-18</v>
      </c>
      <c r="C14" s="22">
        <v>-16</v>
      </c>
      <c r="D14" s="22">
        <v>-2</v>
      </c>
      <c r="E14" s="21">
        <v>0</v>
      </c>
      <c r="F14" s="22">
        <v>0</v>
      </c>
      <c r="G14" s="23">
        <v>0</v>
      </c>
      <c r="H14" s="22">
        <v>41</v>
      </c>
      <c r="I14" s="22">
        <v>18</v>
      </c>
      <c r="J14" s="22">
        <v>23</v>
      </c>
      <c r="K14" s="21">
        <v>59</v>
      </c>
      <c r="L14" s="53">
        <v>34</v>
      </c>
      <c r="M14" s="54">
        <v>25</v>
      </c>
    </row>
    <row r="15" spans="1:13">
      <c r="A15" s="20" t="s">
        <v>22</v>
      </c>
      <c r="B15" s="21">
        <v>-4</v>
      </c>
      <c r="C15" s="22">
        <v>-4</v>
      </c>
      <c r="D15" s="22">
        <v>0</v>
      </c>
      <c r="E15" s="21">
        <v>0</v>
      </c>
      <c r="F15" s="22">
        <v>0</v>
      </c>
      <c r="G15" s="23">
        <v>0</v>
      </c>
      <c r="H15" s="22">
        <v>49</v>
      </c>
      <c r="I15" s="22">
        <v>22</v>
      </c>
      <c r="J15" s="22">
        <v>27</v>
      </c>
      <c r="K15" s="21">
        <v>53</v>
      </c>
      <c r="L15" s="53">
        <v>26</v>
      </c>
      <c r="M15" s="54">
        <v>27</v>
      </c>
    </row>
    <row r="16" spans="1:13">
      <c r="A16" s="20" t="s">
        <v>23</v>
      </c>
      <c r="B16" s="21">
        <v>12</v>
      </c>
      <c r="C16" s="22">
        <v>13</v>
      </c>
      <c r="D16" s="22">
        <v>-1</v>
      </c>
      <c r="E16" s="21">
        <v>0</v>
      </c>
      <c r="F16" s="22">
        <v>0</v>
      </c>
      <c r="G16" s="23">
        <v>0</v>
      </c>
      <c r="H16" s="22">
        <v>49</v>
      </c>
      <c r="I16" s="22">
        <v>32</v>
      </c>
      <c r="J16" s="22">
        <v>17</v>
      </c>
      <c r="K16" s="21">
        <v>37</v>
      </c>
      <c r="L16" s="53">
        <v>19</v>
      </c>
      <c r="M16" s="54">
        <v>18</v>
      </c>
    </row>
    <row r="17" spans="1:13">
      <c r="A17" s="20" t="s">
        <v>24</v>
      </c>
      <c r="B17" s="21">
        <v>-2</v>
      </c>
      <c r="C17" s="22">
        <v>-6</v>
      </c>
      <c r="D17" s="22">
        <v>4</v>
      </c>
      <c r="E17" s="21">
        <v>0</v>
      </c>
      <c r="F17" s="22">
        <v>0</v>
      </c>
      <c r="G17" s="23">
        <v>0</v>
      </c>
      <c r="H17" s="22">
        <v>35</v>
      </c>
      <c r="I17" s="22">
        <v>18</v>
      </c>
      <c r="J17" s="22">
        <v>17</v>
      </c>
      <c r="K17" s="21">
        <v>37</v>
      </c>
      <c r="L17" s="53">
        <v>24</v>
      </c>
      <c r="M17" s="54">
        <v>13</v>
      </c>
    </row>
    <row r="18" spans="1:13" ht="20.100000000000001" customHeight="1">
      <c r="A18" s="16" t="s">
        <v>25</v>
      </c>
      <c r="B18" s="17">
        <v>17</v>
      </c>
      <c r="C18" s="18">
        <v>7</v>
      </c>
      <c r="D18" s="18">
        <v>10</v>
      </c>
      <c r="E18" s="17">
        <v>0</v>
      </c>
      <c r="F18" s="18">
        <v>0</v>
      </c>
      <c r="G18" s="19">
        <v>0</v>
      </c>
      <c r="H18" s="18">
        <v>162</v>
      </c>
      <c r="I18" s="18">
        <v>78</v>
      </c>
      <c r="J18" s="18">
        <v>84</v>
      </c>
      <c r="K18" s="17">
        <v>145</v>
      </c>
      <c r="L18" s="51">
        <v>71</v>
      </c>
      <c r="M18" s="52">
        <v>74</v>
      </c>
    </row>
    <row r="19" spans="1:13">
      <c r="A19" s="20" t="s">
        <v>26</v>
      </c>
      <c r="B19" s="21">
        <v>6</v>
      </c>
      <c r="C19" s="22">
        <v>-3</v>
      </c>
      <c r="D19" s="22">
        <v>9</v>
      </c>
      <c r="E19" s="21">
        <v>0</v>
      </c>
      <c r="F19" s="22">
        <v>0</v>
      </c>
      <c r="G19" s="23">
        <v>0</v>
      </c>
      <c r="H19" s="22">
        <v>40</v>
      </c>
      <c r="I19" s="22">
        <v>16</v>
      </c>
      <c r="J19" s="22">
        <v>24</v>
      </c>
      <c r="K19" s="21">
        <v>34</v>
      </c>
      <c r="L19" s="53">
        <v>19</v>
      </c>
      <c r="M19" s="54">
        <v>15</v>
      </c>
    </row>
    <row r="20" spans="1:13">
      <c r="A20" s="20" t="s">
        <v>27</v>
      </c>
      <c r="B20" s="21">
        <v>3</v>
      </c>
      <c r="C20" s="22">
        <v>2</v>
      </c>
      <c r="D20" s="22">
        <v>1</v>
      </c>
      <c r="E20" s="21">
        <v>0</v>
      </c>
      <c r="F20" s="22">
        <v>0</v>
      </c>
      <c r="G20" s="23">
        <v>0</v>
      </c>
      <c r="H20" s="22">
        <v>34</v>
      </c>
      <c r="I20" s="22">
        <v>17</v>
      </c>
      <c r="J20" s="22">
        <v>17</v>
      </c>
      <c r="K20" s="21">
        <v>31</v>
      </c>
      <c r="L20" s="53">
        <v>15</v>
      </c>
      <c r="M20" s="54">
        <v>16</v>
      </c>
    </row>
    <row r="21" spans="1:13">
      <c r="A21" s="20" t="s">
        <v>28</v>
      </c>
      <c r="B21" s="21">
        <v>3</v>
      </c>
      <c r="C21" s="22">
        <v>0</v>
      </c>
      <c r="D21" s="22">
        <v>3</v>
      </c>
      <c r="E21" s="21">
        <v>0</v>
      </c>
      <c r="F21" s="22">
        <v>0</v>
      </c>
      <c r="G21" s="23">
        <v>0</v>
      </c>
      <c r="H21" s="22">
        <v>30</v>
      </c>
      <c r="I21" s="22">
        <v>16</v>
      </c>
      <c r="J21" s="22">
        <v>14</v>
      </c>
      <c r="K21" s="21">
        <v>27</v>
      </c>
      <c r="L21" s="53">
        <v>16</v>
      </c>
      <c r="M21" s="54">
        <v>11</v>
      </c>
    </row>
    <row r="22" spans="1:13">
      <c r="A22" s="20" t="s">
        <v>29</v>
      </c>
      <c r="B22" s="21">
        <v>5</v>
      </c>
      <c r="C22" s="22">
        <v>9</v>
      </c>
      <c r="D22" s="22">
        <v>-4</v>
      </c>
      <c r="E22" s="21">
        <v>0</v>
      </c>
      <c r="F22" s="22">
        <v>0</v>
      </c>
      <c r="G22" s="23">
        <v>0</v>
      </c>
      <c r="H22" s="22">
        <v>37</v>
      </c>
      <c r="I22" s="22">
        <v>19</v>
      </c>
      <c r="J22" s="22">
        <v>18</v>
      </c>
      <c r="K22" s="21">
        <v>32</v>
      </c>
      <c r="L22" s="53">
        <v>10</v>
      </c>
      <c r="M22" s="54">
        <v>22</v>
      </c>
    </row>
    <row r="23" spans="1:13">
      <c r="A23" s="20" t="s">
        <v>30</v>
      </c>
      <c r="B23" s="21">
        <v>0</v>
      </c>
      <c r="C23" s="22">
        <v>-1</v>
      </c>
      <c r="D23" s="22">
        <v>1</v>
      </c>
      <c r="E23" s="21">
        <v>0</v>
      </c>
      <c r="F23" s="22">
        <v>0</v>
      </c>
      <c r="G23" s="23">
        <v>0</v>
      </c>
      <c r="H23" s="22">
        <v>21</v>
      </c>
      <c r="I23" s="22">
        <v>10</v>
      </c>
      <c r="J23" s="22">
        <v>11</v>
      </c>
      <c r="K23" s="21">
        <v>21</v>
      </c>
      <c r="L23" s="53">
        <v>11</v>
      </c>
      <c r="M23" s="54">
        <v>10</v>
      </c>
    </row>
    <row r="24" spans="1:13" ht="20.100000000000001" customHeight="1">
      <c r="A24" s="16" t="s">
        <v>31</v>
      </c>
      <c r="B24" s="17">
        <v>174</v>
      </c>
      <c r="C24" s="18">
        <v>111</v>
      </c>
      <c r="D24" s="18">
        <v>63</v>
      </c>
      <c r="E24" s="17">
        <v>1</v>
      </c>
      <c r="F24" s="18">
        <v>0</v>
      </c>
      <c r="G24" s="19">
        <v>1</v>
      </c>
      <c r="H24" s="18">
        <v>409</v>
      </c>
      <c r="I24" s="18">
        <v>235</v>
      </c>
      <c r="J24" s="18">
        <v>174</v>
      </c>
      <c r="K24" s="17">
        <v>234</v>
      </c>
      <c r="L24" s="51">
        <v>124</v>
      </c>
      <c r="M24" s="52">
        <v>110</v>
      </c>
    </row>
    <row r="25" spans="1:13">
      <c r="A25" s="20" t="s">
        <v>32</v>
      </c>
      <c r="B25" s="21">
        <v>11</v>
      </c>
      <c r="C25" s="22">
        <v>4</v>
      </c>
      <c r="D25" s="22">
        <v>7</v>
      </c>
      <c r="E25" s="21">
        <v>0</v>
      </c>
      <c r="F25" s="22">
        <v>0</v>
      </c>
      <c r="G25" s="23">
        <v>0</v>
      </c>
      <c r="H25" s="22">
        <v>32</v>
      </c>
      <c r="I25" s="22">
        <v>16</v>
      </c>
      <c r="J25" s="22">
        <v>16</v>
      </c>
      <c r="K25" s="21">
        <v>21</v>
      </c>
      <c r="L25" s="53">
        <v>12</v>
      </c>
      <c r="M25" s="54">
        <v>9</v>
      </c>
    </row>
    <row r="26" spans="1:13">
      <c r="A26" s="20" t="s">
        <v>33</v>
      </c>
      <c r="B26" s="21">
        <v>1</v>
      </c>
      <c r="C26" s="22">
        <v>-6</v>
      </c>
      <c r="D26" s="22">
        <v>7</v>
      </c>
      <c r="E26" s="21">
        <v>0</v>
      </c>
      <c r="F26" s="22">
        <v>0</v>
      </c>
      <c r="G26" s="23">
        <v>0</v>
      </c>
      <c r="H26" s="22">
        <v>42</v>
      </c>
      <c r="I26" s="22">
        <v>19</v>
      </c>
      <c r="J26" s="22">
        <v>23</v>
      </c>
      <c r="K26" s="21">
        <v>41</v>
      </c>
      <c r="L26" s="53">
        <v>25</v>
      </c>
      <c r="M26" s="54">
        <v>16</v>
      </c>
    </row>
    <row r="27" spans="1:13">
      <c r="A27" s="20" t="s">
        <v>34</v>
      </c>
      <c r="B27" s="21">
        <v>4</v>
      </c>
      <c r="C27" s="22">
        <v>2</v>
      </c>
      <c r="D27" s="22">
        <v>2</v>
      </c>
      <c r="E27" s="21">
        <v>0</v>
      </c>
      <c r="F27" s="22">
        <v>0</v>
      </c>
      <c r="G27" s="23">
        <v>0</v>
      </c>
      <c r="H27" s="22">
        <v>31</v>
      </c>
      <c r="I27" s="22">
        <v>12</v>
      </c>
      <c r="J27" s="22">
        <v>19</v>
      </c>
      <c r="K27" s="21">
        <v>27</v>
      </c>
      <c r="L27" s="53">
        <v>10</v>
      </c>
      <c r="M27" s="54">
        <v>17</v>
      </c>
    </row>
    <row r="28" spans="1:13">
      <c r="A28" s="20" t="s">
        <v>35</v>
      </c>
      <c r="B28" s="21">
        <v>24</v>
      </c>
      <c r="C28" s="22">
        <v>13</v>
      </c>
      <c r="D28" s="22">
        <v>11</v>
      </c>
      <c r="E28" s="21">
        <v>1</v>
      </c>
      <c r="F28" s="22">
        <v>0</v>
      </c>
      <c r="G28" s="23">
        <v>1</v>
      </c>
      <c r="H28" s="22">
        <v>70</v>
      </c>
      <c r="I28" s="22">
        <v>34</v>
      </c>
      <c r="J28" s="22">
        <v>36</v>
      </c>
      <c r="K28" s="21">
        <v>45</v>
      </c>
      <c r="L28" s="53">
        <v>21</v>
      </c>
      <c r="M28" s="54">
        <v>24</v>
      </c>
    </row>
    <row r="29" spans="1:13">
      <c r="A29" s="20" t="s">
        <v>36</v>
      </c>
      <c r="B29" s="21">
        <v>134</v>
      </c>
      <c r="C29" s="22">
        <v>98</v>
      </c>
      <c r="D29" s="22">
        <v>36</v>
      </c>
      <c r="E29" s="21">
        <v>0</v>
      </c>
      <c r="F29" s="22">
        <v>0</v>
      </c>
      <c r="G29" s="23">
        <v>0</v>
      </c>
      <c r="H29" s="22">
        <v>234</v>
      </c>
      <c r="I29" s="22">
        <v>154</v>
      </c>
      <c r="J29" s="22">
        <v>80</v>
      </c>
      <c r="K29" s="21">
        <v>100</v>
      </c>
      <c r="L29" s="53">
        <v>56</v>
      </c>
      <c r="M29" s="54">
        <v>44</v>
      </c>
    </row>
    <row r="30" spans="1:13" ht="20.100000000000001" customHeight="1">
      <c r="A30" s="16" t="s">
        <v>37</v>
      </c>
      <c r="B30" s="17">
        <v>-66</v>
      </c>
      <c r="C30" s="18">
        <v>-8</v>
      </c>
      <c r="D30" s="18">
        <v>-58</v>
      </c>
      <c r="E30" s="17">
        <v>5</v>
      </c>
      <c r="F30" s="18">
        <v>3</v>
      </c>
      <c r="G30" s="19">
        <v>2</v>
      </c>
      <c r="H30" s="18">
        <v>1315</v>
      </c>
      <c r="I30" s="18">
        <v>725</v>
      </c>
      <c r="J30" s="18">
        <v>590</v>
      </c>
      <c r="K30" s="17">
        <v>1376</v>
      </c>
      <c r="L30" s="51">
        <v>730</v>
      </c>
      <c r="M30" s="52">
        <v>646</v>
      </c>
    </row>
    <row r="31" spans="1:13">
      <c r="A31" s="20" t="s">
        <v>38</v>
      </c>
      <c r="B31" s="21">
        <v>59</v>
      </c>
      <c r="C31" s="22">
        <v>44</v>
      </c>
      <c r="D31" s="22">
        <v>15</v>
      </c>
      <c r="E31" s="21">
        <v>1</v>
      </c>
      <c r="F31" s="22">
        <v>1</v>
      </c>
      <c r="G31" s="23">
        <v>0</v>
      </c>
      <c r="H31" s="22">
        <v>159</v>
      </c>
      <c r="I31" s="22">
        <v>102</v>
      </c>
      <c r="J31" s="22">
        <v>57</v>
      </c>
      <c r="K31" s="21">
        <v>99</v>
      </c>
      <c r="L31" s="53">
        <v>57</v>
      </c>
      <c r="M31" s="54">
        <v>42</v>
      </c>
    </row>
    <row r="32" spans="1:13">
      <c r="A32" s="20" t="s">
        <v>39</v>
      </c>
      <c r="B32" s="21">
        <v>50</v>
      </c>
      <c r="C32" s="22">
        <v>27</v>
      </c>
      <c r="D32" s="22">
        <v>23</v>
      </c>
      <c r="E32" s="21">
        <v>1</v>
      </c>
      <c r="F32" s="22">
        <v>1</v>
      </c>
      <c r="G32" s="23">
        <v>0</v>
      </c>
      <c r="H32" s="22">
        <v>205</v>
      </c>
      <c r="I32" s="22">
        <v>108</v>
      </c>
      <c r="J32" s="22">
        <v>97</v>
      </c>
      <c r="K32" s="21">
        <v>154</v>
      </c>
      <c r="L32" s="53">
        <v>80</v>
      </c>
      <c r="M32" s="54">
        <v>74</v>
      </c>
    </row>
    <row r="33" spans="1:13">
      <c r="A33" s="20" t="s">
        <v>40</v>
      </c>
      <c r="B33" s="21">
        <v>-38</v>
      </c>
      <c r="C33" s="22">
        <v>-16</v>
      </c>
      <c r="D33" s="22">
        <v>-22</v>
      </c>
      <c r="E33" s="21">
        <v>1</v>
      </c>
      <c r="F33" s="22">
        <v>0</v>
      </c>
      <c r="G33" s="23">
        <v>1</v>
      </c>
      <c r="H33" s="22">
        <v>246</v>
      </c>
      <c r="I33" s="22">
        <v>124</v>
      </c>
      <c r="J33" s="22">
        <v>122</v>
      </c>
      <c r="K33" s="21">
        <v>283</v>
      </c>
      <c r="L33" s="53">
        <v>140</v>
      </c>
      <c r="M33" s="54">
        <v>143</v>
      </c>
    </row>
    <row r="34" spans="1:13">
      <c r="A34" s="20" t="s">
        <v>41</v>
      </c>
      <c r="B34" s="21">
        <v>-78</v>
      </c>
      <c r="C34" s="22">
        <v>-43</v>
      </c>
      <c r="D34" s="22">
        <v>-35</v>
      </c>
      <c r="E34" s="21">
        <v>2</v>
      </c>
      <c r="F34" s="22">
        <v>1</v>
      </c>
      <c r="G34" s="23">
        <v>1</v>
      </c>
      <c r="H34" s="22">
        <v>402</v>
      </c>
      <c r="I34" s="22">
        <v>216</v>
      </c>
      <c r="J34" s="22">
        <v>186</v>
      </c>
      <c r="K34" s="21">
        <v>478</v>
      </c>
      <c r="L34" s="53">
        <v>258</v>
      </c>
      <c r="M34" s="54">
        <v>220</v>
      </c>
    </row>
    <row r="35" spans="1:13">
      <c r="A35" s="20" t="s">
        <v>42</v>
      </c>
      <c r="B35" s="21">
        <v>-59</v>
      </c>
      <c r="C35" s="22">
        <v>-20</v>
      </c>
      <c r="D35" s="22">
        <v>-39</v>
      </c>
      <c r="E35" s="21">
        <v>0</v>
      </c>
      <c r="F35" s="22">
        <v>0</v>
      </c>
      <c r="G35" s="23">
        <v>0</v>
      </c>
      <c r="H35" s="22">
        <v>303</v>
      </c>
      <c r="I35" s="22">
        <v>175</v>
      </c>
      <c r="J35" s="22">
        <v>128</v>
      </c>
      <c r="K35" s="21">
        <v>362</v>
      </c>
      <c r="L35" s="53">
        <v>195</v>
      </c>
      <c r="M35" s="54">
        <v>167</v>
      </c>
    </row>
    <row r="36" spans="1:13" ht="20.100000000000001" customHeight="1">
      <c r="A36" s="16" t="s">
        <v>43</v>
      </c>
      <c r="B36" s="17">
        <v>-322</v>
      </c>
      <c r="C36" s="18">
        <v>-124</v>
      </c>
      <c r="D36" s="18">
        <v>-198</v>
      </c>
      <c r="E36" s="17">
        <v>3</v>
      </c>
      <c r="F36" s="18">
        <v>0</v>
      </c>
      <c r="G36" s="19">
        <v>3</v>
      </c>
      <c r="H36" s="18">
        <v>1532</v>
      </c>
      <c r="I36" s="18">
        <v>816</v>
      </c>
      <c r="J36" s="18">
        <v>716</v>
      </c>
      <c r="K36" s="17">
        <v>1851</v>
      </c>
      <c r="L36" s="51">
        <v>940</v>
      </c>
      <c r="M36" s="52">
        <v>911</v>
      </c>
    </row>
    <row r="37" spans="1:13">
      <c r="A37" s="20" t="s">
        <v>44</v>
      </c>
      <c r="B37" s="21">
        <v>-58</v>
      </c>
      <c r="C37" s="22">
        <v>-20</v>
      </c>
      <c r="D37" s="22">
        <v>-38</v>
      </c>
      <c r="E37" s="21">
        <v>1</v>
      </c>
      <c r="F37" s="22">
        <v>0</v>
      </c>
      <c r="G37" s="23">
        <v>1</v>
      </c>
      <c r="H37" s="22">
        <v>351</v>
      </c>
      <c r="I37" s="22">
        <v>203</v>
      </c>
      <c r="J37" s="22">
        <v>148</v>
      </c>
      <c r="K37" s="21">
        <v>408</v>
      </c>
      <c r="L37" s="53">
        <v>223</v>
      </c>
      <c r="M37" s="54">
        <v>185</v>
      </c>
    </row>
    <row r="38" spans="1:13">
      <c r="A38" s="20" t="s">
        <v>45</v>
      </c>
      <c r="B38" s="21">
        <v>-103</v>
      </c>
      <c r="C38" s="22">
        <v>-42</v>
      </c>
      <c r="D38" s="22">
        <v>-61</v>
      </c>
      <c r="E38" s="21">
        <v>1</v>
      </c>
      <c r="F38" s="22">
        <v>0</v>
      </c>
      <c r="G38" s="23">
        <v>1</v>
      </c>
      <c r="H38" s="22">
        <v>308</v>
      </c>
      <c r="I38" s="22">
        <v>161</v>
      </c>
      <c r="J38" s="22">
        <v>147</v>
      </c>
      <c r="K38" s="21">
        <v>410</v>
      </c>
      <c r="L38" s="53">
        <v>203</v>
      </c>
      <c r="M38" s="54">
        <v>207</v>
      </c>
    </row>
    <row r="39" spans="1:13">
      <c r="A39" s="20" t="s">
        <v>46</v>
      </c>
      <c r="B39" s="21">
        <v>-70</v>
      </c>
      <c r="C39" s="22">
        <v>-34</v>
      </c>
      <c r="D39" s="22">
        <v>-36</v>
      </c>
      <c r="E39" s="21">
        <v>1</v>
      </c>
      <c r="F39" s="22">
        <v>0</v>
      </c>
      <c r="G39" s="23">
        <v>1</v>
      </c>
      <c r="H39" s="22">
        <v>307</v>
      </c>
      <c r="I39" s="22">
        <v>151</v>
      </c>
      <c r="J39" s="22">
        <v>156</v>
      </c>
      <c r="K39" s="21">
        <v>376</v>
      </c>
      <c r="L39" s="53">
        <v>185</v>
      </c>
      <c r="M39" s="54">
        <v>191</v>
      </c>
    </row>
    <row r="40" spans="1:13">
      <c r="A40" s="20" t="s">
        <v>47</v>
      </c>
      <c r="B40" s="21">
        <v>-65</v>
      </c>
      <c r="C40" s="22">
        <v>-20</v>
      </c>
      <c r="D40" s="22">
        <v>-45</v>
      </c>
      <c r="E40" s="21">
        <v>0</v>
      </c>
      <c r="F40" s="22">
        <v>0</v>
      </c>
      <c r="G40" s="23">
        <v>0</v>
      </c>
      <c r="H40" s="22">
        <v>287</v>
      </c>
      <c r="I40" s="22">
        <v>152</v>
      </c>
      <c r="J40" s="22">
        <v>135</v>
      </c>
      <c r="K40" s="21">
        <v>352</v>
      </c>
      <c r="L40" s="53">
        <v>172</v>
      </c>
      <c r="M40" s="54">
        <v>180</v>
      </c>
    </row>
    <row r="41" spans="1:13">
      <c r="A41" s="20" t="s">
        <v>48</v>
      </c>
      <c r="B41" s="21">
        <v>-26</v>
      </c>
      <c r="C41" s="22">
        <v>-8</v>
      </c>
      <c r="D41" s="22">
        <v>-18</v>
      </c>
      <c r="E41" s="21">
        <v>0</v>
      </c>
      <c r="F41" s="22">
        <v>0</v>
      </c>
      <c r="G41" s="23">
        <v>0</v>
      </c>
      <c r="H41" s="22">
        <v>279</v>
      </c>
      <c r="I41" s="22">
        <v>149</v>
      </c>
      <c r="J41" s="22">
        <v>130</v>
      </c>
      <c r="K41" s="21">
        <v>305</v>
      </c>
      <c r="L41" s="53">
        <v>157</v>
      </c>
      <c r="M41" s="54">
        <v>148</v>
      </c>
    </row>
    <row r="42" spans="1:13" ht="20.100000000000001" customHeight="1">
      <c r="A42" s="16" t="s">
        <v>49</v>
      </c>
      <c r="B42" s="17">
        <v>-67</v>
      </c>
      <c r="C42" s="18">
        <v>-5</v>
      </c>
      <c r="D42" s="18">
        <v>-62</v>
      </c>
      <c r="E42" s="17">
        <v>3</v>
      </c>
      <c r="F42" s="18">
        <v>2</v>
      </c>
      <c r="G42" s="19">
        <v>1</v>
      </c>
      <c r="H42" s="18">
        <v>1251</v>
      </c>
      <c r="I42" s="18">
        <v>640</v>
      </c>
      <c r="J42" s="18">
        <v>611</v>
      </c>
      <c r="K42" s="17">
        <v>1315</v>
      </c>
      <c r="L42" s="51">
        <v>643</v>
      </c>
      <c r="M42" s="52">
        <v>672</v>
      </c>
    </row>
    <row r="43" spans="1:13">
      <c r="A43" s="20" t="s">
        <v>50</v>
      </c>
      <c r="B43" s="21">
        <v>-50</v>
      </c>
      <c r="C43" s="22">
        <v>-18</v>
      </c>
      <c r="D43" s="22">
        <v>-32</v>
      </c>
      <c r="E43" s="21">
        <v>0</v>
      </c>
      <c r="F43" s="22">
        <v>0</v>
      </c>
      <c r="G43" s="23">
        <v>0</v>
      </c>
      <c r="H43" s="22">
        <v>265</v>
      </c>
      <c r="I43" s="22">
        <v>131</v>
      </c>
      <c r="J43" s="22">
        <v>134</v>
      </c>
      <c r="K43" s="21">
        <v>315</v>
      </c>
      <c r="L43" s="53">
        <v>149</v>
      </c>
      <c r="M43" s="54">
        <v>166</v>
      </c>
    </row>
    <row r="44" spans="1:13">
      <c r="A44" s="20" t="s">
        <v>51</v>
      </c>
      <c r="B44" s="21">
        <v>15</v>
      </c>
      <c r="C44" s="22">
        <v>15</v>
      </c>
      <c r="D44" s="22">
        <v>0</v>
      </c>
      <c r="E44" s="21">
        <v>2</v>
      </c>
      <c r="F44" s="22">
        <v>2</v>
      </c>
      <c r="G44" s="23">
        <v>0</v>
      </c>
      <c r="H44" s="22">
        <v>334</v>
      </c>
      <c r="I44" s="22">
        <v>168</v>
      </c>
      <c r="J44" s="22">
        <v>166</v>
      </c>
      <c r="K44" s="21">
        <v>317</v>
      </c>
      <c r="L44" s="53">
        <v>151</v>
      </c>
      <c r="M44" s="54">
        <v>166</v>
      </c>
    </row>
    <row r="45" spans="1:13">
      <c r="A45" s="20" t="s">
        <v>52</v>
      </c>
      <c r="B45" s="21">
        <v>-13</v>
      </c>
      <c r="C45" s="22">
        <v>-1</v>
      </c>
      <c r="D45" s="22">
        <v>-12</v>
      </c>
      <c r="E45" s="21">
        <v>0</v>
      </c>
      <c r="F45" s="22">
        <v>0</v>
      </c>
      <c r="G45" s="23">
        <v>0</v>
      </c>
      <c r="H45" s="22">
        <v>242</v>
      </c>
      <c r="I45" s="22">
        <v>121</v>
      </c>
      <c r="J45" s="22">
        <v>121</v>
      </c>
      <c r="K45" s="21">
        <v>255</v>
      </c>
      <c r="L45" s="53">
        <v>122</v>
      </c>
      <c r="M45" s="54">
        <v>133</v>
      </c>
    </row>
    <row r="46" spans="1:13">
      <c r="A46" s="20" t="s">
        <v>53</v>
      </c>
      <c r="B46" s="21">
        <v>-22</v>
      </c>
      <c r="C46" s="22">
        <v>-5</v>
      </c>
      <c r="D46" s="22">
        <v>-17</v>
      </c>
      <c r="E46" s="21">
        <v>0</v>
      </c>
      <c r="F46" s="22">
        <v>0</v>
      </c>
      <c r="G46" s="23">
        <v>0</v>
      </c>
      <c r="H46" s="22">
        <v>213</v>
      </c>
      <c r="I46" s="22">
        <v>112</v>
      </c>
      <c r="J46" s="22">
        <v>101</v>
      </c>
      <c r="K46" s="21">
        <v>235</v>
      </c>
      <c r="L46" s="53">
        <v>117</v>
      </c>
      <c r="M46" s="54">
        <v>118</v>
      </c>
    </row>
    <row r="47" spans="1:13">
      <c r="A47" s="20" t="s">
        <v>54</v>
      </c>
      <c r="B47" s="21">
        <v>3</v>
      </c>
      <c r="C47" s="22">
        <v>4</v>
      </c>
      <c r="D47" s="22">
        <v>-1</v>
      </c>
      <c r="E47" s="21">
        <v>1</v>
      </c>
      <c r="F47" s="22">
        <v>0</v>
      </c>
      <c r="G47" s="23">
        <v>1</v>
      </c>
      <c r="H47" s="22">
        <v>197</v>
      </c>
      <c r="I47" s="22">
        <v>108</v>
      </c>
      <c r="J47" s="22">
        <v>89</v>
      </c>
      <c r="K47" s="21">
        <v>193</v>
      </c>
      <c r="L47" s="53">
        <v>104</v>
      </c>
      <c r="M47" s="54">
        <v>89</v>
      </c>
    </row>
    <row r="48" spans="1:13" ht="20.100000000000001" customHeight="1">
      <c r="A48" s="16" t="s">
        <v>55</v>
      </c>
      <c r="B48" s="17">
        <v>-21</v>
      </c>
      <c r="C48" s="18">
        <v>-25</v>
      </c>
      <c r="D48" s="18">
        <v>4</v>
      </c>
      <c r="E48" s="17">
        <v>6</v>
      </c>
      <c r="F48" s="18">
        <v>5</v>
      </c>
      <c r="G48" s="19">
        <v>1</v>
      </c>
      <c r="H48" s="18">
        <v>802</v>
      </c>
      <c r="I48" s="18">
        <v>425</v>
      </c>
      <c r="J48" s="18">
        <v>377</v>
      </c>
      <c r="K48" s="17">
        <v>817</v>
      </c>
      <c r="L48" s="51">
        <v>445</v>
      </c>
      <c r="M48" s="52">
        <v>372</v>
      </c>
    </row>
    <row r="49" spans="1:13">
      <c r="A49" s="20" t="s">
        <v>56</v>
      </c>
      <c r="B49" s="21">
        <v>-26</v>
      </c>
      <c r="C49" s="22">
        <v>-14</v>
      </c>
      <c r="D49" s="22">
        <v>-12</v>
      </c>
      <c r="E49" s="21">
        <v>1</v>
      </c>
      <c r="F49" s="22">
        <v>1</v>
      </c>
      <c r="G49" s="23">
        <v>0</v>
      </c>
      <c r="H49" s="22">
        <v>192</v>
      </c>
      <c r="I49" s="22">
        <v>106</v>
      </c>
      <c r="J49" s="22">
        <v>86</v>
      </c>
      <c r="K49" s="21">
        <v>217</v>
      </c>
      <c r="L49" s="53">
        <v>119</v>
      </c>
      <c r="M49" s="54">
        <v>98</v>
      </c>
    </row>
    <row r="50" spans="1:13">
      <c r="A50" s="20" t="s">
        <v>57</v>
      </c>
      <c r="B50" s="21">
        <v>-3</v>
      </c>
      <c r="C50" s="22">
        <v>-7</v>
      </c>
      <c r="D50" s="22">
        <v>4</v>
      </c>
      <c r="E50" s="21">
        <v>2</v>
      </c>
      <c r="F50" s="22">
        <v>2</v>
      </c>
      <c r="G50" s="23">
        <v>0</v>
      </c>
      <c r="H50" s="22">
        <v>193</v>
      </c>
      <c r="I50" s="22">
        <v>98</v>
      </c>
      <c r="J50" s="22">
        <v>95</v>
      </c>
      <c r="K50" s="21">
        <v>194</v>
      </c>
      <c r="L50" s="53">
        <v>103</v>
      </c>
      <c r="M50" s="54">
        <v>91</v>
      </c>
    </row>
    <row r="51" spans="1:13">
      <c r="A51" s="20" t="s">
        <v>58</v>
      </c>
      <c r="B51" s="21">
        <v>-1</v>
      </c>
      <c r="C51" s="22">
        <v>1</v>
      </c>
      <c r="D51" s="22">
        <v>-2</v>
      </c>
      <c r="E51" s="21">
        <v>0</v>
      </c>
      <c r="F51" s="22">
        <v>0</v>
      </c>
      <c r="G51" s="23">
        <v>0</v>
      </c>
      <c r="H51" s="22">
        <v>165</v>
      </c>
      <c r="I51" s="22">
        <v>89</v>
      </c>
      <c r="J51" s="22">
        <v>76</v>
      </c>
      <c r="K51" s="21">
        <v>166</v>
      </c>
      <c r="L51" s="53">
        <v>88</v>
      </c>
      <c r="M51" s="54">
        <v>78</v>
      </c>
    </row>
    <row r="52" spans="1:13">
      <c r="A52" s="20" t="s">
        <v>59</v>
      </c>
      <c r="B52" s="21">
        <v>10</v>
      </c>
      <c r="C52" s="22">
        <v>6</v>
      </c>
      <c r="D52" s="22">
        <v>4</v>
      </c>
      <c r="E52" s="21">
        <v>0</v>
      </c>
      <c r="F52" s="22">
        <v>0</v>
      </c>
      <c r="G52" s="23">
        <v>0</v>
      </c>
      <c r="H52" s="22">
        <v>142</v>
      </c>
      <c r="I52" s="22">
        <v>76</v>
      </c>
      <c r="J52" s="22">
        <v>66</v>
      </c>
      <c r="K52" s="21">
        <v>132</v>
      </c>
      <c r="L52" s="53">
        <v>70</v>
      </c>
      <c r="M52" s="54">
        <v>62</v>
      </c>
    </row>
    <row r="53" spans="1:13">
      <c r="A53" s="20" t="s">
        <v>60</v>
      </c>
      <c r="B53" s="21">
        <v>-1</v>
      </c>
      <c r="C53" s="22">
        <v>-11</v>
      </c>
      <c r="D53" s="22">
        <v>10</v>
      </c>
      <c r="E53" s="21">
        <v>3</v>
      </c>
      <c r="F53" s="22">
        <v>2</v>
      </c>
      <c r="G53" s="23">
        <v>1</v>
      </c>
      <c r="H53" s="22">
        <v>110</v>
      </c>
      <c r="I53" s="22">
        <v>56</v>
      </c>
      <c r="J53" s="22">
        <v>54</v>
      </c>
      <c r="K53" s="21">
        <v>108</v>
      </c>
      <c r="L53" s="53">
        <v>65</v>
      </c>
      <c r="M53" s="54">
        <v>43</v>
      </c>
    </row>
    <row r="54" spans="1:13" ht="20.100000000000001" customHeight="1">
      <c r="A54" s="16" t="s">
        <v>61</v>
      </c>
      <c r="B54" s="17">
        <v>47</v>
      </c>
      <c r="C54" s="18">
        <v>30</v>
      </c>
      <c r="D54" s="18">
        <v>17</v>
      </c>
      <c r="E54" s="17">
        <v>10</v>
      </c>
      <c r="F54" s="18">
        <v>4</v>
      </c>
      <c r="G54" s="19">
        <v>6</v>
      </c>
      <c r="H54" s="18">
        <v>581</v>
      </c>
      <c r="I54" s="18">
        <v>319</v>
      </c>
      <c r="J54" s="18">
        <v>262</v>
      </c>
      <c r="K54" s="17">
        <v>524</v>
      </c>
      <c r="L54" s="51">
        <v>285</v>
      </c>
      <c r="M54" s="52">
        <v>239</v>
      </c>
    </row>
    <row r="55" spans="1:13">
      <c r="A55" s="20" t="s">
        <v>62</v>
      </c>
      <c r="B55" s="21">
        <v>0</v>
      </c>
      <c r="C55" s="22">
        <v>-5</v>
      </c>
      <c r="D55" s="22">
        <v>5</v>
      </c>
      <c r="E55" s="21">
        <v>4</v>
      </c>
      <c r="F55" s="22">
        <v>2</v>
      </c>
      <c r="G55" s="23">
        <v>2</v>
      </c>
      <c r="H55" s="22">
        <v>129</v>
      </c>
      <c r="I55" s="22">
        <v>66</v>
      </c>
      <c r="J55" s="22">
        <v>63</v>
      </c>
      <c r="K55" s="21">
        <v>125</v>
      </c>
      <c r="L55" s="53">
        <v>69</v>
      </c>
      <c r="M55" s="54">
        <v>56</v>
      </c>
    </row>
    <row r="56" spans="1:13">
      <c r="A56" s="20" t="s">
        <v>63</v>
      </c>
      <c r="B56" s="21">
        <v>0</v>
      </c>
      <c r="C56" s="22">
        <v>2</v>
      </c>
      <c r="D56" s="22">
        <v>-2</v>
      </c>
      <c r="E56" s="21">
        <v>1</v>
      </c>
      <c r="F56" s="22">
        <v>1</v>
      </c>
      <c r="G56" s="23">
        <v>0</v>
      </c>
      <c r="H56" s="22">
        <v>109</v>
      </c>
      <c r="I56" s="22">
        <v>63</v>
      </c>
      <c r="J56" s="22">
        <v>46</v>
      </c>
      <c r="K56" s="21">
        <v>108</v>
      </c>
      <c r="L56" s="53">
        <v>60</v>
      </c>
      <c r="M56" s="54">
        <v>48</v>
      </c>
    </row>
    <row r="57" spans="1:13">
      <c r="A57" s="20" t="s">
        <v>64</v>
      </c>
      <c r="B57" s="21">
        <v>15</v>
      </c>
      <c r="C57" s="22">
        <v>10</v>
      </c>
      <c r="D57" s="22">
        <v>5</v>
      </c>
      <c r="E57" s="21">
        <v>0</v>
      </c>
      <c r="F57" s="22">
        <v>0</v>
      </c>
      <c r="G57" s="23">
        <v>0</v>
      </c>
      <c r="H57" s="22">
        <v>121</v>
      </c>
      <c r="I57" s="22">
        <v>70</v>
      </c>
      <c r="J57" s="22">
        <v>51</v>
      </c>
      <c r="K57" s="21">
        <v>106</v>
      </c>
      <c r="L57" s="53">
        <v>60</v>
      </c>
      <c r="M57" s="54">
        <v>46</v>
      </c>
    </row>
    <row r="58" spans="1:13">
      <c r="A58" s="20" t="s">
        <v>65</v>
      </c>
      <c r="B58" s="21">
        <v>19</v>
      </c>
      <c r="C58" s="22">
        <v>14</v>
      </c>
      <c r="D58" s="22">
        <v>5</v>
      </c>
      <c r="E58" s="21">
        <v>2</v>
      </c>
      <c r="F58" s="22">
        <v>1</v>
      </c>
      <c r="G58" s="23">
        <v>1</v>
      </c>
      <c r="H58" s="22">
        <v>111</v>
      </c>
      <c r="I58" s="22">
        <v>64</v>
      </c>
      <c r="J58" s="22">
        <v>47</v>
      </c>
      <c r="K58" s="21">
        <v>90</v>
      </c>
      <c r="L58" s="53">
        <v>49</v>
      </c>
      <c r="M58" s="54">
        <v>41</v>
      </c>
    </row>
    <row r="59" spans="1:13">
      <c r="A59" s="20" t="s">
        <v>66</v>
      </c>
      <c r="B59" s="21">
        <v>13</v>
      </c>
      <c r="C59" s="22">
        <v>9</v>
      </c>
      <c r="D59" s="22">
        <v>4</v>
      </c>
      <c r="E59" s="21">
        <v>3</v>
      </c>
      <c r="F59" s="22">
        <v>0</v>
      </c>
      <c r="G59" s="23">
        <v>3</v>
      </c>
      <c r="H59" s="22">
        <v>111</v>
      </c>
      <c r="I59" s="22">
        <v>56</v>
      </c>
      <c r="J59" s="22">
        <v>55</v>
      </c>
      <c r="K59" s="21">
        <v>95</v>
      </c>
      <c r="L59" s="53">
        <v>47</v>
      </c>
      <c r="M59" s="54">
        <v>48</v>
      </c>
    </row>
    <row r="60" spans="1:13" ht="20.100000000000001" customHeight="1">
      <c r="A60" s="16" t="s">
        <v>67</v>
      </c>
      <c r="B60" s="17">
        <v>-8</v>
      </c>
      <c r="C60" s="18">
        <v>-8</v>
      </c>
      <c r="D60" s="18">
        <v>0</v>
      </c>
      <c r="E60" s="17">
        <v>15</v>
      </c>
      <c r="F60" s="18">
        <v>12</v>
      </c>
      <c r="G60" s="19">
        <v>3</v>
      </c>
      <c r="H60" s="18">
        <v>472</v>
      </c>
      <c r="I60" s="18">
        <v>283</v>
      </c>
      <c r="J60" s="18">
        <v>189</v>
      </c>
      <c r="K60" s="17">
        <v>465</v>
      </c>
      <c r="L60" s="51">
        <v>279</v>
      </c>
      <c r="M60" s="52">
        <v>186</v>
      </c>
    </row>
    <row r="61" spans="1:13">
      <c r="A61" s="20" t="s">
        <v>68</v>
      </c>
      <c r="B61" s="21">
        <v>-4</v>
      </c>
      <c r="C61" s="22">
        <v>-13</v>
      </c>
      <c r="D61" s="22">
        <v>9</v>
      </c>
      <c r="E61" s="21">
        <v>1</v>
      </c>
      <c r="F61" s="22">
        <v>1</v>
      </c>
      <c r="G61" s="23">
        <v>0</v>
      </c>
      <c r="H61" s="22">
        <v>105</v>
      </c>
      <c r="I61" s="22">
        <v>60</v>
      </c>
      <c r="J61" s="22">
        <v>45</v>
      </c>
      <c r="K61" s="21">
        <v>108</v>
      </c>
      <c r="L61" s="53">
        <v>72</v>
      </c>
      <c r="M61" s="54">
        <v>36</v>
      </c>
    </row>
    <row r="62" spans="1:13">
      <c r="A62" s="20" t="s">
        <v>69</v>
      </c>
      <c r="B62" s="21">
        <v>-5</v>
      </c>
      <c r="C62" s="22">
        <v>16</v>
      </c>
      <c r="D62" s="22">
        <v>-21</v>
      </c>
      <c r="E62" s="21">
        <v>5</v>
      </c>
      <c r="F62" s="22">
        <v>2</v>
      </c>
      <c r="G62" s="23">
        <v>3</v>
      </c>
      <c r="H62" s="22">
        <v>95</v>
      </c>
      <c r="I62" s="22">
        <v>64</v>
      </c>
      <c r="J62" s="22">
        <v>31</v>
      </c>
      <c r="K62" s="21">
        <v>95</v>
      </c>
      <c r="L62" s="53">
        <v>46</v>
      </c>
      <c r="M62" s="54">
        <v>49</v>
      </c>
    </row>
    <row r="63" spans="1:13">
      <c r="A63" s="20" t="s">
        <v>70</v>
      </c>
      <c r="B63" s="21">
        <v>11</v>
      </c>
      <c r="C63" s="22">
        <v>-5</v>
      </c>
      <c r="D63" s="22">
        <v>16</v>
      </c>
      <c r="E63" s="21">
        <v>2</v>
      </c>
      <c r="F63" s="22">
        <v>2</v>
      </c>
      <c r="G63" s="23">
        <v>0</v>
      </c>
      <c r="H63" s="22">
        <v>98</v>
      </c>
      <c r="I63" s="22">
        <v>57</v>
      </c>
      <c r="J63" s="22">
        <v>41</v>
      </c>
      <c r="K63" s="21">
        <v>85</v>
      </c>
      <c r="L63" s="53">
        <v>60</v>
      </c>
      <c r="M63" s="54">
        <v>25</v>
      </c>
    </row>
    <row r="64" spans="1:13">
      <c r="A64" s="20" t="s">
        <v>71</v>
      </c>
      <c r="B64" s="21">
        <v>-2</v>
      </c>
      <c r="C64" s="22">
        <v>4</v>
      </c>
      <c r="D64" s="22">
        <v>-6</v>
      </c>
      <c r="E64" s="21">
        <v>2</v>
      </c>
      <c r="F64" s="22">
        <v>2</v>
      </c>
      <c r="G64" s="23">
        <v>0</v>
      </c>
      <c r="H64" s="22">
        <v>97</v>
      </c>
      <c r="I64" s="22">
        <v>62</v>
      </c>
      <c r="J64" s="22">
        <v>35</v>
      </c>
      <c r="K64" s="21">
        <v>97</v>
      </c>
      <c r="L64" s="53">
        <v>56</v>
      </c>
      <c r="M64" s="54">
        <v>41</v>
      </c>
    </row>
    <row r="65" spans="1:13">
      <c r="A65" s="24" t="s">
        <v>72</v>
      </c>
      <c r="B65" s="25">
        <v>-8</v>
      </c>
      <c r="C65" s="26">
        <v>-10</v>
      </c>
      <c r="D65" s="26">
        <v>2</v>
      </c>
      <c r="E65" s="25">
        <v>5</v>
      </c>
      <c r="F65" s="26">
        <v>5</v>
      </c>
      <c r="G65" s="27">
        <v>0</v>
      </c>
      <c r="H65" s="26">
        <v>77</v>
      </c>
      <c r="I65" s="26">
        <v>40</v>
      </c>
      <c r="J65" s="26">
        <v>37</v>
      </c>
      <c r="K65" s="25">
        <v>80</v>
      </c>
      <c r="L65" s="55">
        <v>45</v>
      </c>
      <c r="M65" s="56">
        <v>3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138</v>
      </c>
      <c r="C69" s="58">
        <v>593</v>
      </c>
      <c r="D69" s="59">
        <v>545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138</v>
      </c>
      <c r="C70" s="61">
        <v>593</v>
      </c>
      <c r="D70" s="62">
        <v>545</v>
      </c>
    </row>
    <row r="71" spans="1:13">
      <c r="A71" s="24" t="s">
        <v>14</v>
      </c>
      <c r="B71" s="63">
        <v>1138</v>
      </c>
      <c r="C71" s="64">
        <v>593</v>
      </c>
      <c r="D71" s="65">
        <v>545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59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66</v>
      </c>
      <c r="C77" s="18">
        <v>-47</v>
      </c>
      <c r="D77" s="18">
        <v>-19</v>
      </c>
      <c r="E77" s="17">
        <v>26</v>
      </c>
      <c r="F77" s="18">
        <v>21</v>
      </c>
      <c r="G77" s="19">
        <v>5</v>
      </c>
      <c r="H77" s="18">
        <v>321</v>
      </c>
      <c r="I77" s="18">
        <v>179</v>
      </c>
      <c r="J77" s="18">
        <v>142</v>
      </c>
      <c r="K77" s="17">
        <v>361</v>
      </c>
      <c r="L77" s="51">
        <v>205</v>
      </c>
      <c r="M77" s="52">
        <v>156</v>
      </c>
    </row>
    <row r="78" spans="1:13">
      <c r="A78" s="40" t="s">
        <v>81</v>
      </c>
      <c r="B78" s="21">
        <v>-25</v>
      </c>
      <c r="C78" s="22">
        <v>-16</v>
      </c>
      <c r="D78" s="22">
        <v>-9</v>
      </c>
      <c r="E78" s="21">
        <v>4</v>
      </c>
      <c r="F78" s="22">
        <v>4</v>
      </c>
      <c r="G78" s="23">
        <v>0</v>
      </c>
      <c r="H78" s="22">
        <v>61</v>
      </c>
      <c r="I78" s="22">
        <v>31</v>
      </c>
      <c r="J78" s="22">
        <v>30</v>
      </c>
      <c r="K78" s="21">
        <v>82</v>
      </c>
      <c r="L78" s="53">
        <v>43</v>
      </c>
      <c r="M78" s="54">
        <v>39</v>
      </c>
    </row>
    <row r="79" spans="1:13">
      <c r="A79" s="40" t="s">
        <v>82</v>
      </c>
      <c r="B79" s="21">
        <v>-12</v>
      </c>
      <c r="C79" s="22">
        <v>-15</v>
      </c>
      <c r="D79" s="22">
        <v>3</v>
      </c>
      <c r="E79" s="21">
        <v>1</v>
      </c>
      <c r="F79" s="22">
        <v>0</v>
      </c>
      <c r="G79" s="23">
        <v>1</v>
      </c>
      <c r="H79" s="22">
        <v>68</v>
      </c>
      <c r="I79" s="22">
        <v>33</v>
      </c>
      <c r="J79" s="22">
        <v>35</v>
      </c>
      <c r="K79" s="21">
        <v>79</v>
      </c>
      <c r="L79" s="53">
        <v>48</v>
      </c>
      <c r="M79" s="54">
        <v>31</v>
      </c>
    </row>
    <row r="80" spans="1:13">
      <c r="A80" s="40" t="s">
        <v>83</v>
      </c>
      <c r="B80" s="21">
        <v>-13</v>
      </c>
      <c r="C80" s="22">
        <v>-7</v>
      </c>
      <c r="D80" s="22">
        <v>-6</v>
      </c>
      <c r="E80" s="21">
        <v>7</v>
      </c>
      <c r="F80" s="22">
        <v>6</v>
      </c>
      <c r="G80" s="23">
        <v>1</v>
      </c>
      <c r="H80" s="22">
        <v>80</v>
      </c>
      <c r="I80" s="22">
        <v>47</v>
      </c>
      <c r="J80" s="22">
        <v>33</v>
      </c>
      <c r="K80" s="21">
        <v>86</v>
      </c>
      <c r="L80" s="53">
        <v>48</v>
      </c>
      <c r="M80" s="54">
        <v>38</v>
      </c>
    </row>
    <row r="81" spans="1:13">
      <c r="A81" s="40" t="s">
        <v>84</v>
      </c>
      <c r="B81" s="21">
        <v>-7</v>
      </c>
      <c r="C81" s="22">
        <v>-4</v>
      </c>
      <c r="D81" s="22">
        <v>-3</v>
      </c>
      <c r="E81" s="21">
        <v>7</v>
      </c>
      <c r="F81" s="22">
        <v>5</v>
      </c>
      <c r="G81" s="23">
        <v>2</v>
      </c>
      <c r="H81" s="22">
        <v>54</v>
      </c>
      <c r="I81" s="22">
        <v>36</v>
      </c>
      <c r="J81" s="22">
        <v>18</v>
      </c>
      <c r="K81" s="21">
        <v>54</v>
      </c>
      <c r="L81" s="53">
        <v>35</v>
      </c>
      <c r="M81" s="54">
        <v>19</v>
      </c>
    </row>
    <row r="82" spans="1:13">
      <c r="A82" s="40" t="s">
        <v>85</v>
      </c>
      <c r="B82" s="21">
        <v>-9</v>
      </c>
      <c r="C82" s="22">
        <v>-5</v>
      </c>
      <c r="D82" s="22">
        <v>-4</v>
      </c>
      <c r="E82" s="21">
        <v>7</v>
      </c>
      <c r="F82" s="22">
        <v>6</v>
      </c>
      <c r="G82" s="23">
        <v>1</v>
      </c>
      <c r="H82" s="22">
        <v>58</v>
      </c>
      <c r="I82" s="22">
        <v>32</v>
      </c>
      <c r="J82" s="22">
        <v>26</v>
      </c>
      <c r="K82" s="21">
        <v>60</v>
      </c>
      <c r="L82" s="53">
        <v>31</v>
      </c>
      <c r="M82" s="54">
        <v>29</v>
      </c>
    </row>
    <row r="83" spans="1:13" ht="19.5" customHeight="1">
      <c r="A83" s="34" t="s">
        <v>86</v>
      </c>
      <c r="B83" s="17">
        <v>-58</v>
      </c>
      <c r="C83" s="18">
        <v>-16</v>
      </c>
      <c r="D83" s="18">
        <v>-42</v>
      </c>
      <c r="E83" s="17">
        <v>44</v>
      </c>
      <c r="F83" s="18">
        <v>27</v>
      </c>
      <c r="G83" s="19">
        <v>17</v>
      </c>
      <c r="H83" s="18">
        <v>279</v>
      </c>
      <c r="I83" s="18">
        <v>173</v>
      </c>
      <c r="J83" s="18">
        <v>106</v>
      </c>
      <c r="K83" s="17">
        <v>293</v>
      </c>
      <c r="L83" s="51">
        <v>162</v>
      </c>
      <c r="M83" s="52">
        <v>131</v>
      </c>
    </row>
    <row r="84" spans="1:13">
      <c r="A84" s="40" t="s">
        <v>87</v>
      </c>
      <c r="B84" s="21">
        <v>-1</v>
      </c>
      <c r="C84" s="22">
        <v>14</v>
      </c>
      <c r="D84" s="22">
        <v>-15</v>
      </c>
      <c r="E84" s="21">
        <v>4</v>
      </c>
      <c r="F84" s="22">
        <v>1</v>
      </c>
      <c r="G84" s="23">
        <v>3</v>
      </c>
      <c r="H84" s="22">
        <v>74</v>
      </c>
      <c r="I84" s="22">
        <v>49</v>
      </c>
      <c r="J84" s="22">
        <v>25</v>
      </c>
      <c r="K84" s="21">
        <v>71</v>
      </c>
      <c r="L84" s="53">
        <v>34</v>
      </c>
      <c r="M84" s="54">
        <v>37</v>
      </c>
    </row>
    <row r="85" spans="1:13">
      <c r="A85" s="40" t="s">
        <v>88</v>
      </c>
      <c r="B85" s="21">
        <v>3</v>
      </c>
      <c r="C85" s="22">
        <v>4</v>
      </c>
      <c r="D85" s="22">
        <v>-1</v>
      </c>
      <c r="E85" s="21">
        <v>9</v>
      </c>
      <c r="F85" s="22">
        <v>5</v>
      </c>
      <c r="G85" s="23">
        <v>4</v>
      </c>
      <c r="H85" s="22">
        <v>65</v>
      </c>
      <c r="I85" s="22">
        <v>38</v>
      </c>
      <c r="J85" s="22">
        <v>27</v>
      </c>
      <c r="K85" s="21">
        <v>53</v>
      </c>
      <c r="L85" s="53">
        <v>29</v>
      </c>
      <c r="M85" s="54">
        <v>24</v>
      </c>
    </row>
    <row r="86" spans="1:13">
      <c r="A86" s="40" t="s">
        <v>89</v>
      </c>
      <c r="B86" s="21">
        <v>-6</v>
      </c>
      <c r="C86" s="22">
        <v>-2</v>
      </c>
      <c r="D86" s="22">
        <v>-4</v>
      </c>
      <c r="E86" s="21">
        <v>6</v>
      </c>
      <c r="F86" s="22">
        <v>3</v>
      </c>
      <c r="G86" s="23">
        <v>3</v>
      </c>
      <c r="H86" s="22">
        <v>59</v>
      </c>
      <c r="I86" s="22">
        <v>37</v>
      </c>
      <c r="J86" s="22">
        <v>22</v>
      </c>
      <c r="K86" s="21">
        <v>59</v>
      </c>
      <c r="L86" s="53">
        <v>36</v>
      </c>
      <c r="M86" s="54">
        <v>23</v>
      </c>
    </row>
    <row r="87" spans="1:13">
      <c r="A87" s="40" t="s">
        <v>90</v>
      </c>
      <c r="B87" s="21">
        <v>-31</v>
      </c>
      <c r="C87" s="22">
        <v>-17</v>
      </c>
      <c r="D87" s="22">
        <v>-14</v>
      </c>
      <c r="E87" s="21">
        <v>15</v>
      </c>
      <c r="F87" s="22">
        <v>12</v>
      </c>
      <c r="G87" s="23">
        <v>3</v>
      </c>
      <c r="H87" s="22">
        <v>42</v>
      </c>
      <c r="I87" s="22">
        <v>26</v>
      </c>
      <c r="J87" s="22">
        <v>16</v>
      </c>
      <c r="K87" s="21">
        <v>58</v>
      </c>
      <c r="L87" s="53">
        <v>31</v>
      </c>
      <c r="M87" s="54">
        <v>27</v>
      </c>
    </row>
    <row r="88" spans="1:13">
      <c r="A88" s="40" t="s">
        <v>91</v>
      </c>
      <c r="B88" s="21">
        <v>-23</v>
      </c>
      <c r="C88" s="22">
        <v>-15</v>
      </c>
      <c r="D88" s="22">
        <v>-8</v>
      </c>
      <c r="E88" s="21">
        <v>10</v>
      </c>
      <c r="F88" s="22">
        <v>6</v>
      </c>
      <c r="G88" s="23">
        <v>4</v>
      </c>
      <c r="H88" s="22">
        <v>39</v>
      </c>
      <c r="I88" s="22">
        <v>23</v>
      </c>
      <c r="J88" s="22">
        <v>16</v>
      </c>
      <c r="K88" s="21">
        <v>52</v>
      </c>
      <c r="L88" s="53">
        <v>32</v>
      </c>
      <c r="M88" s="54">
        <v>20</v>
      </c>
    </row>
    <row r="89" spans="1:13" ht="19.5" customHeight="1">
      <c r="A89" s="34" t="s">
        <v>92</v>
      </c>
      <c r="B89" s="17">
        <v>-47</v>
      </c>
      <c r="C89" s="18">
        <v>-28</v>
      </c>
      <c r="D89" s="18">
        <v>-19</v>
      </c>
      <c r="E89" s="17">
        <v>58</v>
      </c>
      <c r="F89" s="18">
        <v>40</v>
      </c>
      <c r="G89" s="19">
        <v>18</v>
      </c>
      <c r="H89" s="18">
        <v>193</v>
      </c>
      <c r="I89" s="18">
        <v>111</v>
      </c>
      <c r="J89" s="18">
        <v>82</v>
      </c>
      <c r="K89" s="17">
        <v>182</v>
      </c>
      <c r="L89" s="51">
        <v>99</v>
      </c>
      <c r="M89" s="52">
        <v>83</v>
      </c>
    </row>
    <row r="90" spans="1:13">
      <c r="A90" s="40" t="s">
        <v>93</v>
      </c>
      <c r="B90" s="21">
        <v>-19</v>
      </c>
      <c r="C90" s="22">
        <v>-20</v>
      </c>
      <c r="D90" s="22">
        <v>1</v>
      </c>
      <c r="E90" s="21">
        <v>11</v>
      </c>
      <c r="F90" s="22">
        <v>7</v>
      </c>
      <c r="G90" s="23">
        <v>4</v>
      </c>
      <c r="H90" s="22">
        <v>41</v>
      </c>
      <c r="I90" s="22">
        <v>19</v>
      </c>
      <c r="J90" s="22">
        <v>22</v>
      </c>
      <c r="K90" s="21">
        <v>49</v>
      </c>
      <c r="L90" s="53">
        <v>32</v>
      </c>
      <c r="M90" s="54">
        <v>17</v>
      </c>
    </row>
    <row r="91" spans="1:13">
      <c r="A91" s="40" t="s">
        <v>94</v>
      </c>
      <c r="B91" s="21">
        <v>-10</v>
      </c>
      <c r="C91" s="22">
        <v>-2</v>
      </c>
      <c r="D91" s="22">
        <v>-8</v>
      </c>
      <c r="E91" s="21">
        <v>11</v>
      </c>
      <c r="F91" s="22">
        <v>6</v>
      </c>
      <c r="G91" s="23">
        <v>5</v>
      </c>
      <c r="H91" s="22">
        <v>41</v>
      </c>
      <c r="I91" s="22">
        <v>27</v>
      </c>
      <c r="J91" s="22">
        <v>14</v>
      </c>
      <c r="K91" s="21">
        <v>40</v>
      </c>
      <c r="L91" s="53">
        <v>23</v>
      </c>
      <c r="M91" s="54">
        <v>17</v>
      </c>
    </row>
    <row r="92" spans="1:13">
      <c r="A92" s="40" t="s">
        <v>95</v>
      </c>
      <c r="B92" s="21">
        <v>-6</v>
      </c>
      <c r="C92" s="22">
        <v>-3</v>
      </c>
      <c r="D92" s="22">
        <v>-3</v>
      </c>
      <c r="E92" s="21">
        <v>11</v>
      </c>
      <c r="F92" s="22">
        <v>9</v>
      </c>
      <c r="G92" s="23">
        <v>2</v>
      </c>
      <c r="H92" s="22">
        <v>41</v>
      </c>
      <c r="I92" s="22">
        <v>21</v>
      </c>
      <c r="J92" s="22">
        <v>20</v>
      </c>
      <c r="K92" s="21">
        <v>36</v>
      </c>
      <c r="L92" s="53">
        <v>15</v>
      </c>
      <c r="M92" s="54">
        <v>21</v>
      </c>
    </row>
    <row r="93" spans="1:13">
      <c r="A93" s="40" t="s">
        <v>96</v>
      </c>
      <c r="B93" s="21">
        <v>-3</v>
      </c>
      <c r="C93" s="22">
        <v>1</v>
      </c>
      <c r="D93" s="22">
        <v>-4</v>
      </c>
      <c r="E93" s="21">
        <v>12</v>
      </c>
      <c r="F93" s="22">
        <v>9</v>
      </c>
      <c r="G93" s="23">
        <v>3</v>
      </c>
      <c r="H93" s="22">
        <v>42</v>
      </c>
      <c r="I93" s="22">
        <v>27</v>
      </c>
      <c r="J93" s="22">
        <v>15</v>
      </c>
      <c r="K93" s="21">
        <v>33</v>
      </c>
      <c r="L93" s="53">
        <v>17</v>
      </c>
      <c r="M93" s="54">
        <v>16</v>
      </c>
    </row>
    <row r="94" spans="1:13">
      <c r="A94" s="40" t="s">
        <v>97</v>
      </c>
      <c r="B94" s="21">
        <v>-9</v>
      </c>
      <c r="C94" s="22">
        <v>-4</v>
      </c>
      <c r="D94" s="22">
        <v>-5</v>
      </c>
      <c r="E94" s="21">
        <v>13</v>
      </c>
      <c r="F94" s="22">
        <v>9</v>
      </c>
      <c r="G94" s="23">
        <v>4</v>
      </c>
      <c r="H94" s="22">
        <v>28</v>
      </c>
      <c r="I94" s="22">
        <v>17</v>
      </c>
      <c r="J94" s="22">
        <v>11</v>
      </c>
      <c r="K94" s="21">
        <v>24</v>
      </c>
      <c r="L94" s="53">
        <v>12</v>
      </c>
      <c r="M94" s="54">
        <v>12</v>
      </c>
    </row>
    <row r="95" spans="1:13" ht="19.5" customHeight="1">
      <c r="A95" s="34" t="s">
        <v>98</v>
      </c>
      <c r="B95" s="17">
        <v>-96</v>
      </c>
      <c r="C95" s="18">
        <v>-67</v>
      </c>
      <c r="D95" s="18">
        <v>-29</v>
      </c>
      <c r="E95" s="17">
        <v>76</v>
      </c>
      <c r="F95" s="18">
        <v>58</v>
      </c>
      <c r="G95" s="19">
        <v>18</v>
      </c>
      <c r="H95" s="18">
        <v>158</v>
      </c>
      <c r="I95" s="18">
        <v>87</v>
      </c>
      <c r="J95" s="18">
        <v>71</v>
      </c>
      <c r="K95" s="17">
        <v>178</v>
      </c>
      <c r="L95" s="51">
        <v>96</v>
      </c>
      <c r="M95" s="52">
        <v>82</v>
      </c>
    </row>
    <row r="96" spans="1:13">
      <c r="A96" s="40" t="s">
        <v>99</v>
      </c>
      <c r="B96" s="21">
        <v>-7</v>
      </c>
      <c r="C96" s="22">
        <v>-8</v>
      </c>
      <c r="D96" s="22">
        <v>1</v>
      </c>
      <c r="E96" s="21">
        <v>7</v>
      </c>
      <c r="F96" s="22">
        <v>7</v>
      </c>
      <c r="G96" s="23">
        <v>0</v>
      </c>
      <c r="H96" s="22">
        <v>44</v>
      </c>
      <c r="I96" s="22">
        <v>28</v>
      </c>
      <c r="J96" s="22">
        <v>16</v>
      </c>
      <c r="K96" s="21">
        <v>44</v>
      </c>
      <c r="L96" s="53">
        <v>29</v>
      </c>
      <c r="M96" s="54">
        <v>15</v>
      </c>
    </row>
    <row r="97" spans="1:13">
      <c r="A97" s="40" t="s">
        <v>100</v>
      </c>
      <c r="B97" s="21">
        <v>-16</v>
      </c>
      <c r="C97" s="22">
        <v>-10</v>
      </c>
      <c r="D97" s="22">
        <v>-6</v>
      </c>
      <c r="E97" s="21">
        <v>11</v>
      </c>
      <c r="F97" s="22">
        <v>9</v>
      </c>
      <c r="G97" s="23">
        <v>2</v>
      </c>
      <c r="H97" s="22">
        <v>30</v>
      </c>
      <c r="I97" s="22">
        <v>17</v>
      </c>
      <c r="J97" s="22">
        <v>13</v>
      </c>
      <c r="K97" s="21">
        <v>35</v>
      </c>
      <c r="L97" s="53">
        <v>18</v>
      </c>
      <c r="M97" s="54">
        <v>17</v>
      </c>
    </row>
    <row r="98" spans="1:13">
      <c r="A98" s="40" t="s">
        <v>101</v>
      </c>
      <c r="B98" s="21">
        <v>-22</v>
      </c>
      <c r="C98" s="22">
        <v>-15</v>
      </c>
      <c r="D98" s="22">
        <v>-7</v>
      </c>
      <c r="E98" s="21">
        <v>10</v>
      </c>
      <c r="F98" s="22">
        <v>6</v>
      </c>
      <c r="G98" s="23">
        <v>4</v>
      </c>
      <c r="H98" s="22">
        <v>32</v>
      </c>
      <c r="I98" s="22">
        <v>16</v>
      </c>
      <c r="J98" s="22">
        <v>16</v>
      </c>
      <c r="K98" s="21">
        <v>44</v>
      </c>
      <c r="L98" s="53">
        <v>25</v>
      </c>
      <c r="M98" s="54">
        <v>19</v>
      </c>
    </row>
    <row r="99" spans="1:13">
      <c r="A99" s="40" t="s">
        <v>102</v>
      </c>
      <c r="B99" s="21">
        <v>-27</v>
      </c>
      <c r="C99" s="22">
        <v>-12</v>
      </c>
      <c r="D99" s="22">
        <v>-15</v>
      </c>
      <c r="E99" s="21">
        <v>18</v>
      </c>
      <c r="F99" s="22">
        <v>12</v>
      </c>
      <c r="G99" s="23">
        <v>6</v>
      </c>
      <c r="H99" s="22">
        <v>24</v>
      </c>
      <c r="I99" s="22">
        <v>12</v>
      </c>
      <c r="J99" s="22">
        <v>12</v>
      </c>
      <c r="K99" s="21">
        <v>33</v>
      </c>
      <c r="L99" s="53">
        <v>12</v>
      </c>
      <c r="M99" s="54">
        <v>21</v>
      </c>
    </row>
    <row r="100" spans="1:13">
      <c r="A100" s="40" t="s">
        <v>103</v>
      </c>
      <c r="B100" s="21">
        <v>-24</v>
      </c>
      <c r="C100" s="22">
        <v>-22</v>
      </c>
      <c r="D100" s="22">
        <v>-2</v>
      </c>
      <c r="E100" s="21">
        <v>30</v>
      </c>
      <c r="F100" s="22">
        <v>24</v>
      </c>
      <c r="G100" s="23">
        <v>6</v>
      </c>
      <c r="H100" s="22">
        <v>28</v>
      </c>
      <c r="I100" s="22">
        <v>14</v>
      </c>
      <c r="J100" s="22">
        <v>14</v>
      </c>
      <c r="K100" s="21">
        <v>22</v>
      </c>
      <c r="L100" s="53">
        <v>12</v>
      </c>
      <c r="M100" s="54">
        <v>10</v>
      </c>
    </row>
    <row r="101" spans="1:13" ht="19.5" customHeight="1">
      <c r="A101" s="34" t="s">
        <v>104</v>
      </c>
      <c r="B101" s="17">
        <v>-144</v>
      </c>
      <c r="C101" s="18">
        <v>-100</v>
      </c>
      <c r="D101" s="18">
        <v>-44</v>
      </c>
      <c r="E101" s="17">
        <v>151</v>
      </c>
      <c r="F101" s="18">
        <v>92</v>
      </c>
      <c r="G101" s="19">
        <v>59</v>
      </c>
      <c r="H101" s="18">
        <v>142</v>
      </c>
      <c r="I101" s="18">
        <v>67</v>
      </c>
      <c r="J101" s="18">
        <v>75</v>
      </c>
      <c r="K101" s="17">
        <v>135</v>
      </c>
      <c r="L101" s="51">
        <v>75</v>
      </c>
      <c r="M101" s="52">
        <v>60</v>
      </c>
    </row>
    <row r="102" spans="1:13">
      <c r="A102" s="40" t="s">
        <v>105</v>
      </c>
      <c r="B102" s="21">
        <v>-21</v>
      </c>
      <c r="C102" s="22">
        <v>-15</v>
      </c>
      <c r="D102" s="22">
        <v>-6</v>
      </c>
      <c r="E102" s="21">
        <v>28</v>
      </c>
      <c r="F102" s="22">
        <v>14</v>
      </c>
      <c r="G102" s="23">
        <v>14</v>
      </c>
      <c r="H102" s="22">
        <v>42</v>
      </c>
      <c r="I102" s="22">
        <v>16</v>
      </c>
      <c r="J102" s="22">
        <v>26</v>
      </c>
      <c r="K102" s="21">
        <v>35</v>
      </c>
      <c r="L102" s="53">
        <v>17</v>
      </c>
      <c r="M102" s="54">
        <v>18</v>
      </c>
    </row>
    <row r="103" spans="1:13">
      <c r="A103" s="40" t="s">
        <v>106</v>
      </c>
      <c r="B103" s="21">
        <v>-35</v>
      </c>
      <c r="C103" s="22">
        <v>-26</v>
      </c>
      <c r="D103" s="22">
        <v>-9</v>
      </c>
      <c r="E103" s="21">
        <v>32</v>
      </c>
      <c r="F103" s="22">
        <v>16</v>
      </c>
      <c r="G103" s="23">
        <v>16</v>
      </c>
      <c r="H103" s="22">
        <v>31</v>
      </c>
      <c r="I103" s="22">
        <v>12</v>
      </c>
      <c r="J103" s="22">
        <v>19</v>
      </c>
      <c r="K103" s="21">
        <v>34</v>
      </c>
      <c r="L103" s="53">
        <v>22</v>
      </c>
      <c r="M103" s="54">
        <v>12</v>
      </c>
    </row>
    <row r="104" spans="1:13">
      <c r="A104" s="40" t="s">
        <v>107</v>
      </c>
      <c r="B104" s="21">
        <v>-36</v>
      </c>
      <c r="C104" s="22">
        <v>-30</v>
      </c>
      <c r="D104" s="22">
        <v>-6</v>
      </c>
      <c r="E104" s="21">
        <v>40</v>
      </c>
      <c r="F104" s="22">
        <v>28</v>
      </c>
      <c r="G104" s="23">
        <v>12</v>
      </c>
      <c r="H104" s="22">
        <v>32</v>
      </c>
      <c r="I104" s="22">
        <v>15</v>
      </c>
      <c r="J104" s="22">
        <v>17</v>
      </c>
      <c r="K104" s="21">
        <v>28</v>
      </c>
      <c r="L104" s="53">
        <v>17</v>
      </c>
      <c r="M104" s="54">
        <v>11</v>
      </c>
    </row>
    <row r="105" spans="1:13">
      <c r="A105" s="40" t="s">
        <v>108</v>
      </c>
      <c r="B105" s="21">
        <v>-22</v>
      </c>
      <c r="C105" s="22">
        <v>-12</v>
      </c>
      <c r="D105" s="22">
        <v>-10</v>
      </c>
      <c r="E105" s="21">
        <v>23</v>
      </c>
      <c r="F105" s="22">
        <v>16</v>
      </c>
      <c r="G105" s="23">
        <v>7</v>
      </c>
      <c r="H105" s="22">
        <v>24</v>
      </c>
      <c r="I105" s="22">
        <v>16</v>
      </c>
      <c r="J105" s="22">
        <v>8</v>
      </c>
      <c r="K105" s="21">
        <v>23</v>
      </c>
      <c r="L105" s="53">
        <v>12</v>
      </c>
      <c r="M105" s="54">
        <v>11</v>
      </c>
    </row>
    <row r="106" spans="1:13">
      <c r="A106" s="40" t="s">
        <v>109</v>
      </c>
      <c r="B106" s="21">
        <v>-30</v>
      </c>
      <c r="C106" s="22">
        <v>-17</v>
      </c>
      <c r="D106" s="22">
        <v>-13</v>
      </c>
      <c r="E106" s="21">
        <v>28</v>
      </c>
      <c r="F106" s="22">
        <v>18</v>
      </c>
      <c r="G106" s="23">
        <v>10</v>
      </c>
      <c r="H106" s="22">
        <v>13</v>
      </c>
      <c r="I106" s="22">
        <v>8</v>
      </c>
      <c r="J106" s="22">
        <v>5</v>
      </c>
      <c r="K106" s="21">
        <v>15</v>
      </c>
      <c r="L106" s="53">
        <v>7</v>
      </c>
      <c r="M106" s="54">
        <v>8</v>
      </c>
    </row>
    <row r="107" spans="1:13" ht="19.5" customHeight="1">
      <c r="A107" s="34" t="s">
        <v>110</v>
      </c>
      <c r="B107" s="17">
        <v>-202</v>
      </c>
      <c r="C107" s="18">
        <v>-140</v>
      </c>
      <c r="D107" s="18">
        <v>-62</v>
      </c>
      <c r="E107" s="17">
        <v>221</v>
      </c>
      <c r="F107" s="18">
        <v>152</v>
      </c>
      <c r="G107" s="19">
        <v>69</v>
      </c>
      <c r="H107" s="18">
        <v>110</v>
      </c>
      <c r="I107" s="18">
        <v>49</v>
      </c>
      <c r="J107" s="18">
        <v>61</v>
      </c>
      <c r="K107" s="17">
        <v>91</v>
      </c>
      <c r="L107" s="51">
        <v>37</v>
      </c>
      <c r="M107" s="52">
        <v>54</v>
      </c>
    </row>
    <row r="108" spans="1:13">
      <c r="A108" s="40" t="s">
        <v>111</v>
      </c>
      <c r="B108" s="21">
        <v>-44</v>
      </c>
      <c r="C108" s="22">
        <v>-28</v>
      </c>
      <c r="D108" s="22">
        <v>-16</v>
      </c>
      <c r="E108" s="21">
        <v>41</v>
      </c>
      <c r="F108" s="22">
        <v>27</v>
      </c>
      <c r="G108" s="23">
        <v>14</v>
      </c>
      <c r="H108" s="22">
        <v>16</v>
      </c>
      <c r="I108" s="22">
        <v>10</v>
      </c>
      <c r="J108" s="22">
        <v>6</v>
      </c>
      <c r="K108" s="21">
        <v>19</v>
      </c>
      <c r="L108" s="53">
        <v>11</v>
      </c>
      <c r="M108" s="54">
        <v>8</v>
      </c>
    </row>
    <row r="109" spans="1:13">
      <c r="A109" s="40" t="s">
        <v>112</v>
      </c>
      <c r="B109" s="21">
        <v>-33</v>
      </c>
      <c r="C109" s="22">
        <v>-35</v>
      </c>
      <c r="D109" s="22">
        <v>2</v>
      </c>
      <c r="E109" s="21">
        <v>43</v>
      </c>
      <c r="F109" s="22">
        <v>35</v>
      </c>
      <c r="G109" s="23">
        <v>8</v>
      </c>
      <c r="H109" s="22">
        <v>32</v>
      </c>
      <c r="I109" s="22">
        <v>9</v>
      </c>
      <c r="J109" s="22">
        <v>23</v>
      </c>
      <c r="K109" s="21">
        <v>22</v>
      </c>
      <c r="L109" s="53">
        <v>9</v>
      </c>
      <c r="M109" s="54">
        <v>13</v>
      </c>
    </row>
    <row r="110" spans="1:13">
      <c r="A110" s="40" t="s">
        <v>113</v>
      </c>
      <c r="B110" s="21">
        <v>-25</v>
      </c>
      <c r="C110" s="22">
        <v>-19</v>
      </c>
      <c r="D110" s="22">
        <v>-6</v>
      </c>
      <c r="E110" s="21">
        <v>36</v>
      </c>
      <c r="F110" s="22">
        <v>27</v>
      </c>
      <c r="G110" s="23">
        <v>9</v>
      </c>
      <c r="H110" s="22">
        <v>24</v>
      </c>
      <c r="I110" s="22">
        <v>13</v>
      </c>
      <c r="J110" s="22">
        <v>11</v>
      </c>
      <c r="K110" s="21">
        <v>13</v>
      </c>
      <c r="L110" s="53">
        <v>5</v>
      </c>
      <c r="M110" s="54">
        <v>8</v>
      </c>
    </row>
    <row r="111" spans="1:13">
      <c r="A111" s="40" t="s">
        <v>114</v>
      </c>
      <c r="B111" s="21">
        <v>-58</v>
      </c>
      <c r="C111" s="22">
        <v>-33</v>
      </c>
      <c r="D111" s="22">
        <v>-25</v>
      </c>
      <c r="E111" s="21">
        <v>50</v>
      </c>
      <c r="F111" s="22">
        <v>35</v>
      </c>
      <c r="G111" s="23">
        <v>15</v>
      </c>
      <c r="H111" s="22">
        <v>12</v>
      </c>
      <c r="I111" s="22">
        <v>6</v>
      </c>
      <c r="J111" s="22">
        <v>6</v>
      </c>
      <c r="K111" s="21">
        <v>20</v>
      </c>
      <c r="L111" s="53">
        <v>4</v>
      </c>
      <c r="M111" s="54">
        <v>16</v>
      </c>
    </row>
    <row r="112" spans="1:13">
      <c r="A112" s="40" t="s">
        <v>115</v>
      </c>
      <c r="B112" s="21">
        <v>-42</v>
      </c>
      <c r="C112" s="22">
        <v>-25</v>
      </c>
      <c r="D112" s="22">
        <v>-17</v>
      </c>
      <c r="E112" s="21">
        <v>51</v>
      </c>
      <c r="F112" s="22">
        <v>28</v>
      </c>
      <c r="G112" s="23">
        <v>23</v>
      </c>
      <c r="H112" s="22">
        <v>26</v>
      </c>
      <c r="I112" s="22">
        <v>11</v>
      </c>
      <c r="J112" s="22">
        <v>15</v>
      </c>
      <c r="K112" s="21">
        <v>17</v>
      </c>
      <c r="L112" s="53">
        <v>8</v>
      </c>
      <c r="M112" s="54">
        <v>9</v>
      </c>
    </row>
    <row r="113" spans="1:13" ht="19.5" customHeight="1">
      <c r="A113" s="34" t="s">
        <v>116</v>
      </c>
      <c r="B113" s="17">
        <v>-324</v>
      </c>
      <c r="C113" s="18">
        <v>-200</v>
      </c>
      <c r="D113" s="18">
        <v>-124</v>
      </c>
      <c r="E113" s="17">
        <v>319</v>
      </c>
      <c r="F113" s="18">
        <v>196</v>
      </c>
      <c r="G113" s="19">
        <v>123</v>
      </c>
      <c r="H113" s="18">
        <v>94</v>
      </c>
      <c r="I113" s="18">
        <v>28</v>
      </c>
      <c r="J113" s="18">
        <v>66</v>
      </c>
      <c r="K113" s="17">
        <v>99</v>
      </c>
      <c r="L113" s="51">
        <v>32</v>
      </c>
      <c r="M113" s="52">
        <v>67</v>
      </c>
    </row>
    <row r="114" spans="1:13">
      <c r="A114" s="40" t="s">
        <v>117</v>
      </c>
      <c r="B114" s="21">
        <v>-58</v>
      </c>
      <c r="C114" s="22">
        <v>-37</v>
      </c>
      <c r="D114" s="22">
        <v>-21</v>
      </c>
      <c r="E114" s="21">
        <v>53</v>
      </c>
      <c r="F114" s="22">
        <v>33</v>
      </c>
      <c r="G114" s="23">
        <v>20</v>
      </c>
      <c r="H114" s="22">
        <v>17</v>
      </c>
      <c r="I114" s="22">
        <v>6</v>
      </c>
      <c r="J114" s="22">
        <v>11</v>
      </c>
      <c r="K114" s="21">
        <v>22</v>
      </c>
      <c r="L114" s="53">
        <v>10</v>
      </c>
      <c r="M114" s="54">
        <v>12</v>
      </c>
    </row>
    <row r="115" spans="1:13">
      <c r="A115" s="40" t="s">
        <v>118</v>
      </c>
      <c r="B115" s="21">
        <v>-56</v>
      </c>
      <c r="C115" s="22">
        <v>-37</v>
      </c>
      <c r="D115" s="22">
        <v>-19</v>
      </c>
      <c r="E115" s="21">
        <v>56</v>
      </c>
      <c r="F115" s="22">
        <v>34</v>
      </c>
      <c r="G115" s="23">
        <v>22</v>
      </c>
      <c r="H115" s="22">
        <v>20</v>
      </c>
      <c r="I115" s="22">
        <v>6</v>
      </c>
      <c r="J115" s="22">
        <v>14</v>
      </c>
      <c r="K115" s="21">
        <v>20</v>
      </c>
      <c r="L115" s="53">
        <v>9</v>
      </c>
      <c r="M115" s="54">
        <v>11</v>
      </c>
    </row>
    <row r="116" spans="1:13">
      <c r="A116" s="40" t="s">
        <v>119</v>
      </c>
      <c r="B116" s="21">
        <v>-73</v>
      </c>
      <c r="C116" s="22">
        <v>-45</v>
      </c>
      <c r="D116" s="22">
        <v>-28</v>
      </c>
      <c r="E116" s="21">
        <v>67</v>
      </c>
      <c r="F116" s="22">
        <v>46</v>
      </c>
      <c r="G116" s="23">
        <v>21</v>
      </c>
      <c r="H116" s="22">
        <v>15</v>
      </c>
      <c r="I116" s="22">
        <v>6</v>
      </c>
      <c r="J116" s="22">
        <v>9</v>
      </c>
      <c r="K116" s="21">
        <v>21</v>
      </c>
      <c r="L116" s="53">
        <v>5</v>
      </c>
      <c r="M116" s="54">
        <v>16</v>
      </c>
    </row>
    <row r="117" spans="1:13">
      <c r="A117" s="40" t="s">
        <v>120</v>
      </c>
      <c r="B117" s="21">
        <v>-69</v>
      </c>
      <c r="C117" s="22">
        <v>-42</v>
      </c>
      <c r="D117" s="22">
        <v>-27</v>
      </c>
      <c r="E117" s="21">
        <v>70</v>
      </c>
      <c r="F117" s="22">
        <v>43</v>
      </c>
      <c r="G117" s="23">
        <v>27</v>
      </c>
      <c r="H117" s="22">
        <v>19</v>
      </c>
      <c r="I117" s="22">
        <v>4</v>
      </c>
      <c r="J117" s="22">
        <v>15</v>
      </c>
      <c r="K117" s="21">
        <v>18</v>
      </c>
      <c r="L117" s="53">
        <v>3</v>
      </c>
      <c r="M117" s="54">
        <v>15</v>
      </c>
    </row>
    <row r="118" spans="1:13">
      <c r="A118" s="40" t="s">
        <v>121</v>
      </c>
      <c r="B118" s="21">
        <v>-68</v>
      </c>
      <c r="C118" s="22">
        <v>-39</v>
      </c>
      <c r="D118" s="22">
        <v>-29</v>
      </c>
      <c r="E118" s="21">
        <v>73</v>
      </c>
      <c r="F118" s="22">
        <v>40</v>
      </c>
      <c r="G118" s="23">
        <v>33</v>
      </c>
      <c r="H118" s="22">
        <v>23</v>
      </c>
      <c r="I118" s="22">
        <v>6</v>
      </c>
      <c r="J118" s="22">
        <v>17</v>
      </c>
      <c r="K118" s="21">
        <v>18</v>
      </c>
      <c r="L118" s="53">
        <v>5</v>
      </c>
      <c r="M118" s="54">
        <v>13</v>
      </c>
    </row>
    <row r="119" spans="1:13" ht="19.5" customHeight="1">
      <c r="A119" s="34" t="s">
        <v>122</v>
      </c>
      <c r="B119" s="17">
        <v>-382</v>
      </c>
      <c r="C119" s="18">
        <v>-219</v>
      </c>
      <c r="D119" s="18">
        <v>-163</v>
      </c>
      <c r="E119" s="17">
        <v>379</v>
      </c>
      <c r="F119" s="18">
        <v>211</v>
      </c>
      <c r="G119" s="19">
        <v>168</v>
      </c>
      <c r="H119" s="18">
        <v>85</v>
      </c>
      <c r="I119" s="18">
        <v>25</v>
      </c>
      <c r="J119" s="18">
        <v>60</v>
      </c>
      <c r="K119" s="17">
        <v>88</v>
      </c>
      <c r="L119" s="51">
        <v>33</v>
      </c>
      <c r="M119" s="52">
        <v>55</v>
      </c>
    </row>
    <row r="120" spans="1:13">
      <c r="A120" s="40" t="s">
        <v>123</v>
      </c>
      <c r="B120" s="21">
        <v>-86</v>
      </c>
      <c r="C120" s="22">
        <v>-51</v>
      </c>
      <c r="D120" s="22">
        <v>-35</v>
      </c>
      <c r="E120" s="21">
        <v>73</v>
      </c>
      <c r="F120" s="22">
        <v>48</v>
      </c>
      <c r="G120" s="23">
        <v>25</v>
      </c>
      <c r="H120" s="22">
        <v>16</v>
      </c>
      <c r="I120" s="22">
        <v>5</v>
      </c>
      <c r="J120" s="22">
        <v>11</v>
      </c>
      <c r="K120" s="21">
        <v>29</v>
      </c>
      <c r="L120" s="53">
        <v>8</v>
      </c>
      <c r="M120" s="54">
        <v>21</v>
      </c>
    </row>
    <row r="121" spans="1:13">
      <c r="A121" s="40" t="s">
        <v>124</v>
      </c>
      <c r="B121" s="21">
        <v>-73</v>
      </c>
      <c r="C121" s="22">
        <v>-45</v>
      </c>
      <c r="D121" s="22">
        <v>-28</v>
      </c>
      <c r="E121" s="21">
        <v>73</v>
      </c>
      <c r="F121" s="22">
        <v>42</v>
      </c>
      <c r="G121" s="23">
        <v>31</v>
      </c>
      <c r="H121" s="22">
        <v>14</v>
      </c>
      <c r="I121" s="22">
        <v>4</v>
      </c>
      <c r="J121" s="22">
        <v>10</v>
      </c>
      <c r="K121" s="21">
        <v>14</v>
      </c>
      <c r="L121" s="53">
        <v>7</v>
      </c>
      <c r="M121" s="54">
        <v>7</v>
      </c>
    </row>
    <row r="122" spans="1:13">
      <c r="A122" s="40" t="s">
        <v>125</v>
      </c>
      <c r="B122" s="21">
        <v>-72</v>
      </c>
      <c r="C122" s="22">
        <v>-43</v>
      </c>
      <c r="D122" s="22">
        <v>-29</v>
      </c>
      <c r="E122" s="21">
        <v>82</v>
      </c>
      <c r="F122" s="22">
        <v>43</v>
      </c>
      <c r="G122" s="23">
        <v>39</v>
      </c>
      <c r="H122" s="22">
        <v>24</v>
      </c>
      <c r="I122" s="22">
        <v>5</v>
      </c>
      <c r="J122" s="22">
        <v>19</v>
      </c>
      <c r="K122" s="21">
        <v>14</v>
      </c>
      <c r="L122" s="53">
        <v>5</v>
      </c>
      <c r="M122" s="54">
        <v>9</v>
      </c>
    </row>
    <row r="123" spans="1:13">
      <c r="A123" s="40" t="s">
        <v>126</v>
      </c>
      <c r="B123" s="21">
        <v>-69</v>
      </c>
      <c r="C123" s="22">
        <v>-43</v>
      </c>
      <c r="D123" s="22">
        <v>-26</v>
      </c>
      <c r="E123" s="21">
        <v>70</v>
      </c>
      <c r="F123" s="22">
        <v>39</v>
      </c>
      <c r="G123" s="23">
        <v>31</v>
      </c>
      <c r="H123" s="22">
        <v>16</v>
      </c>
      <c r="I123" s="22">
        <v>3</v>
      </c>
      <c r="J123" s="22">
        <v>13</v>
      </c>
      <c r="K123" s="21">
        <v>15</v>
      </c>
      <c r="L123" s="53">
        <v>7</v>
      </c>
      <c r="M123" s="54">
        <v>8</v>
      </c>
    </row>
    <row r="124" spans="1:13">
      <c r="A124" s="40" t="s">
        <v>127</v>
      </c>
      <c r="B124" s="21">
        <v>-82</v>
      </c>
      <c r="C124" s="22">
        <v>-37</v>
      </c>
      <c r="D124" s="22">
        <v>-45</v>
      </c>
      <c r="E124" s="21">
        <v>81</v>
      </c>
      <c r="F124" s="22">
        <v>39</v>
      </c>
      <c r="G124" s="23">
        <v>42</v>
      </c>
      <c r="H124" s="22">
        <v>15</v>
      </c>
      <c r="I124" s="22">
        <v>8</v>
      </c>
      <c r="J124" s="22">
        <v>7</v>
      </c>
      <c r="K124" s="21">
        <v>16</v>
      </c>
      <c r="L124" s="53">
        <v>6</v>
      </c>
      <c r="M124" s="54">
        <v>10</v>
      </c>
    </row>
    <row r="125" spans="1:13" ht="19.5" customHeight="1">
      <c r="A125" s="34" t="s">
        <v>128</v>
      </c>
      <c r="B125" s="17">
        <v>-337</v>
      </c>
      <c r="C125" s="18">
        <v>-150</v>
      </c>
      <c r="D125" s="18">
        <v>-187</v>
      </c>
      <c r="E125" s="17">
        <v>334</v>
      </c>
      <c r="F125" s="18">
        <v>145</v>
      </c>
      <c r="G125" s="19">
        <v>189</v>
      </c>
      <c r="H125" s="18">
        <v>48</v>
      </c>
      <c r="I125" s="18">
        <v>11</v>
      </c>
      <c r="J125" s="18">
        <v>37</v>
      </c>
      <c r="K125" s="17">
        <v>51</v>
      </c>
      <c r="L125" s="51">
        <v>16</v>
      </c>
      <c r="M125" s="52">
        <v>35</v>
      </c>
    </row>
    <row r="126" spans="1:13">
      <c r="A126" s="40" t="s">
        <v>129</v>
      </c>
      <c r="B126" s="21">
        <v>-63</v>
      </c>
      <c r="C126" s="22">
        <v>-28</v>
      </c>
      <c r="D126" s="22">
        <v>-35</v>
      </c>
      <c r="E126" s="21">
        <v>67</v>
      </c>
      <c r="F126" s="22">
        <v>27</v>
      </c>
      <c r="G126" s="23">
        <v>40</v>
      </c>
      <c r="H126" s="22">
        <v>13</v>
      </c>
      <c r="I126" s="22">
        <v>4</v>
      </c>
      <c r="J126" s="22">
        <v>9</v>
      </c>
      <c r="K126" s="21">
        <v>9</v>
      </c>
      <c r="L126" s="53">
        <v>5</v>
      </c>
      <c r="M126" s="54">
        <v>4</v>
      </c>
    </row>
    <row r="127" spans="1:13">
      <c r="A127" s="40" t="s">
        <v>130</v>
      </c>
      <c r="B127" s="21">
        <v>-83</v>
      </c>
      <c r="C127" s="22">
        <v>-34</v>
      </c>
      <c r="D127" s="22">
        <v>-49</v>
      </c>
      <c r="E127" s="21">
        <v>80</v>
      </c>
      <c r="F127" s="22">
        <v>34</v>
      </c>
      <c r="G127" s="23">
        <v>46</v>
      </c>
      <c r="H127" s="22">
        <v>9</v>
      </c>
      <c r="I127" s="22">
        <v>2</v>
      </c>
      <c r="J127" s="22">
        <v>7</v>
      </c>
      <c r="K127" s="21">
        <v>12</v>
      </c>
      <c r="L127" s="53">
        <v>2</v>
      </c>
      <c r="M127" s="54">
        <v>10</v>
      </c>
    </row>
    <row r="128" spans="1:13">
      <c r="A128" s="40" t="s">
        <v>131</v>
      </c>
      <c r="B128" s="21">
        <v>-76</v>
      </c>
      <c r="C128" s="22">
        <v>-40</v>
      </c>
      <c r="D128" s="22">
        <v>-36</v>
      </c>
      <c r="E128" s="21">
        <v>70</v>
      </c>
      <c r="F128" s="22">
        <v>38</v>
      </c>
      <c r="G128" s="23">
        <v>32</v>
      </c>
      <c r="H128" s="22">
        <v>9</v>
      </c>
      <c r="I128" s="22">
        <v>3</v>
      </c>
      <c r="J128" s="22">
        <v>6</v>
      </c>
      <c r="K128" s="21">
        <v>15</v>
      </c>
      <c r="L128" s="53">
        <v>5</v>
      </c>
      <c r="M128" s="54">
        <v>10</v>
      </c>
    </row>
    <row r="129" spans="1:13">
      <c r="A129" s="40" t="s">
        <v>132</v>
      </c>
      <c r="B129" s="21">
        <v>-59</v>
      </c>
      <c r="C129" s="22">
        <v>-28</v>
      </c>
      <c r="D129" s="22">
        <v>-31</v>
      </c>
      <c r="E129" s="21">
        <v>60</v>
      </c>
      <c r="F129" s="22">
        <v>27</v>
      </c>
      <c r="G129" s="23">
        <v>33</v>
      </c>
      <c r="H129" s="22">
        <v>8</v>
      </c>
      <c r="I129" s="22">
        <v>2</v>
      </c>
      <c r="J129" s="22">
        <v>6</v>
      </c>
      <c r="K129" s="21">
        <v>7</v>
      </c>
      <c r="L129" s="53">
        <v>3</v>
      </c>
      <c r="M129" s="54">
        <v>4</v>
      </c>
    </row>
    <row r="130" spans="1:13">
      <c r="A130" s="40" t="s">
        <v>133</v>
      </c>
      <c r="B130" s="21">
        <v>-56</v>
      </c>
      <c r="C130" s="22">
        <v>-20</v>
      </c>
      <c r="D130" s="22">
        <v>-36</v>
      </c>
      <c r="E130" s="21">
        <v>57</v>
      </c>
      <c r="F130" s="22">
        <v>19</v>
      </c>
      <c r="G130" s="23">
        <v>38</v>
      </c>
      <c r="H130" s="22">
        <v>9</v>
      </c>
      <c r="I130" s="22">
        <v>0</v>
      </c>
      <c r="J130" s="22">
        <v>9</v>
      </c>
      <c r="K130" s="21">
        <v>8</v>
      </c>
      <c r="L130" s="53">
        <v>1</v>
      </c>
      <c r="M130" s="54">
        <v>7</v>
      </c>
    </row>
    <row r="131" spans="1:13" ht="19.5" customHeight="1">
      <c r="A131" s="34" t="s">
        <v>134</v>
      </c>
      <c r="B131" s="17">
        <v>-168</v>
      </c>
      <c r="C131" s="18">
        <v>-35</v>
      </c>
      <c r="D131" s="18">
        <v>-133</v>
      </c>
      <c r="E131" s="17">
        <v>162</v>
      </c>
      <c r="F131" s="18">
        <v>32</v>
      </c>
      <c r="G131" s="19">
        <v>130</v>
      </c>
      <c r="H131" s="18">
        <v>11</v>
      </c>
      <c r="I131" s="18">
        <v>3</v>
      </c>
      <c r="J131" s="18">
        <v>8</v>
      </c>
      <c r="K131" s="17">
        <v>17</v>
      </c>
      <c r="L131" s="51">
        <v>6</v>
      </c>
      <c r="M131" s="52">
        <v>11</v>
      </c>
    </row>
    <row r="132" spans="1:13">
      <c r="A132" s="40" t="s">
        <v>135</v>
      </c>
      <c r="B132" s="21">
        <v>-40</v>
      </c>
      <c r="C132" s="22">
        <v>-10</v>
      </c>
      <c r="D132" s="22">
        <v>-30</v>
      </c>
      <c r="E132" s="21">
        <v>39</v>
      </c>
      <c r="F132" s="22">
        <v>9</v>
      </c>
      <c r="G132" s="23">
        <v>30</v>
      </c>
      <c r="H132" s="22">
        <v>5</v>
      </c>
      <c r="I132" s="22">
        <v>2</v>
      </c>
      <c r="J132" s="22">
        <v>3</v>
      </c>
      <c r="K132" s="21">
        <v>6</v>
      </c>
      <c r="L132" s="53">
        <v>3</v>
      </c>
      <c r="M132" s="54">
        <v>3</v>
      </c>
    </row>
    <row r="133" spans="1:13">
      <c r="A133" s="40" t="s">
        <v>136</v>
      </c>
      <c r="B133" s="21">
        <v>-41</v>
      </c>
      <c r="C133" s="22">
        <v>-11</v>
      </c>
      <c r="D133" s="22">
        <v>-30</v>
      </c>
      <c r="E133" s="21">
        <v>38</v>
      </c>
      <c r="F133" s="22">
        <v>10</v>
      </c>
      <c r="G133" s="23">
        <v>28</v>
      </c>
      <c r="H133" s="22">
        <v>2</v>
      </c>
      <c r="I133" s="22">
        <v>0</v>
      </c>
      <c r="J133" s="22">
        <v>2</v>
      </c>
      <c r="K133" s="21">
        <v>5</v>
      </c>
      <c r="L133" s="53">
        <v>1</v>
      </c>
      <c r="M133" s="54">
        <v>4</v>
      </c>
    </row>
    <row r="134" spans="1:13">
      <c r="A134" s="40" t="s">
        <v>137</v>
      </c>
      <c r="B134" s="21">
        <v>-33</v>
      </c>
      <c r="C134" s="22">
        <v>-4</v>
      </c>
      <c r="D134" s="22">
        <v>-29</v>
      </c>
      <c r="E134" s="21">
        <v>33</v>
      </c>
      <c r="F134" s="22">
        <v>4</v>
      </c>
      <c r="G134" s="23">
        <v>29</v>
      </c>
      <c r="H134" s="22">
        <v>3</v>
      </c>
      <c r="I134" s="22">
        <v>1</v>
      </c>
      <c r="J134" s="22">
        <v>2</v>
      </c>
      <c r="K134" s="21">
        <v>3</v>
      </c>
      <c r="L134" s="53">
        <v>1</v>
      </c>
      <c r="M134" s="54">
        <v>2</v>
      </c>
    </row>
    <row r="135" spans="1:13">
      <c r="A135" s="40" t="s">
        <v>138</v>
      </c>
      <c r="B135" s="21">
        <v>-39</v>
      </c>
      <c r="C135" s="22">
        <v>-6</v>
      </c>
      <c r="D135" s="22">
        <v>-33</v>
      </c>
      <c r="E135" s="21">
        <v>37</v>
      </c>
      <c r="F135" s="22">
        <v>6</v>
      </c>
      <c r="G135" s="23">
        <v>31</v>
      </c>
      <c r="H135" s="22">
        <v>0</v>
      </c>
      <c r="I135" s="22">
        <v>0</v>
      </c>
      <c r="J135" s="22">
        <v>0</v>
      </c>
      <c r="K135" s="21">
        <v>2</v>
      </c>
      <c r="L135" s="53">
        <v>0</v>
      </c>
      <c r="M135" s="54">
        <v>2</v>
      </c>
    </row>
    <row r="136" spans="1:13">
      <c r="A136" s="40" t="s">
        <v>139</v>
      </c>
      <c r="B136" s="21">
        <v>-15</v>
      </c>
      <c r="C136" s="22">
        <v>-4</v>
      </c>
      <c r="D136" s="22">
        <v>-11</v>
      </c>
      <c r="E136" s="21">
        <v>15</v>
      </c>
      <c r="F136" s="22">
        <v>3</v>
      </c>
      <c r="G136" s="23">
        <v>12</v>
      </c>
      <c r="H136" s="22">
        <v>1</v>
      </c>
      <c r="I136" s="22">
        <v>0</v>
      </c>
      <c r="J136" s="22">
        <v>1</v>
      </c>
      <c r="K136" s="21">
        <v>1</v>
      </c>
      <c r="L136" s="53">
        <v>1</v>
      </c>
      <c r="M136" s="54">
        <v>0</v>
      </c>
    </row>
    <row r="137" spans="1:13" ht="19.5" customHeight="1">
      <c r="A137" s="41" t="s">
        <v>140</v>
      </c>
      <c r="B137" s="42">
        <v>-55</v>
      </c>
      <c r="C137" s="43">
        <v>-13</v>
      </c>
      <c r="D137" s="43">
        <v>-42</v>
      </c>
      <c r="E137" s="42">
        <v>53</v>
      </c>
      <c r="F137" s="43">
        <v>13</v>
      </c>
      <c r="G137" s="44">
        <v>40</v>
      </c>
      <c r="H137" s="43">
        <v>3</v>
      </c>
      <c r="I137" s="43">
        <v>0</v>
      </c>
      <c r="J137" s="43">
        <v>3</v>
      </c>
      <c r="K137" s="42">
        <v>5</v>
      </c>
      <c r="L137" s="67">
        <v>0</v>
      </c>
      <c r="M137" s="68">
        <v>5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4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0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2172</v>
      </c>
      <c r="C5" s="14">
        <v>856</v>
      </c>
      <c r="D5" s="14">
        <v>1316</v>
      </c>
      <c r="E5" s="13">
        <v>2471</v>
      </c>
      <c r="F5" s="14">
        <v>1306</v>
      </c>
      <c r="G5" s="15">
        <v>1165</v>
      </c>
      <c r="H5" s="14">
        <v>25052</v>
      </c>
      <c r="I5" s="14">
        <v>13047</v>
      </c>
      <c r="J5" s="14">
        <v>12005</v>
      </c>
      <c r="K5" s="13">
        <v>23584</v>
      </c>
      <c r="L5" s="49">
        <v>12530</v>
      </c>
      <c r="M5" s="50">
        <v>11054</v>
      </c>
    </row>
    <row r="6" spans="1:13" ht="19.5" customHeight="1">
      <c r="A6" s="16" t="s">
        <v>13</v>
      </c>
      <c r="B6" s="17">
        <v>2585</v>
      </c>
      <c r="C6" s="18">
        <v>1300</v>
      </c>
      <c r="D6" s="18">
        <v>1285</v>
      </c>
      <c r="E6" s="17">
        <v>4</v>
      </c>
      <c r="F6" s="18">
        <v>1</v>
      </c>
      <c r="G6" s="19">
        <v>3</v>
      </c>
      <c r="H6" s="18">
        <v>922</v>
      </c>
      <c r="I6" s="18">
        <v>482</v>
      </c>
      <c r="J6" s="18">
        <v>440</v>
      </c>
      <c r="K6" s="17">
        <v>1508</v>
      </c>
      <c r="L6" s="51">
        <v>826</v>
      </c>
      <c r="M6" s="52">
        <v>682</v>
      </c>
    </row>
    <row r="7" spans="1:13">
      <c r="A7" s="20" t="s">
        <v>14</v>
      </c>
      <c r="B7" s="21">
        <v>3098</v>
      </c>
      <c r="C7" s="22">
        <v>1599</v>
      </c>
      <c r="D7" s="22">
        <v>1499</v>
      </c>
      <c r="E7" s="21">
        <v>2</v>
      </c>
      <c r="F7" s="22">
        <v>1</v>
      </c>
      <c r="G7" s="23">
        <v>1</v>
      </c>
      <c r="H7" s="22">
        <v>169</v>
      </c>
      <c r="I7" s="22">
        <v>84</v>
      </c>
      <c r="J7" s="22">
        <v>85</v>
      </c>
      <c r="K7" s="21">
        <v>244</v>
      </c>
      <c r="L7" s="53">
        <v>129</v>
      </c>
      <c r="M7" s="54">
        <v>115</v>
      </c>
    </row>
    <row r="8" spans="1:13">
      <c r="A8" s="20" t="s">
        <v>15</v>
      </c>
      <c r="B8" s="21">
        <v>-177</v>
      </c>
      <c r="C8" s="22">
        <v>-107</v>
      </c>
      <c r="D8" s="22">
        <v>-70</v>
      </c>
      <c r="E8" s="21">
        <v>1</v>
      </c>
      <c r="F8" s="22">
        <v>0</v>
      </c>
      <c r="G8" s="23">
        <v>1</v>
      </c>
      <c r="H8" s="22">
        <v>284</v>
      </c>
      <c r="I8" s="22">
        <v>151</v>
      </c>
      <c r="J8" s="22">
        <v>133</v>
      </c>
      <c r="K8" s="21">
        <v>460</v>
      </c>
      <c r="L8" s="53">
        <v>258</v>
      </c>
      <c r="M8" s="54">
        <v>202</v>
      </c>
    </row>
    <row r="9" spans="1:13">
      <c r="A9" s="20" t="s">
        <v>16</v>
      </c>
      <c r="B9" s="21">
        <v>-128</v>
      </c>
      <c r="C9" s="22">
        <v>-81</v>
      </c>
      <c r="D9" s="22">
        <v>-47</v>
      </c>
      <c r="E9" s="21">
        <v>1</v>
      </c>
      <c r="F9" s="22">
        <v>0</v>
      </c>
      <c r="G9" s="23">
        <v>1</v>
      </c>
      <c r="H9" s="22">
        <v>198</v>
      </c>
      <c r="I9" s="22">
        <v>92</v>
      </c>
      <c r="J9" s="22">
        <v>106</v>
      </c>
      <c r="K9" s="21">
        <v>325</v>
      </c>
      <c r="L9" s="53">
        <v>173</v>
      </c>
      <c r="M9" s="54">
        <v>152</v>
      </c>
    </row>
    <row r="10" spans="1:13">
      <c r="A10" s="20" t="s">
        <v>17</v>
      </c>
      <c r="B10" s="21">
        <v>-141</v>
      </c>
      <c r="C10" s="22">
        <v>-78</v>
      </c>
      <c r="D10" s="22">
        <v>-63</v>
      </c>
      <c r="E10" s="21">
        <v>0</v>
      </c>
      <c r="F10" s="22">
        <v>0</v>
      </c>
      <c r="G10" s="23">
        <v>0</v>
      </c>
      <c r="H10" s="22">
        <v>146</v>
      </c>
      <c r="I10" s="22">
        <v>84</v>
      </c>
      <c r="J10" s="22">
        <v>62</v>
      </c>
      <c r="K10" s="21">
        <v>287</v>
      </c>
      <c r="L10" s="53">
        <v>162</v>
      </c>
      <c r="M10" s="54">
        <v>125</v>
      </c>
    </row>
    <row r="11" spans="1:13">
      <c r="A11" s="20" t="s">
        <v>18</v>
      </c>
      <c r="B11" s="21">
        <v>-67</v>
      </c>
      <c r="C11" s="22">
        <v>-33</v>
      </c>
      <c r="D11" s="22">
        <v>-34</v>
      </c>
      <c r="E11" s="21">
        <v>0</v>
      </c>
      <c r="F11" s="22">
        <v>0</v>
      </c>
      <c r="G11" s="23">
        <v>0</v>
      </c>
      <c r="H11" s="22">
        <v>125</v>
      </c>
      <c r="I11" s="22">
        <v>71</v>
      </c>
      <c r="J11" s="22">
        <v>54</v>
      </c>
      <c r="K11" s="21">
        <v>192</v>
      </c>
      <c r="L11" s="53">
        <v>104</v>
      </c>
      <c r="M11" s="54">
        <v>88</v>
      </c>
    </row>
    <row r="12" spans="1:13" ht="20.100000000000001" customHeight="1">
      <c r="A12" s="16" t="s">
        <v>19</v>
      </c>
      <c r="B12" s="17">
        <v>-190</v>
      </c>
      <c r="C12" s="18">
        <v>-102</v>
      </c>
      <c r="D12" s="18">
        <v>-88</v>
      </c>
      <c r="E12" s="17">
        <v>0</v>
      </c>
      <c r="F12" s="18">
        <v>0</v>
      </c>
      <c r="G12" s="19">
        <v>0</v>
      </c>
      <c r="H12" s="18">
        <v>465</v>
      </c>
      <c r="I12" s="18">
        <v>230</v>
      </c>
      <c r="J12" s="18">
        <v>235</v>
      </c>
      <c r="K12" s="17">
        <v>655</v>
      </c>
      <c r="L12" s="51">
        <v>332</v>
      </c>
      <c r="M12" s="52">
        <v>323</v>
      </c>
    </row>
    <row r="13" spans="1:13">
      <c r="A13" s="20" t="s">
        <v>20</v>
      </c>
      <c r="B13" s="21">
        <v>-77</v>
      </c>
      <c r="C13" s="22">
        <v>-38</v>
      </c>
      <c r="D13" s="22">
        <v>-39</v>
      </c>
      <c r="E13" s="21">
        <v>0</v>
      </c>
      <c r="F13" s="22">
        <v>0</v>
      </c>
      <c r="G13" s="23">
        <v>0</v>
      </c>
      <c r="H13" s="22">
        <v>107</v>
      </c>
      <c r="I13" s="22">
        <v>50</v>
      </c>
      <c r="J13" s="22">
        <v>57</v>
      </c>
      <c r="K13" s="21">
        <v>184</v>
      </c>
      <c r="L13" s="53">
        <v>88</v>
      </c>
      <c r="M13" s="54">
        <v>96</v>
      </c>
    </row>
    <row r="14" spans="1:13">
      <c r="A14" s="20" t="s">
        <v>21</v>
      </c>
      <c r="B14" s="21">
        <v>-54</v>
      </c>
      <c r="C14" s="22">
        <v>-31</v>
      </c>
      <c r="D14" s="22">
        <v>-23</v>
      </c>
      <c r="E14" s="21">
        <v>0</v>
      </c>
      <c r="F14" s="22">
        <v>0</v>
      </c>
      <c r="G14" s="23">
        <v>0</v>
      </c>
      <c r="H14" s="22">
        <v>116</v>
      </c>
      <c r="I14" s="22">
        <v>58</v>
      </c>
      <c r="J14" s="22">
        <v>58</v>
      </c>
      <c r="K14" s="21">
        <v>170</v>
      </c>
      <c r="L14" s="53">
        <v>89</v>
      </c>
      <c r="M14" s="54">
        <v>81</v>
      </c>
    </row>
    <row r="15" spans="1:13">
      <c r="A15" s="20" t="s">
        <v>22</v>
      </c>
      <c r="B15" s="21">
        <v>-45</v>
      </c>
      <c r="C15" s="22">
        <v>-28</v>
      </c>
      <c r="D15" s="22">
        <v>-17</v>
      </c>
      <c r="E15" s="21">
        <v>0</v>
      </c>
      <c r="F15" s="22">
        <v>0</v>
      </c>
      <c r="G15" s="23">
        <v>0</v>
      </c>
      <c r="H15" s="22">
        <v>112</v>
      </c>
      <c r="I15" s="22">
        <v>52</v>
      </c>
      <c r="J15" s="22">
        <v>60</v>
      </c>
      <c r="K15" s="21">
        <v>157</v>
      </c>
      <c r="L15" s="53">
        <v>80</v>
      </c>
      <c r="M15" s="54">
        <v>77</v>
      </c>
    </row>
    <row r="16" spans="1:13">
      <c r="A16" s="20" t="s">
        <v>23</v>
      </c>
      <c r="B16" s="21">
        <v>-16</v>
      </c>
      <c r="C16" s="22">
        <v>-8</v>
      </c>
      <c r="D16" s="22">
        <v>-8</v>
      </c>
      <c r="E16" s="21">
        <v>0</v>
      </c>
      <c r="F16" s="22">
        <v>0</v>
      </c>
      <c r="G16" s="23">
        <v>0</v>
      </c>
      <c r="H16" s="22">
        <v>62</v>
      </c>
      <c r="I16" s="22">
        <v>39</v>
      </c>
      <c r="J16" s="22">
        <v>23</v>
      </c>
      <c r="K16" s="21">
        <v>78</v>
      </c>
      <c r="L16" s="53">
        <v>47</v>
      </c>
      <c r="M16" s="54">
        <v>31</v>
      </c>
    </row>
    <row r="17" spans="1:13">
      <c r="A17" s="20" t="s">
        <v>24</v>
      </c>
      <c r="B17" s="21">
        <v>2</v>
      </c>
      <c r="C17" s="22">
        <v>3</v>
      </c>
      <c r="D17" s="22">
        <v>-1</v>
      </c>
      <c r="E17" s="21">
        <v>0</v>
      </c>
      <c r="F17" s="22">
        <v>0</v>
      </c>
      <c r="G17" s="23">
        <v>0</v>
      </c>
      <c r="H17" s="22">
        <v>68</v>
      </c>
      <c r="I17" s="22">
        <v>31</v>
      </c>
      <c r="J17" s="22">
        <v>37</v>
      </c>
      <c r="K17" s="21">
        <v>66</v>
      </c>
      <c r="L17" s="53">
        <v>28</v>
      </c>
      <c r="M17" s="54">
        <v>38</v>
      </c>
    </row>
    <row r="18" spans="1:13" ht="20.100000000000001" customHeight="1">
      <c r="A18" s="16" t="s">
        <v>25</v>
      </c>
      <c r="B18" s="17">
        <v>37</v>
      </c>
      <c r="C18" s="18">
        <v>-13</v>
      </c>
      <c r="D18" s="18">
        <v>50</v>
      </c>
      <c r="E18" s="17">
        <v>1</v>
      </c>
      <c r="F18" s="18">
        <v>0</v>
      </c>
      <c r="G18" s="19">
        <v>1</v>
      </c>
      <c r="H18" s="18">
        <v>295</v>
      </c>
      <c r="I18" s="18">
        <v>114</v>
      </c>
      <c r="J18" s="18">
        <v>181</v>
      </c>
      <c r="K18" s="17">
        <v>257</v>
      </c>
      <c r="L18" s="51">
        <v>127</v>
      </c>
      <c r="M18" s="52">
        <v>130</v>
      </c>
    </row>
    <row r="19" spans="1:13">
      <c r="A19" s="20" t="s">
        <v>26</v>
      </c>
      <c r="B19" s="21">
        <v>13</v>
      </c>
      <c r="C19" s="22">
        <v>-1</v>
      </c>
      <c r="D19" s="22">
        <v>14</v>
      </c>
      <c r="E19" s="21">
        <v>0</v>
      </c>
      <c r="F19" s="22">
        <v>0</v>
      </c>
      <c r="G19" s="23">
        <v>0</v>
      </c>
      <c r="H19" s="22">
        <v>71</v>
      </c>
      <c r="I19" s="22">
        <v>23</v>
      </c>
      <c r="J19" s="22">
        <v>48</v>
      </c>
      <c r="K19" s="21">
        <v>58</v>
      </c>
      <c r="L19" s="53">
        <v>24</v>
      </c>
      <c r="M19" s="54">
        <v>34</v>
      </c>
    </row>
    <row r="20" spans="1:13">
      <c r="A20" s="20" t="s">
        <v>27</v>
      </c>
      <c r="B20" s="21">
        <v>7</v>
      </c>
      <c r="C20" s="22">
        <v>0</v>
      </c>
      <c r="D20" s="22">
        <v>7</v>
      </c>
      <c r="E20" s="21">
        <v>0</v>
      </c>
      <c r="F20" s="22">
        <v>0</v>
      </c>
      <c r="G20" s="23">
        <v>0</v>
      </c>
      <c r="H20" s="22">
        <v>53</v>
      </c>
      <c r="I20" s="22">
        <v>18</v>
      </c>
      <c r="J20" s="22">
        <v>35</v>
      </c>
      <c r="K20" s="21">
        <v>46</v>
      </c>
      <c r="L20" s="53">
        <v>18</v>
      </c>
      <c r="M20" s="54">
        <v>28</v>
      </c>
    </row>
    <row r="21" spans="1:13">
      <c r="A21" s="20" t="s">
        <v>28</v>
      </c>
      <c r="B21" s="21">
        <v>6</v>
      </c>
      <c r="C21" s="22">
        <v>-1</v>
      </c>
      <c r="D21" s="22">
        <v>7</v>
      </c>
      <c r="E21" s="21">
        <v>1</v>
      </c>
      <c r="F21" s="22">
        <v>0</v>
      </c>
      <c r="G21" s="23">
        <v>1</v>
      </c>
      <c r="H21" s="22">
        <v>59</v>
      </c>
      <c r="I21" s="22">
        <v>25</v>
      </c>
      <c r="J21" s="22">
        <v>34</v>
      </c>
      <c r="K21" s="21">
        <v>52</v>
      </c>
      <c r="L21" s="53">
        <v>26</v>
      </c>
      <c r="M21" s="54">
        <v>26</v>
      </c>
    </row>
    <row r="22" spans="1:13">
      <c r="A22" s="20" t="s">
        <v>29</v>
      </c>
      <c r="B22" s="21">
        <v>8</v>
      </c>
      <c r="C22" s="22">
        <v>-4</v>
      </c>
      <c r="D22" s="22">
        <v>12</v>
      </c>
      <c r="E22" s="21">
        <v>0</v>
      </c>
      <c r="F22" s="22">
        <v>0</v>
      </c>
      <c r="G22" s="23">
        <v>0</v>
      </c>
      <c r="H22" s="22">
        <v>74</v>
      </c>
      <c r="I22" s="22">
        <v>34</v>
      </c>
      <c r="J22" s="22">
        <v>40</v>
      </c>
      <c r="K22" s="21">
        <v>66</v>
      </c>
      <c r="L22" s="53">
        <v>38</v>
      </c>
      <c r="M22" s="54">
        <v>28</v>
      </c>
    </row>
    <row r="23" spans="1:13">
      <c r="A23" s="20" t="s">
        <v>30</v>
      </c>
      <c r="B23" s="21">
        <v>3</v>
      </c>
      <c r="C23" s="22">
        <v>-7</v>
      </c>
      <c r="D23" s="22">
        <v>10</v>
      </c>
      <c r="E23" s="21">
        <v>0</v>
      </c>
      <c r="F23" s="22">
        <v>0</v>
      </c>
      <c r="G23" s="23">
        <v>0</v>
      </c>
      <c r="H23" s="22">
        <v>38</v>
      </c>
      <c r="I23" s="22">
        <v>14</v>
      </c>
      <c r="J23" s="22">
        <v>24</v>
      </c>
      <c r="K23" s="21">
        <v>35</v>
      </c>
      <c r="L23" s="53">
        <v>21</v>
      </c>
      <c r="M23" s="54">
        <v>14</v>
      </c>
    </row>
    <row r="24" spans="1:13" ht="20.100000000000001" customHeight="1">
      <c r="A24" s="16" t="s">
        <v>31</v>
      </c>
      <c r="B24" s="17">
        <v>354</v>
      </c>
      <c r="C24" s="18">
        <v>170</v>
      </c>
      <c r="D24" s="18">
        <v>184</v>
      </c>
      <c r="E24" s="17">
        <v>3</v>
      </c>
      <c r="F24" s="18">
        <v>1</v>
      </c>
      <c r="G24" s="19">
        <v>2</v>
      </c>
      <c r="H24" s="18">
        <v>750</v>
      </c>
      <c r="I24" s="18">
        <v>366</v>
      </c>
      <c r="J24" s="18">
        <v>384</v>
      </c>
      <c r="K24" s="17">
        <v>393</v>
      </c>
      <c r="L24" s="51">
        <v>195</v>
      </c>
      <c r="M24" s="52">
        <v>198</v>
      </c>
    </row>
    <row r="25" spans="1:13">
      <c r="A25" s="20" t="s">
        <v>32</v>
      </c>
      <c r="B25" s="21">
        <v>3</v>
      </c>
      <c r="C25" s="22">
        <v>-6</v>
      </c>
      <c r="D25" s="22">
        <v>9</v>
      </c>
      <c r="E25" s="21">
        <v>0</v>
      </c>
      <c r="F25" s="22">
        <v>0</v>
      </c>
      <c r="G25" s="23">
        <v>0</v>
      </c>
      <c r="H25" s="22">
        <v>44</v>
      </c>
      <c r="I25" s="22">
        <v>20</v>
      </c>
      <c r="J25" s="22">
        <v>24</v>
      </c>
      <c r="K25" s="21">
        <v>41</v>
      </c>
      <c r="L25" s="53">
        <v>26</v>
      </c>
      <c r="M25" s="54">
        <v>15</v>
      </c>
    </row>
    <row r="26" spans="1:13">
      <c r="A26" s="20" t="s">
        <v>33</v>
      </c>
      <c r="B26" s="21">
        <v>9</v>
      </c>
      <c r="C26" s="22">
        <v>11</v>
      </c>
      <c r="D26" s="22">
        <v>-2</v>
      </c>
      <c r="E26" s="21">
        <v>0</v>
      </c>
      <c r="F26" s="22">
        <v>0</v>
      </c>
      <c r="G26" s="23">
        <v>0</v>
      </c>
      <c r="H26" s="22">
        <v>76</v>
      </c>
      <c r="I26" s="22">
        <v>42</v>
      </c>
      <c r="J26" s="22">
        <v>34</v>
      </c>
      <c r="K26" s="21">
        <v>67</v>
      </c>
      <c r="L26" s="53">
        <v>31</v>
      </c>
      <c r="M26" s="54">
        <v>36</v>
      </c>
    </row>
    <row r="27" spans="1:13">
      <c r="A27" s="20" t="s">
        <v>34</v>
      </c>
      <c r="B27" s="21">
        <v>5</v>
      </c>
      <c r="C27" s="22">
        <v>-1</v>
      </c>
      <c r="D27" s="22">
        <v>6</v>
      </c>
      <c r="E27" s="21">
        <v>1</v>
      </c>
      <c r="F27" s="22">
        <v>0</v>
      </c>
      <c r="G27" s="23">
        <v>1</v>
      </c>
      <c r="H27" s="22">
        <v>52</v>
      </c>
      <c r="I27" s="22">
        <v>25</v>
      </c>
      <c r="J27" s="22">
        <v>27</v>
      </c>
      <c r="K27" s="21">
        <v>46</v>
      </c>
      <c r="L27" s="53">
        <v>26</v>
      </c>
      <c r="M27" s="54">
        <v>20</v>
      </c>
    </row>
    <row r="28" spans="1:13">
      <c r="A28" s="20" t="s">
        <v>35</v>
      </c>
      <c r="B28" s="21">
        <v>85</v>
      </c>
      <c r="C28" s="22">
        <v>42</v>
      </c>
      <c r="D28" s="22">
        <v>43</v>
      </c>
      <c r="E28" s="21">
        <v>0</v>
      </c>
      <c r="F28" s="22">
        <v>0</v>
      </c>
      <c r="G28" s="23">
        <v>0</v>
      </c>
      <c r="H28" s="22">
        <v>162</v>
      </c>
      <c r="I28" s="22">
        <v>76</v>
      </c>
      <c r="J28" s="22">
        <v>86</v>
      </c>
      <c r="K28" s="21">
        <v>77</v>
      </c>
      <c r="L28" s="53">
        <v>34</v>
      </c>
      <c r="M28" s="54">
        <v>43</v>
      </c>
    </row>
    <row r="29" spans="1:13">
      <c r="A29" s="20" t="s">
        <v>36</v>
      </c>
      <c r="B29" s="21">
        <v>252</v>
      </c>
      <c r="C29" s="22">
        <v>124</v>
      </c>
      <c r="D29" s="22">
        <v>128</v>
      </c>
      <c r="E29" s="21">
        <v>2</v>
      </c>
      <c r="F29" s="22">
        <v>1</v>
      </c>
      <c r="G29" s="23">
        <v>1</v>
      </c>
      <c r="H29" s="22">
        <v>416</v>
      </c>
      <c r="I29" s="22">
        <v>203</v>
      </c>
      <c r="J29" s="22">
        <v>213</v>
      </c>
      <c r="K29" s="21">
        <v>162</v>
      </c>
      <c r="L29" s="53">
        <v>78</v>
      </c>
      <c r="M29" s="54">
        <v>84</v>
      </c>
    </row>
    <row r="30" spans="1:13" ht="20.100000000000001" customHeight="1">
      <c r="A30" s="16" t="s">
        <v>37</v>
      </c>
      <c r="B30" s="17">
        <v>1824</v>
      </c>
      <c r="C30" s="18">
        <v>882</v>
      </c>
      <c r="D30" s="18">
        <v>942</v>
      </c>
      <c r="E30" s="17">
        <v>3</v>
      </c>
      <c r="F30" s="18">
        <v>2</v>
      </c>
      <c r="G30" s="19">
        <v>1</v>
      </c>
      <c r="H30" s="18">
        <v>4765</v>
      </c>
      <c r="I30" s="18">
        <v>2439</v>
      </c>
      <c r="J30" s="18">
        <v>2326</v>
      </c>
      <c r="K30" s="17">
        <v>2938</v>
      </c>
      <c r="L30" s="51">
        <v>1555</v>
      </c>
      <c r="M30" s="52">
        <v>1383</v>
      </c>
    </row>
    <row r="31" spans="1:13">
      <c r="A31" s="20" t="s">
        <v>38</v>
      </c>
      <c r="B31" s="21">
        <v>188</v>
      </c>
      <c r="C31" s="22">
        <v>98</v>
      </c>
      <c r="D31" s="22">
        <v>90</v>
      </c>
      <c r="E31" s="21">
        <v>0</v>
      </c>
      <c r="F31" s="22">
        <v>0</v>
      </c>
      <c r="G31" s="23">
        <v>0</v>
      </c>
      <c r="H31" s="22">
        <v>416</v>
      </c>
      <c r="I31" s="22">
        <v>212</v>
      </c>
      <c r="J31" s="22">
        <v>204</v>
      </c>
      <c r="K31" s="21">
        <v>228</v>
      </c>
      <c r="L31" s="53">
        <v>114</v>
      </c>
      <c r="M31" s="54">
        <v>114</v>
      </c>
    </row>
    <row r="32" spans="1:13">
      <c r="A32" s="20" t="s">
        <v>39</v>
      </c>
      <c r="B32" s="21">
        <v>291</v>
      </c>
      <c r="C32" s="22">
        <v>130</v>
      </c>
      <c r="D32" s="22">
        <v>161</v>
      </c>
      <c r="E32" s="21">
        <v>0</v>
      </c>
      <c r="F32" s="22">
        <v>0</v>
      </c>
      <c r="G32" s="23">
        <v>0</v>
      </c>
      <c r="H32" s="22">
        <v>741</v>
      </c>
      <c r="I32" s="22">
        <v>343</v>
      </c>
      <c r="J32" s="22">
        <v>398</v>
      </c>
      <c r="K32" s="21">
        <v>450</v>
      </c>
      <c r="L32" s="53">
        <v>213</v>
      </c>
      <c r="M32" s="54">
        <v>237</v>
      </c>
    </row>
    <row r="33" spans="1:13">
      <c r="A33" s="20" t="s">
        <v>40</v>
      </c>
      <c r="B33" s="21">
        <v>383</v>
      </c>
      <c r="C33" s="22">
        <v>193</v>
      </c>
      <c r="D33" s="22">
        <v>190</v>
      </c>
      <c r="E33" s="21">
        <v>0</v>
      </c>
      <c r="F33" s="22">
        <v>0</v>
      </c>
      <c r="G33" s="23">
        <v>0</v>
      </c>
      <c r="H33" s="22">
        <v>908</v>
      </c>
      <c r="I33" s="22">
        <v>446</v>
      </c>
      <c r="J33" s="22">
        <v>462</v>
      </c>
      <c r="K33" s="21">
        <v>525</v>
      </c>
      <c r="L33" s="53">
        <v>253</v>
      </c>
      <c r="M33" s="54">
        <v>272</v>
      </c>
    </row>
    <row r="34" spans="1:13">
      <c r="A34" s="20" t="s">
        <v>41</v>
      </c>
      <c r="B34" s="21">
        <v>720</v>
      </c>
      <c r="C34" s="22">
        <v>362</v>
      </c>
      <c r="D34" s="22">
        <v>358</v>
      </c>
      <c r="E34" s="21">
        <v>2</v>
      </c>
      <c r="F34" s="22">
        <v>1</v>
      </c>
      <c r="G34" s="23">
        <v>1</v>
      </c>
      <c r="H34" s="22">
        <v>1578</v>
      </c>
      <c r="I34" s="22">
        <v>851</v>
      </c>
      <c r="J34" s="22">
        <v>727</v>
      </c>
      <c r="K34" s="21">
        <v>856</v>
      </c>
      <c r="L34" s="53">
        <v>488</v>
      </c>
      <c r="M34" s="54">
        <v>368</v>
      </c>
    </row>
    <row r="35" spans="1:13">
      <c r="A35" s="20" t="s">
        <v>42</v>
      </c>
      <c r="B35" s="21">
        <v>242</v>
      </c>
      <c r="C35" s="22">
        <v>99</v>
      </c>
      <c r="D35" s="22">
        <v>143</v>
      </c>
      <c r="E35" s="21">
        <v>1</v>
      </c>
      <c r="F35" s="22">
        <v>1</v>
      </c>
      <c r="G35" s="23">
        <v>0</v>
      </c>
      <c r="H35" s="22">
        <v>1122</v>
      </c>
      <c r="I35" s="22">
        <v>587</v>
      </c>
      <c r="J35" s="22">
        <v>535</v>
      </c>
      <c r="K35" s="21">
        <v>879</v>
      </c>
      <c r="L35" s="53">
        <v>487</v>
      </c>
      <c r="M35" s="54">
        <v>392</v>
      </c>
    </row>
    <row r="36" spans="1:13" ht="20.100000000000001" customHeight="1">
      <c r="A36" s="16" t="s">
        <v>43</v>
      </c>
      <c r="B36" s="17">
        <v>1124</v>
      </c>
      <c r="C36" s="18">
        <v>629</v>
      </c>
      <c r="D36" s="18">
        <v>495</v>
      </c>
      <c r="E36" s="17">
        <v>9</v>
      </c>
      <c r="F36" s="18">
        <v>7</v>
      </c>
      <c r="G36" s="19">
        <v>2</v>
      </c>
      <c r="H36" s="18">
        <v>6347</v>
      </c>
      <c r="I36" s="18">
        <v>3280</v>
      </c>
      <c r="J36" s="18">
        <v>3067</v>
      </c>
      <c r="K36" s="17">
        <v>5214</v>
      </c>
      <c r="L36" s="51">
        <v>2644</v>
      </c>
      <c r="M36" s="52">
        <v>2570</v>
      </c>
    </row>
    <row r="37" spans="1:13">
      <c r="A37" s="20" t="s">
        <v>44</v>
      </c>
      <c r="B37" s="21">
        <v>326</v>
      </c>
      <c r="C37" s="22">
        <v>201</v>
      </c>
      <c r="D37" s="22">
        <v>125</v>
      </c>
      <c r="E37" s="21">
        <v>2</v>
      </c>
      <c r="F37" s="22">
        <v>2</v>
      </c>
      <c r="G37" s="23">
        <v>0</v>
      </c>
      <c r="H37" s="22">
        <v>1412</v>
      </c>
      <c r="I37" s="22">
        <v>769</v>
      </c>
      <c r="J37" s="22">
        <v>643</v>
      </c>
      <c r="K37" s="21">
        <v>1084</v>
      </c>
      <c r="L37" s="53">
        <v>566</v>
      </c>
      <c r="M37" s="54">
        <v>518</v>
      </c>
    </row>
    <row r="38" spans="1:13">
      <c r="A38" s="20" t="s">
        <v>45</v>
      </c>
      <c r="B38" s="21">
        <v>302</v>
      </c>
      <c r="C38" s="22">
        <v>142</v>
      </c>
      <c r="D38" s="22">
        <v>160</v>
      </c>
      <c r="E38" s="21">
        <v>1</v>
      </c>
      <c r="F38" s="22">
        <v>1</v>
      </c>
      <c r="G38" s="23">
        <v>0</v>
      </c>
      <c r="H38" s="22">
        <v>1329</v>
      </c>
      <c r="I38" s="22">
        <v>643</v>
      </c>
      <c r="J38" s="22">
        <v>686</v>
      </c>
      <c r="K38" s="21">
        <v>1026</v>
      </c>
      <c r="L38" s="53">
        <v>500</v>
      </c>
      <c r="M38" s="54">
        <v>526</v>
      </c>
    </row>
    <row r="39" spans="1:13">
      <c r="A39" s="20" t="s">
        <v>46</v>
      </c>
      <c r="B39" s="21">
        <v>247</v>
      </c>
      <c r="C39" s="22">
        <v>131</v>
      </c>
      <c r="D39" s="22">
        <v>116</v>
      </c>
      <c r="E39" s="21">
        <v>3</v>
      </c>
      <c r="F39" s="22">
        <v>3</v>
      </c>
      <c r="G39" s="23">
        <v>0</v>
      </c>
      <c r="H39" s="22">
        <v>1291</v>
      </c>
      <c r="I39" s="22">
        <v>687</v>
      </c>
      <c r="J39" s="22">
        <v>604</v>
      </c>
      <c r="K39" s="21">
        <v>1041</v>
      </c>
      <c r="L39" s="53">
        <v>553</v>
      </c>
      <c r="M39" s="54">
        <v>488</v>
      </c>
    </row>
    <row r="40" spans="1:13">
      <c r="A40" s="20" t="s">
        <v>47</v>
      </c>
      <c r="B40" s="21">
        <v>171</v>
      </c>
      <c r="C40" s="22">
        <v>96</v>
      </c>
      <c r="D40" s="22">
        <v>75</v>
      </c>
      <c r="E40" s="21">
        <v>1</v>
      </c>
      <c r="F40" s="22">
        <v>0</v>
      </c>
      <c r="G40" s="23">
        <v>1</v>
      </c>
      <c r="H40" s="22">
        <v>1220</v>
      </c>
      <c r="I40" s="22">
        <v>620</v>
      </c>
      <c r="J40" s="22">
        <v>600</v>
      </c>
      <c r="K40" s="21">
        <v>1048</v>
      </c>
      <c r="L40" s="53">
        <v>524</v>
      </c>
      <c r="M40" s="54">
        <v>524</v>
      </c>
    </row>
    <row r="41" spans="1:13">
      <c r="A41" s="20" t="s">
        <v>48</v>
      </c>
      <c r="B41" s="21">
        <v>78</v>
      </c>
      <c r="C41" s="22">
        <v>59</v>
      </c>
      <c r="D41" s="22">
        <v>19</v>
      </c>
      <c r="E41" s="21">
        <v>2</v>
      </c>
      <c r="F41" s="22">
        <v>1</v>
      </c>
      <c r="G41" s="23">
        <v>1</v>
      </c>
      <c r="H41" s="22">
        <v>1095</v>
      </c>
      <c r="I41" s="22">
        <v>561</v>
      </c>
      <c r="J41" s="22">
        <v>534</v>
      </c>
      <c r="K41" s="21">
        <v>1015</v>
      </c>
      <c r="L41" s="53">
        <v>501</v>
      </c>
      <c r="M41" s="54">
        <v>514</v>
      </c>
    </row>
    <row r="42" spans="1:13" ht="20.100000000000001" customHeight="1">
      <c r="A42" s="16" t="s">
        <v>49</v>
      </c>
      <c r="B42" s="17">
        <v>-163</v>
      </c>
      <c r="C42" s="18">
        <v>-103</v>
      </c>
      <c r="D42" s="18">
        <v>-60</v>
      </c>
      <c r="E42" s="17">
        <v>9</v>
      </c>
      <c r="F42" s="18">
        <v>7</v>
      </c>
      <c r="G42" s="19">
        <v>2</v>
      </c>
      <c r="H42" s="18">
        <v>4008</v>
      </c>
      <c r="I42" s="18">
        <v>2049</v>
      </c>
      <c r="J42" s="18">
        <v>1959</v>
      </c>
      <c r="K42" s="17">
        <v>4162</v>
      </c>
      <c r="L42" s="51">
        <v>2145</v>
      </c>
      <c r="M42" s="52">
        <v>2017</v>
      </c>
    </row>
    <row r="43" spans="1:13">
      <c r="A43" s="20" t="s">
        <v>50</v>
      </c>
      <c r="B43" s="21">
        <v>14</v>
      </c>
      <c r="C43" s="22">
        <v>20</v>
      </c>
      <c r="D43" s="22">
        <v>-6</v>
      </c>
      <c r="E43" s="21">
        <v>1</v>
      </c>
      <c r="F43" s="22">
        <v>0</v>
      </c>
      <c r="G43" s="23">
        <v>1</v>
      </c>
      <c r="H43" s="22">
        <v>963</v>
      </c>
      <c r="I43" s="22">
        <v>484</v>
      </c>
      <c r="J43" s="22">
        <v>479</v>
      </c>
      <c r="K43" s="21">
        <v>948</v>
      </c>
      <c r="L43" s="53">
        <v>464</v>
      </c>
      <c r="M43" s="54">
        <v>484</v>
      </c>
    </row>
    <row r="44" spans="1:13">
      <c r="A44" s="20" t="s">
        <v>51</v>
      </c>
      <c r="B44" s="21">
        <v>-12</v>
      </c>
      <c r="C44" s="22">
        <v>-24</v>
      </c>
      <c r="D44" s="22">
        <v>12</v>
      </c>
      <c r="E44" s="21">
        <v>2</v>
      </c>
      <c r="F44" s="22">
        <v>2</v>
      </c>
      <c r="G44" s="23">
        <v>0</v>
      </c>
      <c r="H44" s="22">
        <v>879</v>
      </c>
      <c r="I44" s="22">
        <v>441</v>
      </c>
      <c r="J44" s="22">
        <v>438</v>
      </c>
      <c r="K44" s="21">
        <v>889</v>
      </c>
      <c r="L44" s="53">
        <v>463</v>
      </c>
      <c r="M44" s="54">
        <v>426</v>
      </c>
    </row>
    <row r="45" spans="1:13">
      <c r="A45" s="20" t="s">
        <v>52</v>
      </c>
      <c r="B45" s="21">
        <v>-75</v>
      </c>
      <c r="C45" s="22">
        <v>-49</v>
      </c>
      <c r="D45" s="22">
        <v>-26</v>
      </c>
      <c r="E45" s="21">
        <v>0</v>
      </c>
      <c r="F45" s="22">
        <v>0</v>
      </c>
      <c r="G45" s="23">
        <v>0</v>
      </c>
      <c r="H45" s="22">
        <v>789</v>
      </c>
      <c r="I45" s="22">
        <v>393</v>
      </c>
      <c r="J45" s="22">
        <v>396</v>
      </c>
      <c r="K45" s="21">
        <v>864</v>
      </c>
      <c r="L45" s="53">
        <v>442</v>
      </c>
      <c r="M45" s="54">
        <v>422</v>
      </c>
    </row>
    <row r="46" spans="1:13">
      <c r="A46" s="20" t="s">
        <v>53</v>
      </c>
      <c r="B46" s="21">
        <v>-26</v>
      </c>
      <c r="C46" s="22">
        <v>-23</v>
      </c>
      <c r="D46" s="22">
        <v>-3</v>
      </c>
      <c r="E46" s="21">
        <v>5</v>
      </c>
      <c r="F46" s="22">
        <v>4</v>
      </c>
      <c r="G46" s="23">
        <v>1</v>
      </c>
      <c r="H46" s="22">
        <v>738</v>
      </c>
      <c r="I46" s="22">
        <v>381</v>
      </c>
      <c r="J46" s="22">
        <v>357</v>
      </c>
      <c r="K46" s="21">
        <v>759</v>
      </c>
      <c r="L46" s="53">
        <v>400</v>
      </c>
      <c r="M46" s="54">
        <v>359</v>
      </c>
    </row>
    <row r="47" spans="1:13">
      <c r="A47" s="20" t="s">
        <v>54</v>
      </c>
      <c r="B47" s="21">
        <v>-64</v>
      </c>
      <c r="C47" s="22">
        <v>-27</v>
      </c>
      <c r="D47" s="22">
        <v>-37</v>
      </c>
      <c r="E47" s="21">
        <v>1</v>
      </c>
      <c r="F47" s="22">
        <v>1</v>
      </c>
      <c r="G47" s="23">
        <v>0</v>
      </c>
      <c r="H47" s="22">
        <v>639</v>
      </c>
      <c r="I47" s="22">
        <v>350</v>
      </c>
      <c r="J47" s="22">
        <v>289</v>
      </c>
      <c r="K47" s="21">
        <v>702</v>
      </c>
      <c r="L47" s="53">
        <v>376</v>
      </c>
      <c r="M47" s="54">
        <v>326</v>
      </c>
    </row>
    <row r="48" spans="1:13" ht="20.100000000000001" customHeight="1">
      <c r="A48" s="16" t="s">
        <v>55</v>
      </c>
      <c r="B48" s="17">
        <v>-196</v>
      </c>
      <c r="C48" s="18">
        <v>-127</v>
      </c>
      <c r="D48" s="18">
        <v>-69</v>
      </c>
      <c r="E48" s="17">
        <v>12</v>
      </c>
      <c r="F48" s="18">
        <v>7</v>
      </c>
      <c r="G48" s="19">
        <v>5</v>
      </c>
      <c r="H48" s="18">
        <v>2379</v>
      </c>
      <c r="I48" s="18">
        <v>1287</v>
      </c>
      <c r="J48" s="18">
        <v>1092</v>
      </c>
      <c r="K48" s="17">
        <v>2563</v>
      </c>
      <c r="L48" s="51">
        <v>1407</v>
      </c>
      <c r="M48" s="52">
        <v>1156</v>
      </c>
    </row>
    <row r="49" spans="1:13">
      <c r="A49" s="20" t="s">
        <v>56</v>
      </c>
      <c r="B49" s="21">
        <v>-23</v>
      </c>
      <c r="C49" s="22">
        <v>-2</v>
      </c>
      <c r="D49" s="22">
        <v>-21</v>
      </c>
      <c r="E49" s="21">
        <v>3</v>
      </c>
      <c r="F49" s="22">
        <v>2</v>
      </c>
      <c r="G49" s="23">
        <v>1</v>
      </c>
      <c r="H49" s="22">
        <v>621</v>
      </c>
      <c r="I49" s="22">
        <v>353</v>
      </c>
      <c r="J49" s="22">
        <v>268</v>
      </c>
      <c r="K49" s="21">
        <v>641</v>
      </c>
      <c r="L49" s="53">
        <v>353</v>
      </c>
      <c r="M49" s="54">
        <v>288</v>
      </c>
    </row>
    <row r="50" spans="1:13">
      <c r="A50" s="20" t="s">
        <v>57</v>
      </c>
      <c r="B50" s="21">
        <v>-18</v>
      </c>
      <c r="C50" s="22">
        <v>-11</v>
      </c>
      <c r="D50" s="22">
        <v>-7</v>
      </c>
      <c r="E50" s="21">
        <v>0</v>
      </c>
      <c r="F50" s="22">
        <v>0</v>
      </c>
      <c r="G50" s="23">
        <v>0</v>
      </c>
      <c r="H50" s="22">
        <v>545</v>
      </c>
      <c r="I50" s="22">
        <v>301</v>
      </c>
      <c r="J50" s="22">
        <v>244</v>
      </c>
      <c r="K50" s="21">
        <v>563</v>
      </c>
      <c r="L50" s="53">
        <v>312</v>
      </c>
      <c r="M50" s="54">
        <v>251</v>
      </c>
    </row>
    <row r="51" spans="1:13">
      <c r="A51" s="20" t="s">
        <v>58</v>
      </c>
      <c r="B51" s="21">
        <v>-46</v>
      </c>
      <c r="C51" s="22">
        <v>-22</v>
      </c>
      <c r="D51" s="22">
        <v>-24</v>
      </c>
      <c r="E51" s="21">
        <v>4</v>
      </c>
      <c r="F51" s="22">
        <v>2</v>
      </c>
      <c r="G51" s="23">
        <v>2</v>
      </c>
      <c r="H51" s="22">
        <v>457</v>
      </c>
      <c r="I51" s="22">
        <v>242</v>
      </c>
      <c r="J51" s="22">
        <v>215</v>
      </c>
      <c r="K51" s="21">
        <v>499</v>
      </c>
      <c r="L51" s="53">
        <v>262</v>
      </c>
      <c r="M51" s="54">
        <v>237</v>
      </c>
    </row>
    <row r="52" spans="1:13">
      <c r="A52" s="20" t="s">
        <v>59</v>
      </c>
      <c r="B52" s="21">
        <v>-59</v>
      </c>
      <c r="C52" s="22">
        <v>-50</v>
      </c>
      <c r="D52" s="22">
        <v>-9</v>
      </c>
      <c r="E52" s="21">
        <v>2</v>
      </c>
      <c r="F52" s="22">
        <v>0</v>
      </c>
      <c r="G52" s="23">
        <v>2</v>
      </c>
      <c r="H52" s="22">
        <v>385</v>
      </c>
      <c r="I52" s="22">
        <v>191</v>
      </c>
      <c r="J52" s="22">
        <v>194</v>
      </c>
      <c r="K52" s="21">
        <v>442</v>
      </c>
      <c r="L52" s="53">
        <v>241</v>
      </c>
      <c r="M52" s="54">
        <v>201</v>
      </c>
    </row>
    <row r="53" spans="1:13">
      <c r="A53" s="20" t="s">
        <v>60</v>
      </c>
      <c r="B53" s="21">
        <v>-50</v>
      </c>
      <c r="C53" s="22">
        <v>-42</v>
      </c>
      <c r="D53" s="22">
        <v>-8</v>
      </c>
      <c r="E53" s="21">
        <v>3</v>
      </c>
      <c r="F53" s="22">
        <v>3</v>
      </c>
      <c r="G53" s="23">
        <v>0</v>
      </c>
      <c r="H53" s="22">
        <v>371</v>
      </c>
      <c r="I53" s="22">
        <v>200</v>
      </c>
      <c r="J53" s="22">
        <v>171</v>
      </c>
      <c r="K53" s="21">
        <v>418</v>
      </c>
      <c r="L53" s="53">
        <v>239</v>
      </c>
      <c r="M53" s="54">
        <v>179</v>
      </c>
    </row>
    <row r="54" spans="1:13" ht="20.100000000000001" customHeight="1">
      <c r="A54" s="16" t="s">
        <v>61</v>
      </c>
      <c r="B54" s="17">
        <v>-194</v>
      </c>
      <c r="C54" s="18">
        <v>-92</v>
      </c>
      <c r="D54" s="18">
        <v>-102</v>
      </c>
      <c r="E54" s="17">
        <v>12</v>
      </c>
      <c r="F54" s="18">
        <v>7</v>
      </c>
      <c r="G54" s="19">
        <v>5</v>
      </c>
      <c r="H54" s="18">
        <v>1437</v>
      </c>
      <c r="I54" s="18">
        <v>844</v>
      </c>
      <c r="J54" s="18">
        <v>593</v>
      </c>
      <c r="K54" s="17">
        <v>1619</v>
      </c>
      <c r="L54" s="51">
        <v>929</v>
      </c>
      <c r="M54" s="52">
        <v>690</v>
      </c>
    </row>
    <row r="55" spans="1:13">
      <c r="A55" s="20" t="s">
        <v>62</v>
      </c>
      <c r="B55" s="21">
        <v>-50</v>
      </c>
      <c r="C55" s="22">
        <v>-36</v>
      </c>
      <c r="D55" s="22">
        <v>-14</v>
      </c>
      <c r="E55" s="21">
        <v>2</v>
      </c>
      <c r="F55" s="22">
        <v>2</v>
      </c>
      <c r="G55" s="23">
        <v>0</v>
      </c>
      <c r="H55" s="22">
        <v>327</v>
      </c>
      <c r="I55" s="22">
        <v>177</v>
      </c>
      <c r="J55" s="22">
        <v>150</v>
      </c>
      <c r="K55" s="21">
        <v>375</v>
      </c>
      <c r="L55" s="53">
        <v>211</v>
      </c>
      <c r="M55" s="54">
        <v>164</v>
      </c>
    </row>
    <row r="56" spans="1:13">
      <c r="A56" s="20" t="s">
        <v>63</v>
      </c>
      <c r="B56" s="21">
        <v>-72</v>
      </c>
      <c r="C56" s="22">
        <v>-27</v>
      </c>
      <c r="D56" s="22">
        <v>-45</v>
      </c>
      <c r="E56" s="21">
        <v>2</v>
      </c>
      <c r="F56" s="22">
        <v>2</v>
      </c>
      <c r="G56" s="23">
        <v>0</v>
      </c>
      <c r="H56" s="22">
        <v>296</v>
      </c>
      <c r="I56" s="22">
        <v>181</v>
      </c>
      <c r="J56" s="22">
        <v>115</v>
      </c>
      <c r="K56" s="21">
        <v>366</v>
      </c>
      <c r="L56" s="53">
        <v>206</v>
      </c>
      <c r="M56" s="54">
        <v>160</v>
      </c>
    </row>
    <row r="57" spans="1:13">
      <c r="A57" s="20" t="s">
        <v>64</v>
      </c>
      <c r="B57" s="21">
        <v>-42</v>
      </c>
      <c r="C57" s="22">
        <v>-14</v>
      </c>
      <c r="D57" s="22">
        <v>-28</v>
      </c>
      <c r="E57" s="21">
        <v>1</v>
      </c>
      <c r="F57" s="22">
        <v>0</v>
      </c>
      <c r="G57" s="23">
        <v>1</v>
      </c>
      <c r="H57" s="22">
        <v>284</v>
      </c>
      <c r="I57" s="22">
        <v>164</v>
      </c>
      <c r="J57" s="22">
        <v>120</v>
      </c>
      <c r="K57" s="21">
        <v>325</v>
      </c>
      <c r="L57" s="53">
        <v>178</v>
      </c>
      <c r="M57" s="54">
        <v>147</v>
      </c>
    </row>
    <row r="58" spans="1:13">
      <c r="A58" s="20" t="s">
        <v>65</v>
      </c>
      <c r="B58" s="21">
        <v>-48</v>
      </c>
      <c r="C58" s="22">
        <v>-33</v>
      </c>
      <c r="D58" s="22">
        <v>-15</v>
      </c>
      <c r="E58" s="21">
        <v>5</v>
      </c>
      <c r="F58" s="22">
        <v>2</v>
      </c>
      <c r="G58" s="23">
        <v>3</v>
      </c>
      <c r="H58" s="22">
        <v>256</v>
      </c>
      <c r="I58" s="22">
        <v>156</v>
      </c>
      <c r="J58" s="22">
        <v>100</v>
      </c>
      <c r="K58" s="21">
        <v>299</v>
      </c>
      <c r="L58" s="53">
        <v>187</v>
      </c>
      <c r="M58" s="54">
        <v>112</v>
      </c>
    </row>
    <row r="59" spans="1:13">
      <c r="A59" s="20" t="s">
        <v>66</v>
      </c>
      <c r="B59" s="21">
        <v>18</v>
      </c>
      <c r="C59" s="22">
        <v>18</v>
      </c>
      <c r="D59" s="22">
        <v>0</v>
      </c>
      <c r="E59" s="21">
        <v>2</v>
      </c>
      <c r="F59" s="22">
        <v>1</v>
      </c>
      <c r="G59" s="23">
        <v>1</v>
      </c>
      <c r="H59" s="22">
        <v>274</v>
      </c>
      <c r="I59" s="22">
        <v>166</v>
      </c>
      <c r="J59" s="22">
        <v>108</v>
      </c>
      <c r="K59" s="21">
        <v>254</v>
      </c>
      <c r="L59" s="53">
        <v>147</v>
      </c>
      <c r="M59" s="54">
        <v>107</v>
      </c>
    </row>
    <row r="60" spans="1:13" ht="20.100000000000001" customHeight="1">
      <c r="A60" s="16" t="s">
        <v>67</v>
      </c>
      <c r="B60" s="17">
        <v>-135</v>
      </c>
      <c r="C60" s="18">
        <v>-86</v>
      </c>
      <c r="D60" s="18">
        <v>-49</v>
      </c>
      <c r="E60" s="17">
        <v>39</v>
      </c>
      <c r="F60" s="18">
        <v>20</v>
      </c>
      <c r="G60" s="19">
        <v>19</v>
      </c>
      <c r="H60" s="18">
        <v>1082</v>
      </c>
      <c r="I60" s="18">
        <v>623</v>
      </c>
      <c r="J60" s="18">
        <v>459</v>
      </c>
      <c r="K60" s="17">
        <v>1178</v>
      </c>
      <c r="L60" s="51">
        <v>689</v>
      </c>
      <c r="M60" s="52">
        <v>489</v>
      </c>
    </row>
    <row r="61" spans="1:13">
      <c r="A61" s="20" t="s">
        <v>68</v>
      </c>
      <c r="B61" s="21">
        <v>-51</v>
      </c>
      <c r="C61" s="22">
        <v>-26</v>
      </c>
      <c r="D61" s="22">
        <v>-25</v>
      </c>
      <c r="E61" s="21">
        <v>4</v>
      </c>
      <c r="F61" s="22">
        <v>2</v>
      </c>
      <c r="G61" s="23">
        <v>2</v>
      </c>
      <c r="H61" s="22">
        <v>254</v>
      </c>
      <c r="I61" s="22">
        <v>149</v>
      </c>
      <c r="J61" s="22">
        <v>105</v>
      </c>
      <c r="K61" s="21">
        <v>301</v>
      </c>
      <c r="L61" s="53">
        <v>173</v>
      </c>
      <c r="M61" s="54">
        <v>128</v>
      </c>
    </row>
    <row r="62" spans="1:13">
      <c r="A62" s="20" t="s">
        <v>69</v>
      </c>
      <c r="B62" s="21">
        <v>-19</v>
      </c>
      <c r="C62" s="22">
        <v>-12</v>
      </c>
      <c r="D62" s="22">
        <v>-7</v>
      </c>
      <c r="E62" s="21">
        <v>1</v>
      </c>
      <c r="F62" s="22">
        <v>1</v>
      </c>
      <c r="G62" s="23">
        <v>0</v>
      </c>
      <c r="H62" s="22">
        <v>219</v>
      </c>
      <c r="I62" s="22">
        <v>121</v>
      </c>
      <c r="J62" s="22">
        <v>98</v>
      </c>
      <c r="K62" s="21">
        <v>237</v>
      </c>
      <c r="L62" s="53">
        <v>132</v>
      </c>
      <c r="M62" s="54">
        <v>105</v>
      </c>
    </row>
    <row r="63" spans="1:13">
      <c r="A63" s="20" t="s">
        <v>70</v>
      </c>
      <c r="B63" s="21">
        <v>-38</v>
      </c>
      <c r="C63" s="22">
        <v>-30</v>
      </c>
      <c r="D63" s="22">
        <v>-8</v>
      </c>
      <c r="E63" s="21">
        <v>12</v>
      </c>
      <c r="F63" s="22">
        <v>6</v>
      </c>
      <c r="G63" s="23">
        <v>6</v>
      </c>
      <c r="H63" s="22">
        <v>222</v>
      </c>
      <c r="I63" s="22">
        <v>137</v>
      </c>
      <c r="J63" s="22">
        <v>85</v>
      </c>
      <c r="K63" s="21">
        <v>248</v>
      </c>
      <c r="L63" s="53">
        <v>161</v>
      </c>
      <c r="M63" s="54">
        <v>87</v>
      </c>
    </row>
    <row r="64" spans="1:13">
      <c r="A64" s="20" t="s">
        <v>71</v>
      </c>
      <c r="B64" s="21">
        <v>14</v>
      </c>
      <c r="C64" s="22">
        <v>10</v>
      </c>
      <c r="D64" s="22">
        <v>4</v>
      </c>
      <c r="E64" s="21">
        <v>6</v>
      </c>
      <c r="F64" s="22">
        <v>4</v>
      </c>
      <c r="G64" s="23">
        <v>2</v>
      </c>
      <c r="H64" s="22">
        <v>201</v>
      </c>
      <c r="I64" s="22">
        <v>119</v>
      </c>
      <c r="J64" s="22">
        <v>82</v>
      </c>
      <c r="K64" s="21">
        <v>181</v>
      </c>
      <c r="L64" s="53">
        <v>105</v>
      </c>
      <c r="M64" s="54">
        <v>76</v>
      </c>
    </row>
    <row r="65" spans="1:13">
      <c r="A65" s="24" t="s">
        <v>72</v>
      </c>
      <c r="B65" s="25">
        <v>-41</v>
      </c>
      <c r="C65" s="26">
        <v>-28</v>
      </c>
      <c r="D65" s="26">
        <v>-13</v>
      </c>
      <c r="E65" s="25">
        <v>16</v>
      </c>
      <c r="F65" s="26">
        <v>7</v>
      </c>
      <c r="G65" s="27">
        <v>9</v>
      </c>
      <c r="H65" s="26">
        <v>186</v>
      </c>
      <c r="I65" s="26">
        <v>97</v>
      </c>
      <c r="J65" s="26">
        <v>89</v>
      </c>
      <c r="K65" s="25">
        <v>211</v>
      </c>
      <c r="L65" s="55">
        <v>118</v>
      </c>
      <c r="M65" s="56">
        <v>9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175</v>
      </c>
      <c r="C69" s="58">
        <v>1645</v>
      </c>
      <c r="D69" s="59">
        <v>153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175</v>
      </c>
      <c r="C70" s="61">
        <v>1645</v>
      </c>
      <c r="D70" s="62">
        <v>1530</v>
      </c>
    </row>
    <row r="71" spans="1:13">
      <c r="A71" s="24" t="s">
        <v>14</v>
      </c>
      <c r="B71" s="63">
        <v>3175</v>
      </c>
      <c r="C71" s="64">
        <v>1645</v>
      </c>
      <c r="D71" s="65">
        <v>1530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6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29</v>
      </c>
      <c r="C77" s="18">
        <v>-93</v>
      </c>
      <c r="D77" s="18">
        <v>-36</v>
      </c>
      <c r="E77" s="17">
        <v>49</v>
      </c>
      <c r="F77" s="18">
        <v>31</v>
      </c>
      <c r="G77" s="19">
        <v>18</v>
      </c>
      <c r="H77" s="18">
        <v>791</v>
      </c>
      <c r="I77" s="18">
        <v>453</v>
      </c>
      <c r="J77" s="18">
        <v>338</v>
      </c>
      <c r="K77" s="17">
        <v>871</v>
      </c>
      <c r="L77" s="51">
        <v>515</v>
      </c>
      <c r="M77" s="52">
        <v>356</v>
      </c>
    </row>
    <row r="78" spans="1:13">
      <c r="A78" s="40" t="s">
        <v>81</v>
      </c>
      <c r="B78" s="21">
        <v>-33</v>
      </c>
      <c r="C78" s="22">
        <v>-27</v>
      </c>
      <c r="D78" s="22">
        <v>-6</v>
      </c>
      <c r="E78" s="21">
        <v>9</v>
      </c>
      <c r="F78" s="22">
        <v>3</v>
      </c>
      <c r="G78" s="23">
        <v>6</v>
      </c>
      <c r="H78" s="22">
        <v>166</v>
      </c>
      <c r="I78" s="22">
        <v>88</v>
      </c>
      <c r="J78" s="22">
        <v>78</v>
      </c>
      <c r="K78" s="21">
        <v>190</v>
      </c>
      <c r="L78" s="53">
        <v>112</v>
      </c>
      <c r="M78" s="54">
        <v>78</v>
      </c>
    </row>
    <row r="79" spans="1:13">
      <c r="A79" s="40" t="s">
        <v>82</v>
      </c>
      <c r="B79" s="21">
        <v>-40</v>
      </c>
      <c r="C79" s="22">
        <v>-22</v>
      </c>
      <c r="D79" s="22">
        <v>-18</v>
      </c>
      <c r="E79" s="21">
        <v>8</v>
      </c>
      <c r="F79" s="22">
        <v>7</v>
      </c>
      <c r="G79" s="23">
        <v>1</v>
      </c>
      <c r="H79" s="22">
        <v>172</v>
      </c>
      <c r="I79" s="22">
        <v>103</v>
      </c>
      <c r="J79" s="22">
        <v>69</v>
      </c>
      <c r="K79" s="21">
        <v>204</v>
      </c>
      <c r="L79" s="53">
        <v>118</v>
      </c>
      <c r="M79" s="54">
        <v>86</v>
      </c>
    </row>
    <row r="80" spans="1:13">
      <c r="A80" s="40" t="s">
        <v>83</v>
      </c>
      <c r="B80" s="21">
        <v>-11</v>
      </c>
      <c r="C80" s="22">
        <v>-17</v>
      </c>
      <c r="D80" s="22">
        <v>6</v>
      </c>
      <c r="E80" s="21">
        <v>12</v>
      </c>
      <c r="F80" s="22">
        <v>7</v>
      </c>
      <c r="G80" s="23">
        <v>5</v>
      </c>
      <c r="H80" s="22">
        <v>187</v>
      </c>
      <c r="I80" s="22">
        <v>105</v>
      </c>
      <c r="J80" s="22">
        <v>82</v>
      </c>
      <c r="K80" s="21">
        <v>186</v>
      </c>
      <c r="L80" s="53">
        <v>115</v>
      </c>
      <c r="M80" s="54">
        <v>71</v>
      </c>
    </row>
    <row r="81" spans="1:13">
      <c r="A81" s="40" t="s">
        <v>84</v>
      </c>
      <c r="B81" s="21">
        <v>-30</v>
      </c>
      <c r="C81" s="22">
        <v>-22</v>
      </c>
      <c r="D81" s="22">
        <v>-8</v>
      </c>
      <c r="E81" s="21">
        <v>10</v>
      </c>
      <c r="F81" s="22">
        <v>7</v>
      </c>
      <c r="G81" s="23">
        <v>3</v>
      </c>
      <c r="H81" s="22">
        <v>120</v>
      </c>
      <c r="I81" s="22">
        <v>72</v>
      </c>
      <c r="J81" s="22">
        <v>48</v>
      </c>
      <c r="K81" s="21">
        <v>140</v>
      </c>
      <c r="L81" s="53">
        <v>87</v>
      </c>
      <c r="M81" s="54">
        <v>53</v>
      </c>
    </row>
    <row r="82" spans="1:13">
      <c r="A82" s="40" t="s">
        <v>85</v>
      </c>
      <c r="B82" s="21">
        <v>-15</v>
      </c>
      <c r="C82" s="22">
        <v>-5</v>
      </c>
      <c r="D82" s="22">
        <v>-10</v>
      </c>
      <c r="E82" s="21">
        <v>10</v>
      </c>
      <c r="F82" s="22">
        <v>7</v>
      </c>
      <c r="G82" s="23">
        <v>3</v>
      </c>
      <c r="H82" s="22">
        <v>146</v>
      </c>
      <c r="I82" s="22">
        <v>85</v>
      </c>
      <c r="J82" s="22">
        <v>61</v>
      </c>
      <c r="K82" s="21">
        <v>151</v>
      </c>
      <c r="L82" s="53">
        <v>83</v>
      </c>
      <c r="M82" s="54">
        <v>68</v>
      </c>
    </row>
    <row r="83" spans="1:13" ht="19.5" customHeight="1">
      <c r="A83" s="34" t="s">
        <v>86</v>
      </c>
      <c r="B83" s="17">
        <v>-183</v>
      </c>
      <c r="C83" s="18">
        <v>-122</v>
      </c>
      <c r="D83" s="18">
        <v>-61</v>
      </c>
      <c r="E83" s="17">
        <v>59</v>
      </c>
      <c r="F83" s="18">
        <v>47</v>
      </c>
      <c r="G83" s="19">
        <v>12</v>
      </c>
      <c r="H83" s="18">
        <v>514</v>
      </c>
      <c r="I83" s="18">
        <v>280</v>
      </c>
      <c r="J83" s="18">
        <v>234</v>
      </c>
      <c r="K83" s="17">
        <v>638</v>
      </c>
      <c r="L83" s="51">
        <v>355</v>
      </c>
      <c r="M83" s="52">
        <v>283</v>
      </c>
    </row>
    <row r="84" spans="1:13">
      <c r="A84" s="40" t="s">
        <v>87</v>
      </c>
      <c r="B84" s="21">
        <v>-46</v>
      </c>
      <c r="C84" s="22">
        <v>-25</v>
      </c>
      <c r="D84" s="22">
        <v>-21</v>
      </c>
      <c r="E84" s="21">
        <v>7</v>
      </c>
      <c r="F84" s="22">
        <v>6</v>
      </c>
      <c r="G84" s="23">
        <v>1</v>
      </c>
      <c r="H84" s="22">
        <v>129</v>
      </c>
      <c r="I84" s="22">
        <v>71</v>
      </c>
      <c r="J84" s="22">
        <v>58</v>
      </c>
      <c r="K84" s="21">
        <v>168</v>
      </c>
      <c r="L84" s="53">
        <v>90</v>
      </c>
      <c r="M84" s="54">
        <v>78</v>
      </c>
    </row>
    <row r="85" spans="1:13">
      <c r="A85" s="40" t="s">
        <v>88</v>
      </c>
      <c r="B85" s="21">
        <v>-27</v>
      </c>
      <c r="C85" s="22">
        <v>-21</v>
      </c>
      <c r="D85" s="22">
        <v>-6</v>
      </c>
      <c r="E85" s="21">
        <v>14</v>
      </c>
      <c r="F85" s="22">
        <v>11</v>
      </c>
      <c r="G85" s="23">
        <v>3</v>
      </c>
      <c r="H85" s="22">
        <v>117</v>
      </c>
      <c r="I85" s="22">
        <v>62</v>
      </c>
      <c r="J85" s="22">
        <v>55</v>
      </c>
      <c r="K85" s="21">
        <v>130</v>
      </c>
      <c r="L85" s="53">
        <v>72</v>
      </c>
      <c r="M85" s="54">
        <v>58</v>
      </c>
    </row>
    <row r="86" spans="1:13">
      <c r="A86" s="40" t="s">
        <v>89</v>
      </c>
      <c r="B86" s="21">
        <v>-38</v>
      </c>
      <c r="C86" s="22">
        <v>-22</v>
      </c>
      <c r="D86" s="22">
        <v>-16</v>
      </c>
      <c r="E86" s="21">
        <v>12</v>
      </c>
      <c r="F86" s="22">
        <v>10</v>
      </c>
      <c r="G86" s="23">
        <v>2</v>
      </c>
      <c r="H86" s="22">
        <v>90</v>
      </c>
      <c r="I86" s="22">
        <v>54</v>
      </c>
      <c r="J86" s="22">
        <v>36</v>
      </c>
      <c r="K86" s="21">
        <v>116</v>
      </c>
      <c r="L86" s="53">
        <v>66</v>
      </c>
      <c r="M86" s="54">
        <v>50</v>
      </c>
    </row>
    <row r="87" spans="1:13">
      <c r="A87" s="40" t="s">
        <v>90</v>
      </c>
      <c r="B87" s="21">
        <v>-42</v>
      </c>
      <c r="C87" s="22">
        <v>-32</v>
      </c>
      <c r="D87" s="22">
        <v>-10</v>
      </c>
      <c r="E87" s="21">
        <v>10</v>
      </c>
      <c r="F87" s="22">
        <v>7</v>
      </c>
      <c r="G87" s="23">
        <v>3</v>
      </c>
      <c r="H87" s="22">
        <v>95</v>
      </c>
      <c r="I87" s="22">
        <v>54</v>
      </c>
      <c r="J87" s="22">
        <v>41</v>
      </c>
      <c r="K87" s="21">
        <v>127</v>
      </c>
      <c r="L87" s="53">
        <v>79</v>
      </c>
      <c r="M87" s="54">
        <v>48</v>
      </c>
    </row>
    <row r="88" spans="1:13">
      <c r="A88" s="40" t="s">
        <v>91</v>
      </c>
      <c r="B88" s="21">
        <v>-30</v>
      </c>
      <c r="C88" s="22">
        <v>-22</v>
      </c>
      <c r="D88" s="22">
        <v>-8</v>
      </c>
      <c r="E88" s="21">
        <v>16</v>
      </c>
      <c r="F88" s="22">
        <v>13</v>
      </c>
      <c r="G88" s="23">
        <v>3</v>
      </c>
      <c r="H88" s="22">
        <v>83</v>
      </c>
      <c r="I88" s="22">
        <v>39</v>
      </c>
      <c r="J88" s="22">
        <v>44</v>
      </c>
      <c r="K88" s="21">
        <v>97</v>
      </c>
      <c r="L88" s="53">
        <v>48</v>
      </c>
      <c r="M88" s="54">
        <v>49</v>
      </c>
    </row>
    <row r="89" spans="1:13" ht="19.5" customHeight="1">
      <c r="A89" s="34" t="s">
        <v>92</v>
      </c>
      <c r="B89" s="17">
        <v>-206</v>
      </c>
      <c r="C89" s="18">
        <v>-120</v>
      </c>
      <c r="D89" s="18">
        <v>-86</v>
      </c>
      <c r="E89" s="17">
        <v>89</v>
      </c>
      <c r="F89" s="18">
        <v>54</v>
      </c>
      <c r="G89" s="19">
        <v>35</v>
      </c>
      <c r="H89" s="18">
        <v>326</v>
      </c>
      <c r="I89" s="18">
        <v>190</v>
      </c>
      <c r="J89" s="18">
        <v>136</v>
      </c>
      <c r="K89" s="17">
        <v>443</v>
      </c>
      <c r="L89" s="51">
        <v>256</v>
      </c>
      <c r="M89" s="52">
        <v>187</v>
      </c>
    </row>
    <row r="90" spans="1:13">
      <c r="A90" s="40" t="s">
        <v>93</v>
      </c>
      <c r="B90" s="21">
        <v>-53</v>
      </c>
      <c r="C90" s="22">
        <v>-28</v>
      </c>
      <c r="D90" s="22">
        <v>-25</v>
      </c>
      <c r="E90" s="21">
        <v>21</v>
      </c>
      <c r="F90" s="22">
        <v>7</v>
      </c>
      <c r="G90" s="23">
        <v>14</v>
      </c>
      <c r="H90" s="22">
        <v>81</v>
      </c>
      <c r="I90" s="22">
        <v>52</v>
      </c>
      <c r="J90" s="22">
        <v>29</v>
      </c>
      <c r="K90" s="21">
        <v>113</v>
      </c>
      <c r="L90" s="53">
        <v>73</v>
      </c>
      <c r="M90" s="54">
        <v>40</v>
      </c>
    </row>
    <row r="91" spans="1:13">
      <c r="A91" s="40" t="s">
        <v>94</v>
      </c>
      <c r="B91" s="21">
        <v>-53</v>
      </c>
      <c r="C91" s="22">
        <v>-23</v>
      </c>
      <c r="D91" s="22">
        <v>-30</v>
      </c>
      <c r="E91" s="21">
        <v>14</v>
      </c>
      <c r="F91" s="22">
        <v>7</v>
      </c>
      <c r="G91" s="23">
        <v>7</v>
      </c>
      <c r="H91" s="22">
        <v>77</v>
      </c>
      <c r="I91" s="22">
        <v>49</v>
      </c>
      <c r="J91" s="22">
        <v>28</v>
      </c>
      <c r="K91" s="21">
        <v>116</v>
      </c>
      <c r="L91" s="53">
        <v>65</v>
      </c>
      <c r="M91" s="54">
        <v>51</v>
      </c>
    </row>
    <row r="92" spans="1:13">
      <c r="A92" s="40" t="s">
        <v>95</v>
      </c>
      <c r="B92" s="21">
        <v>-32</v>
      </c>
      <c r="C92" s="22">
        <v>-22</v>
      </c>
      <c r="D92" s="22">
        <v>-10</v>
      </c>
      <c r="E92" s="21">
        <v>16</v>
      </c>
      <c r="F92" s="22">
        <v>13</v>
      </c>
      <c r="G92" s="23">
        <v>3</v>
      </c>
      <c r="H92" s="22">
        <v>59</v>
      </c>
      <c r="I92" s="22">
        <v>29</v>
      </c>
      <c r="J92" s="22">
        <v>30</v>
      </c>
      <c r="K92" s="21">
        <v>75</v>
      </c>
      <c r="L92" s="53">
        <v>38</v>
      </c>
      <c r="M92" s="54">
        <v>37</v>
      </c>
    </row>
    <row r="93" spans="1:13">
      <c r="A93" s="40" t="s">
        <v>96</v>
      </c>
      <c r="B93" s="21">
        <v>-31</v>
      </c>
      <c r="C93" s="22">
        <v>-23</v>
      </c>
      <c r="D93" s="22">
        <v>-8</v>
      </c>
      <c r="E93" s="21">
        <v>19</v>
      </c>
      <c r="F93" s="22">
        <v>12</v>
      </c>
      <c r="G93" s="23">
        <v>7</v>
      </c>
      <c r="H93" s="22">
        <v>59</v>
      </c>
      <c r="I93" s="22">
        <v>34</v>
      </c>
      <c r="J93" s="22">
        <v>25</v>
      </c>
      <c r="K93" s="21">
        <v>71</v>
      </c>
      <c r="L93" s="53">
        <v>45</v>
      </c>
      <c r="M93" s="54">
        <v>26</v>
      </c>
    </row>
    <row r="94" spans="1:13">
      <c r="A94" s="40" t="s">
        <v>97</v>
      </c>
      <c r="B94" s="21">
        <v>-37</v>
      </c>
      <c r="C94" s="22">
        <v>-24</v>
      </c>
      <c r="D94" s="22">
        <v>-13</v>
      </c>
      <c r="E94" s="21">
        <v>19</v>
      </c>
      <c r="F94" s="22">
        <v>15</v>
      </c>
      <c r="G94" s="23">
        <v>4</v>
      </c>
      <c r="H94" s="22">
        <v>50</v>
      </c>
      <c r="I94" s="22">
        <v>26</v>
      </c>
      <c r="J94" s="22">
        <v>24</v>
      </c>
      <c r="K94" s="21">
        <v>68</v>
      </c>
      <c r="L94" s="53">
        <v>35</v>
      </c>
      <c r="M94" s="54">
        <v>33</v>
      </c>
    </row>
    <row r="95" spans="1:13" ht="19.5" customHeight="1">
      <c r="A95" s="34" t="s">
        <v>98</v>
      </c>
      <c r="B95" s="17">
        <v>-211</v>
      </c>
      <c r="C95" s="18">
        <v>-149</v>
      </c>
      <c r="D95" s="18">
        <v>-62</v>
      </c>
      <c r="E95" s="17">
        <v>114</v>
      </c>
      <c r="F95" s="18">
        <v>72</v>
      </c>
      <c r="G95" s="19">
        <v>42</v>
      </c>
      <c r="H95" s="18">
        <v>218</v>
      </c>
      <c r="I95" s="18">
        <v>114</v>
      </c>
      <c r="J95" s="18">
        <v>104</v>
      </c>
      <c r="K95" s="17">
        <v>315</v>
      </c>
      <c r="L95" s="51">
        <v>191</v>
      </c>
      <c r="M95" s="52">
        <v>124</v>
      </c>
    </row>
    <row r="96" spans="1:13">
      <c r="A96" s="40" t="s">
        <v>99</v>
      </c>
      <c r="B96" s="21">
        <v>-34</v>
      </c>
      <c r="C96" s="22">
        <v>-23</v>
      </c>
      <c r="D96" s="22">
        <v>-11</v>
      </c>
      <c r="E96" s="21">
        <v>14</v>
      </c>
      <c r="F96" s="22">
        <v>8</v>
      </c>
      <c r="G96" s="23">
        <v>6</v>
      </c>
      <c r="H96" s="22">
        <v>53</v>
      </c>
      <c r="I96" s="22">
        <v>28</v>
      </c>
      <c r="J96" s="22">
        <v>25</v>
      </c>
      <c r="K96" s="21">
        <v>73</v>
      </c>
      <c r="L96" s="53">
        <v>43</v>
      </c>
      <c r="M96" s="54">
        <v>30</v>
      </c>
    </row>
    <row r="97" spans="1:13">
      <c r="A97" s="40" t="s">
        <v>100</v>
      </c>
      <c r="B97" s="21">
        <v>-40</v>
      </c>
      <c r="C97" s="22">
        <v>-31</v>
      </c>
      <c r="D97" s="22">
        <v>-9</v>
      </c>
      <c r="E97" s="21">
        <v>20</v>
      </c>
      <c r="F97" s="22">
        <v>15</v>
      </c>
      <c r="G97" s="23">
        <v>5</v>
      </c>
      <c r="H97" s="22">
        <v>47</v>
      </c>
      <c r="I97" s="22">
        <v>26</v>
      </c>
      <c r="J97" s="22">
        <v>21</v>
      </c>
      <c r="K97" s="21">
        <v>67</v>
      </c>
      <c r="L97" s="53">
        <v>42</v>
      </c>
      <c r="M97" s="54">
        <v>25</v>
      </c>
    </row>
    <row r="98" spans="1:13">
      <c r="A98" s="40" t="s">
        <v>101</v>
      </c>
      <c r="B98" s="21">
        <v>-48</v>
      </c>
      <c r="C98" s="22">
        <v>-39</v>
      </c>
      <c r="D98" s="22">
        <v>-9</v>
      </c>
      <c r="E98" s="21">
        <v>26</v>
      </c>
      <c r="F98" s="22">
        <v>18</v>
      </c>
      <c r="G98" s="23">
        <v>8</v>
      </c>
      <c r="H98" s="22">
        <v>43</v>
      </c>
      <c r="I98" s="22">
        <v>23</v>
      </c>
      <c r="J98" s="22">
        <v>20</v>
      </c>
      <c r="K98" s="21">
        <v>65</v>
      </c>
      <c r="L98" s="53">
        <v>44</v>
      </c>
      <c r="M98" s="54">
        <v>21</v>
      </c>
    </row>
    <row r="99" spans="1:13">
      <c r="A99" s="40" t="s">
        <v>102</v>
      </c>
      <c r="B99" s="21">
        <v>-29</v>
      </c>
      <c r="C99" s="22">
        <v>-24</v>
      </c>
      <c r="D99" s="22">
        <v>-5</v>
      </c>
      <c r="E99" s="21">
        <v>18</v>
      </c>
      <c r="F99" s="22">
        <v>10</v>
      </c>
      <c r="G99" s="23">
        <v>8</v>
      </c>
      <c r="H99" s="22">
        <v>44</v>
      </c>
      <c r="I99" s="22">
        <v>24</v>
      </c>
      <c r="J99" s="22">
        <v>20</v>
      </c>
      <c r="K99" s="21">
        <v>55</v>
      </c>
      <c r="L99" s="53">
        <v>38</v>
      </c>
      <c r="M99" s="54">
        <v>17</v>
      </c>
    </row>
    <row r="100" spans="1:13">
      <c r="A100" s="40" t="s">
        <v>103</v>
      </c>
      <c r="B100" s="21">
        <v>-60</v>
      </c>
      <c r="C100" s="22">
        <v>-32</v>
      </c>
      <c r="D100" s="22">
        <v>-28</v>
      </c>
      <c r="E100" s="21">
        <v>36</v>
      </c>
      <c r="F100" s="22">
        <v>21</v>
      </c>
      <c r="G100" s="23">
        <v>15</v>
      </c>
      <c r="H100" s="22">
        <v>31</v>
      </c>
      <c r="I100" s="22">
        <v>13</v>
      </c>
      <c r="J100" s="22">
        <v>18</v>
      </c>
      <c r="K100" s="21">
        <v>55</v>
      </c>
      <c r="L100" s="53">
        <v>24</v>
      </c>
      <c r="M100" s="54">
        <v>31</v>
      </c>
    </row>
    <row r="101" spans="1:13" ht="19.5" customHeight="1">
      <c r="A101" s="34" t="s">
        <v>104</v>
      </c>
      <c r="B101" s="17">
        <v>-315</v>
      </c>
      <c r="C101" s="18">
        <v>-208</v>
      </c>
      <c r="D101" s="18">
        <v>-107</v>
      </c>
      <c r="E101" s="17">
        <v>223</v>
      </c>
      <c r="F101" s="18">
        <v>152</v>
      </c>
      <c r="G101" s="19">
        <v>71</v>
      </c>
      <c r="H101" s="18">
        <v>187</v>
      </c>
      <c r="I101" s="18">
        <v>93</v>
      </c>
      <c r="J101" s="18">
        <v>94</v>
      </c>
      <c r="K101" s="17">
        <v>279</v>
      </c>
      <c r="L101" s="51">
        <v>149</v>
      </c>
      <c r="M101" s="52">
        <v>130</v>
      </c>
    </row>
    <row r="102" spans="1:13">
      <c r="A102" s="40" t="s">
        <v>105</v>
      </c>
      <c r="B102" s="21">
        <v>-47</v>
      </c>
      <c r="C102" s="22">
        <v>-26</v>
      </c>
      <c r="D102" s="22">
        <v>-21</v>
      </c>
      <c r="E102" s="21">
        <v>34</v>
      </c>
      <c r="F102" s="22">
        <v>27</v>
      </c>
      <c r="G102" s="23">
        <v>7</v>
      </c>
      <c r="H102" s="22">
        <v>51</v>
      </c>
      <c r="I102" s="22">
        <v>31</v>
      </c>
      <c r="J102" s="22">
        <v>20</v>
      </c>
      <c r="K102" s="21">
        <v>64</v>
      </c>
      <c r="L102" s="53">
        <v>30</v>
      </c>
      <c r="M102" s="54">
        <v>34</v>
      </c>
    </row>
    <row r="103" spans="1:13">
      <c r="A103" s="40" t="s">
        <v>106</v>
      </c>
      <c r="B103" s="21">
        <v>-62</v>
      </c>
      <c r="C103" s="22">
        <v>-36</v>
      </c>
      <c r="D103" s="22">
        <v>-26</v>
      </c>
      <c r="E103" s="21">
        <v>43</v>
      </c>
      <c r="F103" s="22">
        <v>26</v>
      </c>
      <c r="G103" s="23">
        <v>17</v>
      </c>
      <c r="H103" s="22">
        <v>47</v>
      </c>
      <c r="I103" s="22">
        <v>21</v>
      </c>
      <c r="J103" s="22">
        <v>26</v>
      </c>
      <c r="K103" s="21">
        <v>66</v>
      </c>
      <c r="L103" s="53">
        <v>31</v>
      </c>
      <c r="M103" s="54">
        <v>35</v>
      </c>
    </row>
    <row r="104" spans="1:13">
      <c r="A104" s="40" t="s">
        <v>107</v>
      </c>
      <c r="B104" s="21">
        <v>-93</v>
      </c>
      <c r="C104" s="22">
        <v>-68</v>
      </c>
      <c r="D104" s="22">
        <v>-25</v>
      </c>
      <c r="E104" s="21">
        <v>61</v>
      </c>
      <c r="F104" s="22">
        <v>39</v>
      </c>
      <c r="G104" s="23">
        <v>22</v>
      </c>
      <c r="H104" s="22">
        <v>37</v>
      </c>
      <c r="I104" s="22">
        <v>19</v>
      </c>
      <c r="J104" s="22">
        <v>18</v>
      </c>
      <c r="K104" s="21">
        <v>69</v>
      </c>
      <c r="L104" s="53">
        <v>48</v>
      </c>
      <c r="M104" s="54">
        <v>21</v>
      </c>
    </row>
    <row r="105" spans="1:13">
      <c r="A105" s="40" t="s">
        <v>108</v>
      </c>
      <c r="B105" s="21">
        <v>-42</v>
      </c>
      <c r="C105" s="22">
        <v>-29</v>
      </c>
      <c r="D105" s="22">
        <v>-13</v>
      </c>
      <c r="E105" s="21">
        <v>37</v>
      </c>
      <c r="F105" s="22">
        <v>25</v>
      </c>
      <c r="G105" s="23">
        <v>12</v>
      </c>
      <c r="H105" s="22">
        <v>28</v>
      </c>
      <c r="I105" s="22">
        <v>12</v>
      </c>
      <c r="J105" s="22">
        <v>16</v>
      </c>
      <c r="K105" s="21">
        <v>33</v>
      </c>
      <c r="L105" s="53">
        <v>16</v>
      </c>
      <c r="M105" s="54">
        <v>17</v>
      </c>
    </row>
    <row r="106" spans="1:13">
      <c r="A106" s="40" t="s">
        <v>109</v>
      </c>
      <c r="B106" s="21">
        <v>-71</v>
      </c>
      <c r="C106" s="22">
        <v>-49</v>
      </c>
      <c r="D106" s="22">
        <v>-22</v>
      </c>
      <c r="E106" s="21">
        <v>48</v>
      </c>
      <c r="F106" s="22">
        <v>35</v>
      </c>
      <c r="G106" s="23">
        <v>13</v>
      </c>
      <c r="H106" s="22">
        <v>24</v>
      </c>
      <c r="I106" s="22">
        <v>10</v>
      </c>
      <c r="J106" s="22">
        <v>14</v>
      </c>
      <c r="K106" s="21">
        <v>47</v>
      </c>
      <c r="L106" s="53">
        <v>24</v>
      </c>
      <c r="M106" s="54">
        <v>23</v>
      </c>
    </row>
    <row r="107" spans="1:13" ht="19.5" customHeight="1">
      <c r="A107" s="34" t="s">
        <v>110</v>
      </c>
      <c r="B107" s="17">
        <v>-305</v>
      </c>
      <c r="C107" s="18">
        <v>-202</v>
      </c>
      <c r="D107" s="18">
        <v>-103</v>
      </c>
      <c r="E107" s="17">
        <v>292</v>
      </c>
      <c r="F107" s="18">
        <v>191</v>
      </c>
      <c r="G107" s="19">
        <v>101</v>
      </c>
      <c r="H107" s="18">
        <v>169</v>
      </c>
      <c r="I107" s="18">
        <v>69</v>
      </c>
      <c r="J107" s="18">
        <v>100</v>
      </c>
      <c r="K107" s="17">
        <v>182</v>
      </c>
      <c r="L107" s="51">
        <v>80</v>
      </c>
      <c r="M107" s="52">
        <v>102</v>
      </c>
    </row>
    <row r="108" spans="1:13">
      <c r="A108" s="40" t="s">
        <v>111</v>
      </c>
      <c r="B108" s="21">
        <v>-52</v>
      </c>
      <c r="C108" s="22">
        <v>-39</v>
      </c>
      <c r="D108" s="22">
        <v>-13</v>
      </c>
      <c r="E108" s="21">
        <v>42</v>
      </c>
      <c r="F108" s="22">
        <v>28</v>
      </c>
      <c r="G108" s="23">
        <v>14</v>
      </c>
      <c r="H108" s="22">
        <v>28</v>
      </c>
      <c r="I108" s="22">
        <v>10</v>
      </c>
      <c r="J108" s="22">
        <v>18</v>
      </c>
      <c r="K108" s="21">
        <v>38</v>
      </c>
      <c r="L108" s="53">
        <v>21</v>
      </c>
      <c r="M108" s="54">
        <v>17</v>
      </c>
    </row>
    <row r="109" spans="1:13">
      <c r="A109" s="40" t="s">
        <v>112</v>
      </c>
      <c r="B109" s="21">
        <v>-52</v>
      </c>
      <c r="C109" s="22">
        <v>-31</v>
      </c>
      <c r="D109" s="22">
        <v>-21</v>
      </c>
      <c r="E109" s="21">
        <v>56</v>
      </c>
      <c r="F109" s="22">
        <v>36</v>
      </c>
      <c r="G109" s="23">
        <v>20</v>
      </c>
      <c r="H109" s="22">
        <v>45</v>
      </c>
      <c r="I109" s="22">
        <v>24</v>
      </c>
      <c r="J109" s="22">
        <v>21</v>
      </c>
      <c r="K109" s="21">
        <v>41</v>
      </c>
      <c r="L109" s="53">
        <v>19</v>
      </c>
      <c r="M109" s="54">
        <v>22</v>
      </c>
    </row>
    <row r="110" spans="1:13">
      <c r="A110" s="40" t="s">
        <v>113</v>
      </c>
      <c r="B110" s="21">
        <v>-62</v>
      </c>
      <c r="C110" s="22">
        <v>-43</v>
      </c>
      <c r="D110" s="22">
        <v>-19</v>
      </c>
      <c r="E110" s="21">
        <v>63</v>
      </c>
      <c r="F110" s="22">
        <v>43</v>
      </c>
      <c r="G110" s="23">
        <v>20</v>
      </c>
      <c r="H110" s="22">
        <v>33</v>
      </c>
      <c r="I110" s="22">
        <v>10</v>
      </c>
      <c r="J110" s="22">
        <v>23</v>
      </c>
      <c r="K110" s="21">
        <v>32</v>
      </c>
      <c r="L110" s="53">
        <v>10</v>
      </c>
      <c r="M110" s="54">
        <v>22</v>
      </c>
    </row>
    <row r="111" spans="1:13">
      <c r="A111" s="40" t="s">
        <v>114</v>
      </c>
      <c r="B111" s="21">
        <v>-65</v>
      </c>
      <c r="C111" s="22">
        <v>-46</v>
      </c>
      <c r="D111" s="22">
        <v>-19</v>
      </c>
      <c r="E111" s="21">
        <v>57</v>
      </c>
      <c r="F111" s="22">
        <v>40</v>
      </c>
      <c r="G111" s="23">
        <v>17</v>
      </c>
      <c r="H111" s="22">
        <v>28</v>
      </c>
      <c r="I111" s="22">
        <v>11</v>
      </c>
      <c r="J111" s="22">
        <v>17</v>
      </c>
      <c r="K111" s="21">
        <v>36</v>
      </c>
      <c r="L111" s="53">
        <v>17</v>
      </c>
      <c r="M111" s="54">
        <v>19</v>
      </c>
    </row>
    <row r="112" spans="1:13">
      <c r="A112" s="40" t="s">
        <v>115</v>
      </c>
      <c r="B112" s="21">
        <v>-74</v>
      </c>
      <c r="C112" s="22">
        <v>-43</v>
      </c>
      <c r="D112" s="22">
        <v>-31</v>
      </c>
      <c r="E112" s="21">
        <v>74</v>
      </c>
      <c r="F112" s="22">
        <v>44</v>
      </c>
      <c r="G112" s="23">
        <v>30</v>
      </c>
      <c r="H112" s="22">
        <v>35</v>
      </c>
      <c r="I112" s="22">
        <v>14</v>
      </c>
      <c r="J112" s="22">
        <v>21</v>
      </c>
      <c r="K112" s="21">
        <v>35</v>
      </c>
      <c r="L112" s="53">
        <v>13</v>
      </c>
      <c r="M112" s="54">
        <v>22</v>
      </c>
    </row>
    <row r="113" spans="1:13" ht="19.5" customHeight="1">
      <c r="A113" s="34" t="s">
        <v>116</v>
      </c>
      <c r="B113" s="17">
        <v>-362</v>
      </c>
      <c r="C113" s="18">
        <v>-217</v>
      </c>
      <c r="D113" s="18">
        <v>-145</v>
      </c>
      <c r="E113" s="17">
        <v>355</v>
      </c>
      <c r="F113" s="18">
        <v>207</v>
      </c>
      <c r="G113" s="19">
        <v>148</v>
      </c>
      <c r="H113" s="18">
        <v>153</v>
      </c>
      <c r="I113" s="18">
        <v>63</v>
      </c>
      <c r="J113" s="18">
        <v>90</v>
      </c>
      <c r="K113" s="17">
        <v>160</v>
      </c>
      <c r="L113" s="51">
        <v>73</v>
      </c>
      <c r="M113" s="52">
        <v>87</v>
      </c>
    </row>
    <row r="114" spans="1:13">
      <c r="A114" s="40" t="s">
        <v>117</v>
      </c>
      <c r="B114" s="21">
        <v>-68</v>
      </c>
      <c r="C114" s="22">
        <v>-41</v>
      </c>
      <c r="D114" s="22">
        <v>-27</v>
      </c>
      <c r="E114" s="21">
        <v>54</v>
      </c>
      <c r="F114" s="22">
        <v>33</v>
      </c>
      <c r="G114" s="23">
        <v>21</v>
      </c>
      <c r="H114" s="22">
        <v>26</v>
      </c>
      <c r="I114" s="22">
        <v>11</v>
      </c>
      <c r="J114" s="22">
        <v>15</v>
      </c>
      <c r="K114" s="21">
        <v>40</v>
      </c>
      <c r="L114" s="53">
        <v>19</v>
      </c>
      <c r="M114" s="54">
        <v>21</v>
      </c>
    </row>
    <row r="115" spans="1:13">
      <c r="A115" s="40" t="s">
        <v>118</v>
      </c>
      <c r="B115" s="21">
        <v>-61</v>
      </c>
      <c r="C115" s="22">
        <v>-36</v>
      </c>
      <c r="D115" s="22">
        <v>-25</v>
      </c>
      <c r="E115" s="21">
        <v>61</v>
      </c>
      <c r="F115" s="22">
        <v>37</v>
      </c>
      <c r="G115" s="23">
        <v>24</v>
      </c>
      <c r="H115" s="22">
        <v>26</v>
      </c>
      <c r="I115" s="22">
        <v>12</v>
      </c>
      <c r="J115" s="22">
        <v>14</v>
      </c>
      <c r="K115" s="21">
        <v>26</v>
      </c>
      <c r="L115" s="53">
        <v>11</v>
      </c>
      <c r="M115" s="54">
        <v>15</v>
      </c>
    </row>
    <row r="116" spans="1:13">
      <c r="A116" s="40" t="s">
        <v>119</v>
      </c>
      <c r="B116" s="21">
        <v>-69</v>
      </c>
      <c r="C116" s="22">
        <v>-39</v>
      </c>
      <c r="D116" s="22">
        <v>-30</v>
      </c>
      <c r="E116" s="21">
        <v>72</v>
      </c>
      <c r="F116" s="22">
        <v>38</v>
      </c>
      <c r="G116" s="23">
        <v>34</v>
      </c>
      <c r="H116" s="22">
        <v>37</v>
      </c>
      <c r="I116" s="22">
        <v>17</v>
      </c>
      <c r="J116" s="22">
        <v>20</v>
      </c>
      <c r="K116" s="21">
        <v>34</v>
      </c>
      <c r="L116" s="53">
        <v>18</v>
      </c>
      <c r="M116" s="54">
        <v>16</v>
      </c>
    </row>
    <row r="117" spans="1:13">
      <c r="A117" s="40" t="s">
        <v>120</v>
      </c>
      <c r="B117" s="21">
        <v>-71</v>
      </c>
      <c r="C117" s="22">
        <v>-45</v>
      </c>
      <c r="D117" s="22">
        <v>-26</v>
      </c>
      <c r="E117" s="21">
        <v>70</v>
      </c>
      <c r="F117" s="22">
        <v>42</v>
      </c>
      <c r="G117" s="23">
        <v>28</v>
      </c>
      <c r="H117" s="22">
        <v>24</v>
      </c>
      <c r="I117" s="22">
        <v>9</v>
      </c>
      <c r="J117" s="22">
        <v>15</v>
      </c>
      <c r="K117" s="21">
        <v>25</v>
      </c>
      <c r="L117" s="53">
        <v>12</v>
      </c>
      <c r="M117" s="54">
        <v>13</v>
      </c>
    </row>
    <row r="118" spans="1:13">
      <c r="A118" s="40" t="s">
        <v>121</v>
      </c>
      <c r="B118" s="21">
        <v>-93</v>
      </c>
      <c r="C118" s="22">
        <v>-56</v>
      </c>
      <c r="D118" s="22">
        <v>-37</v>
      </c>
      <c r="E118" s="21">
        <v>98</v>
      </c>
      <c r="F118" s="22">
        <v>57</v>
      </c>
      <c r="G118" s="23">
        <v>41</v>
      </c>
      <c r="H118" s="22">
        <v>40</v>
      </c>
      <c r="I118" s="22">
        <v>14</v>
      </c>
      <c r="J118" s="22">
        <v>26</v>
      </c>
      <c r="K118" s="21">
        <v>35</v>
      </c>
      <c r="L118" s="53">
        <v>13</v>
      </c>
      <c r="M118" s="54">
        <v>22</v>
      </c>
    </row>
    <row r="119" spans="1:13" ht="19.5" customHeight="1">
      <c r="A119" s="34" t="s">
        <v>122</v>
      </c>
      <c r="B119" s="17">
        <v>-465</v>
      </c>
      <c r="C119" s="18">
        <v>-239</v>
      </c>
      <c r="D119" s="18">
        <v>-226</v>
      </c>
      <c r="E119" s="17">
        <v>494</v>
      </c>
      <c r="F119" s="18">
        <v>256</v>
      </c>
      <c r="G119" s="19">
        <v>238</v>
      </c>
      <c r="H119" s="18">
        <v>151</v>
      </c>
      <c r="I119" s="18">
        <v>51</v>
      </c>
      <c r="J119" s="18">
        <v>100</v>
      </c>
      <c r="K119" s="17">
        <v>122</v>
      </c>
      <c r="L119" s="51">
        <v>34</v>
      </c>
      <c r="M119" s="52">
        <v>88</v>
      </c>
    </row>
    <row r="120" spans="1:13">
      <c r="A120" s="40" t="s">
        <v>123</v>
      </c>
      <c r="B120" s="21">
        <v>-90</v>
      </c>
      <c r="C120" s="22">
        <v>-44</v>
      </c>
      <c r="D120" s="22">
        <v>-46</v>
      </c>
      <c r="E120" s="21">
        <v>84</v>
      </c>
      <c r="F120" s="22">
        <v>39</v>
      </c>
      <c r="G120" s="23">
        <v>45</v>
      </c>
      <c r="H120" s="22">
        <v>27</v>
      </c>
      <c r="I120" s="22">
        <v>11</v>
      </c>
      <c r="J120" s="22">
        <v>16</v>
      </c>
      <c r="K120" s="21">
        <v>33</v>
      </c>
      <c r="L120" s="53">
        <v>16</v>
      </c>
      <c r="M120" s="54">
        <v>17</v>
      </c>
    </row>
    <row r="121" spans="1:13">
      <c r="A121" s="40" t="s">
        <v>124</v>
      </c>
      <c r="B121" s="21">
        <v>-103</v>
      </c>
      <c r="C121" s="22">
        <v>-63</v>
      </c>
      <c r="D121" s="22">
        <v>-40</v>
      </c>
      <c r="E121" s="21">
        <v>106</v>
      </c>
      <c r="F121" s="22">
        <v>68</v>
      </c>
      <c r="G121" s="23">
        <v>38</v>
      </c>
      <c r="H121" s="22">
        <v>27</v>
      </c>
      <c r="I121" s="22">
        <v>10</v>
      </c>
      <c r="J121" s="22">
        <v>17</v>
      </c>
      <c r="K121" s="21">
        <v>24</v>
      </c>
      <c r="L121" s="53">
        <v>5</v>
      </c>
      <c r="M121" s="54">
        <v>19</v>
      </c>
    </row>
    <row r="122" spans="1:13">
      <c r="A122" s="40" t="s">
        <v>125</v>
      </c>
      <c r="B122" s="21">
        <v>-99</v>
      </c>
      <c r="C122" s="22">
        <v>-51</v>
      </c>
      <c r="D122" s="22">
        <v>-48</v>
      </c>
      <c r="E122" s="21">
        <v>105</v>
      </c>
      <c r="F122" s="22">
        <v>56</v>
      </c>
      <c r="G122" s="23">
        <v>49</v>
      </c>
      <c r="H122" s="22">
        <v>29</v>
      </c>
      <c r="I122" s="22">
        <v>11</v>
      </c>
      <c r="J122" s="22">
        <v>18</v>
      </c>
      <c r="K122" s="21">
        <v>23</v>
      </c>
      <c r="L122" s="53">
        <v>6</v>
      </c>
      <c r="M122" s="54">
        <v>17</v>
      </c>
    </row>
    <row r="123" spans="1:13">
      <c r="A123" s="40" t="s">
        <v>126</v>
      </c>
      <c r="B123" s="21">
        <v>-78</v>
      </c>
      <c r="C123" s="22">
        <v>-35</v>
      </c>
      <c r="D123" s="22">
        <v>-43</v>
      </c>
      <c r="E123" s="21">
        <v>101</v>
      </c>
      <c r="F123" s="22">
        <v>44</v>
      </c>
      <c r="G123" s="23">
        <v>57</v>
      </c>
      <c r="H123" s="22">
        <v>42</v>
      </c>
      <c r="I123" s="22">
        <v>9</v>
      </c>
      <c r="J123" s="22">
        <v>33</v>
      </c>
      <c r="K123" s="21">
        <v>19</v>
      </c>
      <c r="L123" s="53">
        <v>0</v>
      </c>
      <c r="M123" s="54">
        <v>19</v>
      </c>
    </row>
    <row r="124" spans="1:13">
      <c r="A124" s="40" t="s">
        <v>127</v>
      </c>
      <c r="B124" s="21">
        <v>-95</v>
      </c>
      <c r="C124" s="22">
        <v>-46</v>
      </c>
      <c r="D124" s="22">
        <v>-49</v>
      </c>
      <c r="E124" s="21">
        <v>98</v>
      </c>
      <c r="F124" s="22">
        <v>49</v>
      </c>
      <c r="G124" s="23">
        <v>49</v>
      </c>
      <c r="H124" s="22">
        <v>26</v>
      </c>
      <c r="I124" s="22">
        <v>10</v>
      </c>
      <c r="J124" s="22">
        <v>16</v>
      </c>
      <c r="K124" s="21">
        <v>23</v>
      </c>
      <c r="L124" s="53">
        <v>7</v>
      </c>
      <c r="M124" s="54">
        <v>16</v>
      </c>
    </row>
    <row r="125" spans="1:13" ht="19.5" customHeight="1">
      <c r="A125" s="34" t="s">
        <v>128</v>
      </c>
      <c r="B125" s="17">
        <v>-442</v>
      </c>
      <c r="C125" s="18">
        <v>-170</v>
      </c>
      <c r="D125" s="18">
        <v>-272</v>
      </c>
      <c r="E125" s="17">
        <v>454</v>
      </c>
      <c r="F125" s="18">
        <v>165</v>
      </c>
      <c r="G125" s="19">
        <v>289</v>
      </c>
      <c r="H125" s="18">
        <v>77</v>
      </c>
      <c r="I125" s="18">
        <v>20</v>
      </c>
      <c r="J125" s="18">
        <v>57</v>
      </c>
      <c r="K125" s="17">
        <v>65</v>
      </c>
      <c r="L125" s="51">
        <v>25</v>
      </c>
      <c r="M125" s="52">
        <v>40</v>
      </c>
    </row>
    <row r="126" spans="1:13">
      <c r="A126" s="40" t="s">
        <v>129</v>
      </c>
      <c r="B126" s="21">
        <v>-101</v>
      </c>
      <c r="C126" s="22">
        <v>-51</v>
      </c>
      <c r="D126" s="22">
        <v>-50</v>
      </c>
      <c r="E126" s="21">
        <v>105</v>
      </c>
      <c r="F126" s="22">
        <v>50</v>
      </c>
      <c r="G126" s="23">
        <v>55</v>
      </c>
      <c r="H126" s="22">
        <v>28</v>
      </c>
      <c r="I126" s="22">
        <v>9</v>
      </c>
      <c r="J126" s="22">
        <v>19</v>
      </c>
      <c r="K126" s="21">
        <v>24</v>
      </c>
      <c r="L126" s="53">
        <v>10</v>
      </c>
      <c r="M126" s="54">
        <v>14</v>
      </c>
    </row>
    <row r="127" spans="1:13">
      <c r="A127" s="40" t="s">
        <v>130</v>
      </c>
      <c r="B127" s="21">
        <v>-95</v>
      </c>
      <c r="C127" s="22">
        <v>-39</v>
      </c>
      <c r="D127" s="22">
        <v>-56</v>
      </c>
      <c r="E127" s="21">
        <v>98</v>
      </c>
      <c r="F127" s="22">
        <v>40</v>
      </c>
      <c r="G127" s="23">
        <v>58</v>
      </c>
      <c r="H127" s="22">
        <v>18</v>
      </c>
      <c r="I127" s="22">
        <v>5</v>
      </c>
      <c r="J127" s="22">
        <v>13</v>
      </c>
      <c r="K127" s="21">
        <v>15</v>
      </c>
      <c r="L127" s="53">
        <v>4</v>
      </c>
      <c r="M127" s="54">
        <v>11</v>
      </c>
    </row>
    <row r="128" spans="1:13">
      <c r="A128" s="40" t="s">
        <v>131</v>
      </c>
      <c r="B128" s="21">
        <v>-90</v>
      </c>
      <c r="C128" s="22">
        <v>-28</v>
      </c>
      <c r="D128" s="22">
        <v>-62</v>
      </c>
      <c r="E128" s="21">
        <v>91</v>
      </c>
      <c r="F128" s="22">
        <v>24</v>
      </c>
      <c r="G128" s="23">
        <v>67</v>
      </c>
      <c r="H128" s="22">
        <v>13</v>
      </c>
      <c r="I128" s="22">
        <v>3</v>
      </c>
      <c r="J128" s="22">
        <v>10</v>
      </c>
      <c r="K128" s="21">
        <v>12</v>
      </c>
      <c r="L128" s="53">
        <v>7</v>
      </c>
      <c r="M128" s="54">
        <v>5</v>
      </c>
    </row>
    <row r="129" spans="1:13">
      <c r="A129" s="40" t="s">
        <v>132</v>
      </c>
      <c r="B129" s="21">
        <v>-80</v>
      </c>
      <c r="C129" s="22">
        <v>-31</v>
      </c>
      <c r="D129" s="22">
        <v>-49</v>
      </c>
      <c r="E129" s="21">
        <v>82</v>
      </c>
      <c r="F129" s="22">
        <v>30</v>
      </c>
      <c r="G129" s="23">
        <v>52</v>
      </c>
      <c r="H129" s="22">
        <v>10</v>
      </c>
      <c r="I129" s="22">
        <v>2</v>
      </c>
      <c r="J129" s="22">
        <v>8</v>
      </c>
      <c r="K129" s="21">
        <v>8</v>
      </c>
      <c r="L129" s="53">
        <v>3</v>
      </c>
      <c r="M129" s="54">
        <v>5</v>
      </c>
    </row>
    <row r="130" spans="1:13">
      <c r="A130" s="40" t="s">
        <v>133</v>
      </c>
      <c r="B130" s="21">
        <v>-76</v>
      </c>
      <c r="C130" s="22">
        <v>-21</v>
      </c>
      <c r="D130" s="22">
        <v>-55</v>
      </c>
      <c r="E130" s="21">
        <v>78</v>
      </c>
      <c r="F130" s="22">
        <v>21</v>
      </c>
      <c r="G130" s="23">
        <v>57</v>
      </c>
      <c r="H130" s="22">
        <v>8</v>
      </c>
      <c r="I130" s="22">
        <v>1</v>
      </c>
      <c r="J130" s="22">
        <v>7</v>
      </c>
      <c r="K130" s="21">
        <v>6</v>
      </c>
      <c r="L130" s="53">
        <v>1</v>
      </c>
      <c r="M130" s="54">
        <v>5</v>
      </c>
    </row>
    <row r="131" spans="1:13" ht="19.5" customHeight="1">
      <c r="A131" s="34" t="s">
        <v>134</v>
      </c>
      <c r="B131" s="17">
        <v>-200</v>
      </c>
      <c r="C131" s="18">
        <v>-72</v>
      </c>
      <c r="D131" s="18">
        <v>-128</v>
      </c>
      <c r="E131" s="17">
        <v>193</v>
      </c>
      <c r="F131" s="18">
        <v>69</v>
      </c>
      <c r="G131" s="19">
        <v>124</v>
      </c>
      <c r="H131" s="18">
        <v>13</v>
      </c>
      <c r="I131" s="18">
        <v>0</v>
      </c>
      <c r="J131" s="18">
        <v>13</v>
      </c>
      <c r="K131" s="17">
        <v>20</v>
      </c>
      <c r="L131" s="51">
        <v>3</v>
      </c>
      <c r="M131" s="52">
        <v>17</v>
      </c>
    </row>
    <row r="132" spans="1:13">
      <c r="A132" s="40" t="s">
        <v>135</v>
      </c>
      <c r="B132" s="21">
        <v>-57</v>
      </c>
      <c r="C132" s="22">
        <v>-24</v>
      </c>
      <c r="D132" s="22">
        <v>-33</v>
      </c>
      <c r="E132" s="21">
        <v>52</v>
      </c>
      <c r="F132" s="22">
        <v>23</v>
      </c>
      <c r="G132" s="23">
        <v>29</v>
      </c>
      <c r="H132" s="22">
        <v>5</v>
      </c>
      <c r="I132" s="22">
        <v>0</v>
      </c>
      <c r="J132" s="22">
        <v>5</v>
      </c>
      <c r="K132" s="21">
        <v>10</v>
      </c>
      <c r="L132" s="53">
        <v>1</v>
      </c>
      <c r="M132" s="54">
        <v>9</v>
      </c>
    </row>
    <row r="133" spans="1:13">
      <c r="A133" s="40" t="s">
        <v>136</v>
      </c>
      <c r="B133" s="21">
        <v>-43</v>
      </c>
      <c r="C133" s="22">
        <v>-22</v>
      </c>
      <c r="D133" s="22">
        <v>-21</v>
      </c>
      <c r="E133" s="21">
        <v>43</v>
      </c>
      <c r="F133" s="22">
        <v>22</v>
      </c>
      <c r="G133" s="23">
        <v>21</v>
      </c>
      <c r="H133" s="22">
        <v>2</v>
      </c>
      <c r="I133" s="22">
        <v>0</v>
      </c>
      <c r="J133" s="22">
        <v>2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39</v>
      </c>
      <c r="C134" s="22">
        <v>-9</v>
      </c>
      <c r="D134" s="22">
        <v>-30</v>
      </c>
      <c r="E134" s="21">
        <v>39</v>
      </c>
      <c r="F134" s="22">
        <v>9</v>
      </c>
      <c r="G134" s="23">
        <v>30</v>
      </c>
      <c r="H134" s="22">
        <v>2</v>
      </c>
      <c r="I134" s="22">
        <v>0</v>
      </c>
      <c r="J134" s="22">
        <v>2</v>
      </c>
      <c r="K134" s="21">
        <v>2</v>
      </c>
      <c r="L134" s="53">
        <v>0</v>
      </c>
      <c r="M134" s="54">
        <v>2</v>
      </c>
    </row>
    <row r="135" spans="1:13">
      <c r="A135" s="40" t="s">
        <v>138</v>
      </c>
      <c r="B135" s="21">
        <v>-35</v>
      </c>
      <c r="C135" s="22">
        <v>-8</v>
      </c>
      <c r="D135" s="22">
        <v>-27</v>
      </c>
      <c r="E135" s="21">
        <v>32</v>
      </c>
      <c r="F135" s="22">
        <v>7</v>
      </c>
      <c r="G135" s="23">
        <v>25</v>
      </c>
      <c r="H135" s="22">
        <v>2</v>
      </c>
      <c r="I135" s="22">
        <v>0</v>
      </c>
      <c r="J135" s="22">
        <v>2</v>
      </c>
      <c r="K135" s="21">
        <v>5</v>
      </c>
      <c r="L135" s="53">
        <v>1</v>
      </c>
      <c r="M135" s="54">
        <v>4</v>
      </c>
    </row>
    <row r="136" spans="1:13">
      <c r="A136" s="40" t="s">
        <v>139</v>
      </c>
      <c r="B136" s="21">
        <v>-26</v>
      </c>
      <c r="C136" s="22">
        <v>-9</v>
      </c>
      <c r="D136" s="22">
        <v>-17</v>
      </c>
      <c r="E136" s="21">
        <v>27</v>
      </c>
      <c r="F136" s="22">
        <v>8</v>
      </c>
      <c r="G136" s="23">
        <v>19</v>
      </c>
      <c r="H136" s="22">
        <v>2</v>
      </c>
      <c r="I136" s="22">
        <v>0</v>
      </c>
      <c r="J136" s="22">
        <v>2</v>
      </c>
      <c r="K136" s="21">
        <v>1</v>
      </c>
      <c r="L136" s="53">
        <v>1</v>
      </c>
      <c r="M136" s="54">
        <v>0</v>
      </c>
    </row>
    <row r="137" spans="1:13" ht="19.5" customHeight="1">
      <c r="A137" s="41" t="s">
        <v>140</v>
      </c>
      <c r="B137" s="42">
        <v>-56</v>
      </c>
      <c r="C137" s="43">
        <v>-10</v>
      </c>
      <c r="D137" s="43">
        <v>-46</v>
      </c>
      <c r="E137" s="42">
        <v>57</v>
      </c>
      <c r="F137" s="43">
        <v>10</v>
      </c>
      <c r="G137" s="44">
        <v>47</v>
      </c>
      <c r="H137" s="43">
        <v>3</v>
      </c>
      <c r="I137" s="43">
        <v>0</v>
      </c>
      <c r="J137" s="43">
        <v>3</v>
      </c>
      <c r="K137" s="42">
        <v>2</v>
      </c>
      <c r="L137" s="67">
        <v>0</v>
      </c>
      <c r="M137" s="68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4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1514</v>
      </c>
      <c r="C5" s="14">
        <v>646</v>
      </c>
      <c r="D5" s="14">
        <v>868</v>
      </c>
      <c r="E5" s="13">
        <v>2443</v>
      </c>
      <c r="F5" s="14">
        <v>1297</v>
      </c>
      <c r="G5" s="15">
        <v>1146</v>
      </c>
      <c r="H5" s="14">
        <v>14301</v>
      </c>
      <c r="I5" s="14">
        <v>7431</v>
      </c>
      <c r="J5" s="14">
        <v>6870</v>
      </c>
      <c r="K5" s="13">
        <v>12548</v>
      </c>
      <c r="L5" s="49">
        <v>6580</v>
      </c>
      <c r="M5" s="50">
        <v>5968</v>
      </c>
    </row>
    <row r="6" spans="1:13" ht="19.5" customHeight="1">
      <c r="A6" s="16" t="s">
        <v>13</v>
      </c>
      <c r="B6" s="17">
        <v>2364</v>
      </c>
      <c r="C6" s="18">
        <v>1174</v>
      </c>
      <c r="D6" s="18">
        <v>1190</v>
      </c>
      <c r="E6" s="17">
        <v>4</v>
      </c>
      <c r="F6" s="18">
        <v>4</v>
      </c>
      <c r="G6" s="19">
        <v>0</v>
      </c>
      <c r="H6" s="18">
        <v>971</v>
      </c>
      <c r="I6" s="18">
        <v>506</v>
      </c>
      <c r="J6" s="18">
        <v>465</v>
      </c>
      <c r="K6" s="17">
        <v>807</v>
      </c>
      <c r="L6" s="51">
        <v>420</v>
      </c>
      <c r="M6" s="52">
        <v>387</v>
      </c>
    </row>
    <row r="7" spans="1:13">
      <c r="A7" s="20" t="s">
        <v>14</v>
      </c>
      <c r="B7" s="21">
        <v>2216</v>
      </c>
      <c r="C7" s="22">
        <v>1089</v>
      </c>
      <c r="D7" s="22">
        <v>1127</v>
      </c>
      <c r="E7" s="21">
        <v>4</v>
      </c>
      <c r="F7" s="22">
        <v>4</v>
      </c>
      <c r="G7" s="23">
        <v>0</v>
      </c>
      <c r="H7" s="22">
        <v>138</v>
      </c>
      <c r="I7" s="22">
        <v>66</v>
      </c>
      <c r="J7" s="22">
        <v>72</v>
      </c>
      <c r="K7" s="21">
        <v>122</v>
      </c>
      <c r="L7" s="53">
        <v>65</v>
      </c>
      <c r="M7" s="54">
        <v>57</v>
      </c>
    </row>
    <row r="8" spans="1:13">
      <c r="A8" s="20" t="s">
        <v>15</v>
      </c>
      <c r="B8" s="21">
        <v>54</v>
      </c>
      <c r="C8" s="22">
        <v>30</v>
      </c>
      <c r="D8" s="22">
        <v>24</v>
      </c>
      <c r="E8" s="21">
        <v>0</v>
      </c>
      <c r="F8" s="22">
        <v>0</v>
      </c>
      <c r="G8" s="23">
        <v>0</v>
      </c>
      <c r="H8" s="22">
        <v>290</v>
      </c>
      <c r="I8" s="22">
        <v>158</v>
      </c>
      <c r="J8" s="22">
        <v>132</v>
      </c>
      <c r="K8" s="21">
        <v>236</v>
      </c>
      <c r="L8" s="53">
        <v>128</v>
      </c>
      <c r="M8" s="54">
        <v>108</v>
      </c>
    </row>
    <row r="9" spans="1:13">
      <c r="A9" s="20" t="s">
        <v>16</v>
      </c>
      <c r="B9" s="21">
        <v>66</v>
      </c>
      <c r="C9" s="22">
        <v>26</v>
      </c>
      <c r="D9" s="22">
        <v>40</v>
      </c>
      <c r="E9" s="21">
        <v>0</v>
      </c>
      <c r="F9" s="22">
        <v>0</v>
      </c>
      <c r="G9" s="23">
        <v>0</v>
      </c>
      <c r="H9" s="22">
        <v>228</v>
      </c>
      <c r="I9" s="22">
        <v>112</v>
      </c>
      <c r="J9" s="22">
        <v>116</v>
      </c>
      <c r="K9" s="21">
        <v>162</v>
      </c>
      <c r="L9" s="53">
        <v>86</v>
      </c>
      <c r="M9" s="54">
        <v>76</v>
      </c>
    </row>
    <row r="10" spans="1:13">
      <c r="A10" s="20" t="s">
        <v>17</v>
      </c>
      <c r="B10" s="21">
        <v>24</v>
      </c>
      <c r="C10" s="22">
        <v>17</v>
      </c>
      <c r="D10" s="22">
        <v>7</v>
      </c>
      <c r="E10" s="21">
        <v>0</v>
      </c>
      <c r="F10" s="22">
        <v>0</v>
      </c>
      <c r="G10" s="23">
        <v>0</v>
      </c>
      <c r="H10" s="22">
        <v>185</v>
      </c>
      <c r="I10" s="22">
        <v>95</v>
      </c>
      <c r="J10" s="22">
        <v>90</v>
      </c>
      <c r="K10" s="21">
        <v>161</v>
      </c>
      <c r="L10" s="53">
        <v>78</v>
      </c>
      <c r="M10" s="54">
        <v>83</v>
      </c>
    </row>
    <row r="11" spans="1:13">
      <c r="A11" s="20" t="s">
        <v>18</v>
      </c>
      <c r="B11" s="21">
        <v>4</v>
      </c>
      <c r="C11" s="22">
        <v>12</v>
      </c>
      <c r="D11" s="22">
        <v>-8</v>
      </c>
      <c r="E11" s="21">
        <v>0</v>
      </c>
      <c r="F11" s="22">
        <v>0</v>
      </c>
      <c r="G11" s="23">
        <v>0</v>
      </c>
      <c r="H11" s="22">
        <v>130</v>
      </c>
      <c r="I11" s="22">
        <v>75</v>
      </c>
      <c r="J11" s="22">
        <v>55</v>
      </c>
      <c r="K11" s="21">
        <v>126</v>
      </c>
      <c r="L11" s="53">
        <v>63</v>
      </c>
      <c r="M11" s="54">
        <v>63</v>
      </c>
    </row>
    <row r="12" spans="1:13" ht="20.100000000000001" customHeight="1">
      <c r="A12" s="16" t="s">
        <v>19</v>
      </c>
      <c r="B12" s="17">
        <v>119</v>
      </c>
      <c r="C12" s="18">
        <v>62</v>
      </c>
      <c r="D12" s="18">
        <v>57</v>
      </c>
      <c r="E12" s="17">
        <v>1</v>
      </c>
      <c r="F12" s="18">
        <v>0</v>
      </c>
      <c r="G12" s="19">
        <v>1</v>
      </c>
      <c r="H12" s="18">
        <v>497</v>
      </c>
      <c r="I12" s="18">
        <v>246</v>
      </c>
      <c r="J12" s="18">
        <v>251</v>
      </c>
      <c r="K12" s="17">
        <v>377</v>
      </c>
      <c r="L12" s="51">
        <v>184</v>
      </c>
      <c r="M12" s="52">
        <v>193</v>
      </c>
    </row>
    <row r="13" spans="1:13">
      <c r="A13" s="20" t="s">
        <v>20</v>
      </c>
      <c r="B13" s="21">
        <v>26</v>
      </c>
      <c r="C13" s="22">
        <v>7</v>
      </c>
      <c r="D13" s="22">
        <v>19</v>
      </c>
      <c r="E13" s="21">
        <v>0</v>
      </c>
      <c r="F13" s="22">
        <v>0</v>
      </c>
      <c r="G13" s="23">
        <v>0</v>
      </c>
      <c r="H13" s="22">
        <v>112</v>
      </c>
      <c r="I13" s="22">
        <v>54</v>
      </c>
      <c r="J13" s="22">
        <v>58</v>
      </c>
      <c r="K13" s="21">
        <v>86</v>
      </c>
      <c r="L13" s="53">
        <v>47</v>
      </c>
      <c r="M13" s="54">
        <v>39</v>
      </c>
    </row>
    <row r="14" spans="1:13">
      <c r="A14" s="20" t="s">
        <v>21</v>
      </c>
      <c r="B14" s="21">
        <v>9</v>
      </c>
      <c r="C14" s="22">
        <v>-5</v>
      </c>
      <c r="D14" s="22">
        <v>14</v>
      </c>
      <c r="E14" s="21">
        <v>1</v>
      </c>
      <c r="F14" s="22">
        <v>0</v>
      </c>
      <c r="G14" s="23">
        <v>1</v>
      </c>
      <c r="H14" s="22">
        <v>117</v>
      </c>
      <c r="I14" s="22">
        <v>53</v>
      </c>
      <c r="J14" s="22">
        <v>64</v>
      </c>
      <c r="K14" s="21">
        <v>107</v>
      </c>
      <c r="L14" s="53">
        <v>58</v>
      </c>
      <c r="M14" s="54">
        <v>49</v>
      </c>
    </row>
    <row r="15" spans="1:13">
      <c r="A15" s="20" t="s">
        <v>22</v>
      </c>
      <c r="B15" s="21">
        <v>32</v>
      </c>
      <c r="C15" s="22">
        <v>26</v>
      </c>
      <c r="D15" s="22">
        <v>6</v>
      </c>
      <c r="E15" s="21">
        <v>0</v>
      </c>
      <c r="F15" s="22">
        <v>0</v>
      </c>
      <c r="G15" s="23">
        <v>0</v>
      </c>
      <c r="H15" s="22">
        <v>114</v>
      </c>
      <c r="I15" s="22">
        <v>61</v>
      </c>
      <c r="J15" s="22">
        <v>53</v>
      </c>
      <c r="K15" s="21">
        <v>82</v>
      </c>
      <c r="L15" s="53">
        <v>35</v>
      </c>
      <c r="M15" s="54">
        <v>47</v>
      </c>
    </row>
    <row r="16" spans="1:13">
      <c r="A16" s="20" t="s">
        <v>23</v>
      </c>
      <c r="B16" s="21">
        <v>27</v>
      </c>
      <c r="C16" s="22">
        <v>19</v>
      </c>
      <c r="D16" s="22">
        <v>8</v>
      </c>
      <c r="E16" s="21">
        <v>0</v>
      </c>
      <c r="F16" s="22">
        <v>0</v>
      </c>
      <c r="G16" s="23">
        <v>0</v>
      </c>
      <c r="H16" s="22">
        <v>81</v>
      </c>
      <c r="I16" s="22">
        <v>45</v>
      </c>
      <c r="J16" s="22">
        <v>36</v>
      </c>
      <c r="K16" s="21">
        <v>54</v>
      </c>
      <c r="L16" s="53">
        <v>26</v>
      </c>
      <c r="M16" s="54">
        <v>28</v>
      </c>
    </row>
    <row r="17" spans="1:13">
      <c r="A17" s="20" t="s">
        <v>24</v>
      </c>
      <c r="B17" s="21">
        <v>25</v>
      </c>
      <c r="C17" s="22">
        <v>15</v>
      </c>
      <c r="D17" s="22">
        <v>10</v>
      </c>
      <c r="E17" s="21">
        <v>0</v>
      </c>
      <c r="F17" s="22">
        <v>0</v>
      </c>
      <c r="G17" s="23">
        <v>0</v>
      </c>
      <c r="H17" s="22">
        <v>73</v>
      </c>
      <c r="I17" s="22">
        <v>33</v>
      </c>
      <c r="J17" s="22">
        <v>40</v>
      </c>
      <c r="K17" s="21">
        <v>48</v>
      </c>
      <c r="L17" s="53">
        <v>18</v>
      </c>
      <c r="M17" s="54">
        <v>30</v>
      </c>
    </row>
    <row r="18" spans="1:13" ht="20.100000000000001" customHeight="1">
      <c r="A18" s="16" t="s">
        <v>25</v>
      </c>
      <c r="B18" s="17">
        <v>66</v>
      </c>
      <c r="C18" s="18">
        <v>34</v>
      </c>
      <c r="D18" s="18">
        <v>32</v>
      </c>
      <c r="E18" s="17">
        <v>1</v>
      </c>
      <c r="F18" s="18">
        <v>0</v>
      </c>
      <c r="G18" s="19">
        <v>1</v>
      </c>
      <c r="H18" s="18">
        <v>298</v>
      </c>
      <c r="I18" s="18">
        <v>149</v>
      </c>
      <c r="J18" s="18">
        <v>149</v>
      </c>
      <c r="K18" s="17">
        <v>231</v>
      </c>
      <c r="L18" s="51">
        <v>115</v>
      </c>
      <c r="M18" s="52">
        <v>116</v>
      </c>
    </row>
    <row r="19" spans="1:13">
      <c r="A19" s="20" t="s">
        <v>26</v>
      </c>
      <c r="B19" s="21">
        <v>8</v>
      </c>
      <c r="C19" s="22">
        <v>-2</v>
      </c>
      <c r="D19" s="22">
        <v>10</v>
      </c>
      <c r="E19" s="21">
        <v>1</v>
      </c>
      <c r="F19" s="22">
        <v>0</v>
      </c>
      <c r="G19" s="23">
        <v>1</v>
      </c>
      <c r="H19" s="22">
        <v>58</v>
      </c>
      <c r="I19" s="22">
        <v>26</v>
      </c>
      <c r="J19" s="22">
        <v>32</v>
      </c>
      <c r="K19" s="21">
        <v>49</v>
      </c>
      <c r="L19" s="53">
        <v>28</v>
      </c>
      <c r="M19" s="54">
        <v>21</v>
      </c>
    </row>
    <row r="20" spans="1:13">
      <c r="A20" s="20" t="s">
        <v>27</v>
      </c>
      <c r="B20" s="21">
        <v>17</v>
      </c>
      <c r="C20" s="22">
        <v>7</v>
      </c>
      <c r="D20" s="22">
        <v>10</v>
      </c>
      <c r="E20" s="21">
        <v>0</v>
      </c>
      <c r="F20" s="22">
        <v>0</v>
      </c>
      <c r="G20" s="23">
        <v>0</v>
      </c>
      <c r="H20" s="22">
        <v>59</v>
      </c>
      <c r="I20" s="22">
        <v>29</v>
      </c>
      <c r="J20" s="22">
        <v>30</v>
      </c>
      <c r="K20" s="21">
        <v>42</v>
      </c>
      <c r="L20" s="53">
        <v>22</v>
      </c>
      <c r="M20" s="54">
        <v>20</v>
      </c>
    </row>
    <row r="21" spans="1:13">
      <c r="A21" s="20" t="s">
        <v>28</v>
      </c>
      <c r="B21" s="21">
        <v>23</v>
      </c>
      <c r="C21" s="22">
        <v>16</v>
      </c>
      <c r="D21" s="22">
        <v>7</v>
      </c>
      <c r="E21" s="21">
        <v>0</v>
      </c>
      <c r="F21" s="22">
        <v>0</v>
      </c>
      <c r="G21" s="23">
        <v>0</v>
      </c>
      <c r="H21" s="22">
        <v>66</v>
      </c>
      <c r="I21" s="22">
        <v>36</v>
      </c>
      <c r="J21" s="22">
        <v>30</v>
      </c>
      <c r="K21" s="21">
        <v>43</v>
      </c>
      <c r="L21" s="53">
        <v>20</v>
      </c>
      <c r="M21" s="54">
        <v>23</v>
      </c>
    </row>
    <row r="22" spans="1:13">
      <c r="A22" s="20" t="s">
        <v>29</v>
      </c>
      <c r="B22" s="21">
        <v>15</v>
      </c>
      <c r="C22" s="22">
        <v>12</v>
      </c>
      <c r="D22" s="22">
        <v>3</v>
      </c>
      <c r="E22" s="21">
        <v>0</v>
      </c>
      <c r="F22" s="22">
        <v>0</v>
      </c>
      <c r="G22" s="23">
        <v>0</v>
      </c>
      <c r="H22" s="22">
        <v>80</v>
      </c>
      <c r="I22" s="22">
        <v>38</v>
      </c>
      <c r="J22" s="22">
        <v>42</v>
      </c>
      <c r="K22" s="21">
        <v>65</v>
      </c>
      <c r="L22" s="53">
        <v>26</v>
      </c>
      <c r="M22" s="54">
        <v>39</v>
      </c>
    </row>
    <row r="23" spans="1:13">
      <c r="A23" s="20" t="s">
        <v>30</v>
      </c>
      <c r="B23" s="21">
        <v>3</v>
      </c>
      <c r="C23" s="22">
        <v>1</v>
      </c>
      <c r="D23" s="22">
        <v>2</v>
      </c>
      <c r="E23" s="21">
        <v>0</v>
      </c>
      <c r="F23" s="22">
        <v>0</v>
      </c>
      <c r="G23" s="23">
        <v>0</v>
      </c>
      <c r="H23" s="22">
        <v>35</v>
      </c>
      <c r="I23" s="22">
        <v>20</v>
      </c>
      <c r="J23" s="22">
        <v>15</v>
      </c>
      <c r="K23" s="21">
        <v>32</v>
      </c>
      <c r="L23" s="53">
        <v>19</v>
      </c>
      <c r="M23" s="54">
        <v>13</v>
      </c>
    </row>
    <row r="24" spans="1:13" ht="20.100000000000001" customHeight="1">
      <c r="A24" s="16" t="s">
        <v>31</v>
      </c>
      <c r="B24" s="17">
        <v>152</v>
      </c>
      <c r="C24" s="18">
        <v>64</v>
      </c>
      <c r="D24" s="18">
        <v>88</v>
      </c>
      <c r="E24" s="17">
        <v>3</v>
      </c>
      <c r="F24" s="18">
        <v>3</v>
      </c>
      <c r="G24" s="19">
        <v>0</v>
      </c>
      <c r="H24" s="18">
        <v>506</v>
      </c>
      <c r="I24" s="18">
        <v>253</v>
      </c>
      <c r="J24" s="18">
        <v>253</v>
      </c>
      <c r="K24" s="17">
        <v>351</v>
      </c>
      <c r="L24" s="51">
        <v>186</v>
      </c>
      <c r="M24" s="52">
        <v>165</v>
      </c>
    </row>
    <row r="25" spans="1:13">
      <c r="A25" s="20" t="s">
        <v>32</v>
      </c>
      <c r="B25" s="21">
        <v>2</v>
      </c>
      <c r="C25" s="22">
        <v>1</v>
      </c>
      <c r="D25" s="22">
        <v>1</v>
      </c>
      <c r="E25" s="21">
        <v>0</v>
      </c>
      <c r="F25" s="22">
        <v>0</v>
      </c>
      <c r="G25" s="23">
        <v>0</v>
      </c>
      <c r="H25" s="22">
        <v>41</v>
      </c>
      <c r="I25" s="22">
        <v>26</v>
      </c>
      <c r="J25" s="22">
        <v>15</v>
      </c>
      <c r="K25" s="21">
        <v>39</v>
      </c>
      <c r="L25" s="53">
        <v>25</v>
      </c>
      <c r="M25" s="54">
        <v>14</v>
      </c>
    </row>
    <row r="26" spans="1:13">
      <c r="A26" s="20" t="s">
        <v>33</v>
      </c>
      <c r="B26" s="21">
        <v>1</v>
      </c>
      <c r="C26" s="22">
        <v>1</v>
      </c>
      <c r="D26" s="22">
        <v>0</v>
      </c>
      <c r="E26" s="21">
        <v>0</v>
      </c>
      <c r="F26" s="22">
        <v>0</v>
      </c>
      <c r="G26" s="23">
        <v>0</v>
      </c>
      <c r="H26" s="22">
        <v>56</v>
      </c>
      <c r="I26" s="22">
        <v>22</v>
      </c>
      <c r="J26" s="22">
        <v>34</v>
      </c>
      <c r="K26" s="21">
        <v>55</v>
      </c>
      <c r="L26" s="53">
        <v>21</v>
      </c>
      <c r="M26" s="54">
        <v>34</v>
      </c>
    </row>
    <row r="27" spans="1:13">
      <c r="A27" s="20" t="s">
        <v>34</v>
      </c>
      <c r="B27" s="21">
        <v>11</v>
      </c>
      <c r="C27" s="22">
        <v>3</v>
      </c>
      <c r="D27" s="22">
        <v>8</v>
      </c>
      <c r="E27" s="21">
        <v>0</v>
      </c>
      <c r="F27" s="22">
        <v>0</v>
      </c>
      <c r="G27" s="23">
        <v>0</v>
      </c>
      <c r="H27" s="22">
        <v>49</v>
      </c>
      <c r="I27" s="22">
        <v>26</v>
      </c>
      <c r="J27" s="22">
        <v>23</v>
      </c>
      <c r="K27" s="21">
        <v>38</v>
      </c>
      <c r="L27" s="53">
        <v>23</v>
      </c>
      <c r="M27" s="54">
        <v>15</v>
      </c>
    </row>
    <row r="28" spans="1:13">
      <c r="A28" s="20" t="s">
        <v>35</v>
      </c>
      <c r="B28" s="21">
        <v>47</v>
      </c>
      <c r="C28" s="22">
        <v>19</v>
      </c>
      <c r="D28" s="22">
        <v>28</v>
      </c>
      <c r="E28" s="21">
        <v>0</v>
      </c>
      <c r="F28" s="22">
        <v>0</v>
      </c>
      <c r="G28" s="23">
        <v>0</v>
      </c>
      <c r="H28" s="22">
        <v>109</v>
      </c>
      <c r="I28" s="22">
        <v>54</v>
      </c>
      <c r="J28" s="22">
        <v>55</v>
      </c>
      <c r="K28" s="21">
        <v>62</v>
      </c>
      <c r="L28" s="53">
        <v>35</v>
      </c>
      <c r="M28" s="54">
        <v>27</v>
      </c>
    </row>
    <row r="29" spans="1:13">
      <c r="A29" s="20" t="s">
        <v>36</v>
      </c>
      <c r="B29" s="21">
        <v>91</v>
      </c>
      <c r="C29" s="22">
        <v>40</v>
      </c>
      <c r="D29" s="22">
        <v>51</v>
      </c>
      <c r="E29" s="21">
        <v>3</v>
      </c>
      <c r="F29" s="22">
        <v>3</v>
      </c>
      <c r="G29" s="23">
        <v>0</v>
      </c>
      <c r="H29" s="22">
        <v>251</v>
      </c>
      <c r="I29" s="22">
        <v>125</v>
      </c>
      <c r="J29" s="22">
        <v>126</v>
      </c>
      <c r="K29" s="21">
        <v>157</v>
      </c>
      <c r="L29" s="53">
        <v>82</v>
      </c>
      <c r="M29" s="54">
        <v>75</v>
      </c>
    </row>
    <row r="30" spans="1:13" ht="20.100000000000001" customHeight="1">
      <c r="A30" s="16" t="s">
        <v>37</v>
      </c>
      <c r="B30" s="17">
        <v>158</v>
      </c>
      <c r="C30" s="18">
        <v>31</v>
      </c>
      <c r="D30" s="18">
        <v>127</v>
      </c>
      <c r="E30" s="17">
        <v>3</v>
      </c>
      <c r="F30" s="18">
        <v>1</v>
      </c>
      <c r="G30" s="19">
        <v>2</v>
      </c>
      <c r="H30" s="18">
        <v>1881</v>
      </c>
      <c r="I30" s="18">
        <v>924</v>
      </c>
      <c r="J30" s="18">
        <v>957</v>
      </c>
      <c r="K30" s="17">
        <v>1720</v>
      </c>
      <c r="L30" s="51">
        <v>892</v>
      </c>
      <c r="M30" s="52">
        <v>828</v>
      </c>
    </row>
    <row r="31" spans="1:13">
      <c r="A31" s="20" t="s">
        <v>38</v>
      </c>
      <c r="B31" s="21">
        <v>23</v>
      </c>
      <c r="C31" s="22">
        <v>1</v>
      </c>
      <c r="D31" s="22">
        <v>22</v>
      </c>
      <c r="E31" s="21">
        <v>0</v>
      </c>
      <c r="F31" s="22">
        <v>0</v>
      </c>
      <c r="G31" s="23">
        <v>0</v>
      </c>
      <c r="H31" s="22">
        <v>189</v>
      </c>
      <c r="I31" s="22">
        <v>93</v>
      </c>
      <c r="J31" s="22">
        <v>96</v>
      </c>
      <c r="K31" s="21">
        <v>166</v>
      </c>
      <c r="L31" s="53">
        <v>92</v>
      </c>
      <c r="M31" s="54">
        <v>74</v>
      </c>
    </row>
    <row r="32" spans="1:13">
      <c r="A32" s="20" t="s">
        <v>39</v>
      </c>
      <c r="B32" s="21">
        <v>38</v>
      </c>
      <c r="C32" s="22">
        <v>25</v>
      </c>
      <c r="D32" s="22">
        <v>13</v>
      </c>
      <c r="E32" s="21">
        <v>0</v>
      </c>
      <c r="F32" s="22">
        <v>0</v>
      </c>
      <c r="G32" s="23">
        <v>0</v>
      </c>
      <c r="H32" s="22">
        <v>276</v>
      </c>
      <c r="I32" s="22">
        <v>139</v>
      </c>
      <c r="J32" s="22">
        <v>137</v>
      </c>
      <c r="K32" s="21">
        <v>238</v>
      </c>
      <c r="L32" s="53">
        <v>114</v>
      </c>
      <c r="M32" s="54">
        <v>124</v>
      </c>
    </row>
    <row r="33" spans="1:13">
      <c r="A33" s="20" t="s">
        <v>40</v>
      </c>
      <c r="B33" s="21">
        <v>34</v>
      </c>
      <c r="C33" s="22">
        <v>6</v>
      </c>
      <c r="D33" s="22">
        <v>28</v>
      </c>
      <c r="E33" s="21">
        <v>1</v>
      </c>
      <c r="F33" s="22">
        <v>0</v>
      </c>
      <c r="G33" s="23">
        <v>1</v>
      </c>
      <c r="H33" s="22">
        <v>358</v>
      </c>
      <c r="I33" s="22">
        <v>168</v>
      </c>
      <c r="J33" s="22">
        <v>190</v>
      </c>
      <c r="K33" s="21">
        <v>323</v>
      </c>
      <c r="L33" s="53">
        <v>162</v>
      </c>
      <c r="M33" s="54">
        <v>161</v>
      </c>
    </row>
    <row r="34" spans="1:13">
      <c r="A34" s="20" t="s">
        <v>41</v>
      </c>
      <c r="B34" s="21">
        <v>44</v>
      </c>
      <c r="C34" s="22">
        <v>16</v>
      </c>
      <c r="D34" s="22">
        <v>28</v>
      </c>
      <c r="E34" s="21">
        <v>1</v>
      </c>
      <c r="F34" s="22">
        <v>0</v>
      </c>
      <c r="G34" s="23">
        <v>1</v>
      </c>
      <c r="H34" s="22">
        <v>588</v>
      </c>
      <c r="I34" s="22">
        <v>299</v>
      </c>
      <c r="J34" s="22">
        <v>289</v>
      </c>
      <c r="K34" s="21">
        <v>543</v>
      </c>
      <c r="L34" s="53">
        <v>283</v>
      </c>
      <c r="M34" s="54">
        <v>260</v>
      </c>
    </row>
    <row r="35" spans="1:13">
      <c r="A35" s="20" t="s">
        <v>42</v>
      </c>
      <c r="B35" s="21">
        <v>19</v>
      </c>
      <c r="C35" s="22">
        <v>-17</v>
      </c>
      <c r="D35" s="22">
        <v>36</v>
      </c>
      <c r="E35" s="21">
        <v>1</v>
      </c>
      <c r="F35" s="22">
        <v>1</v>
      </c>
      <c r="G35" s="23">
        <v>0</v>
      </c>
      <c r="H35" s="22">
        <v>470</v>
      </c>
      <c r="I35" s="22">
        <v>225</v>
      </c>
      <c r="J35" s="22">
        <v>245</v>
      </c>
      <c r="K35" s="21">
        <v>450</v>
      </c>
      <c r="L35" s="53">
        <v>241</v>
      </c>
      <c r="M35" s="54">
        <v>209</v>
      </c>
    </row>
    <row r="36" spans="1:13" ht="20.100000000000001" customHeight="1">
      <c r="A36" s="16" t="s">
        <v>43</v>
      </c>
      <c r="B36" s="17">
        <v>21</v>
      </c>
      <c r="C36" s="18">
        <v>60</v>
      </c>
      <c r="D36" s="18">
        <v>-39</v>
      </c>
      <c r="E36" s="17">
        <v>3</v>
      </c>
      <c r="F36" s="18">
        <v>3</v>
      </c>
      <c r="G36" s="19">
        <v>0</v>
      </c>
      <c r="H36" s="18">
        <v>2542</v>
      </c>
      <c r="I36" s="18">
        <v>1340</v>
      </c>
      <c r="J36" s="18">
        <v>1202</v>
      </c>
      <c r="K36" s="17">
        <v>2518</v>
      </c>
      <c r="L36" s="51">
        <v>1277</v>
      </c>
      <c r="M36" s="52">
        <v>1241</v>
      </c>
    </row>
    <row r="37" spans="1:13">
      <c r="A37" s="20" t="s">
        <v>44</v>
      </c>
      <c r="B37" s="21">
        <v>3</v>
      </c>
      <c r="C37" s="22">
        <v>15</v>
      </c>
      <c r="D37" s="22">
        <v>-12</v>
      </c>
      <c r="E37" s="21">
        <v>0</v>
      </c>
      <c r="F37" s="22">
        <v>0</v>
      </c>
      <c r="G37" s="23">
        <v>0</v>
      </c>
      <c r="H37" s="22">
        <v>549</v>
      </c>
      <c r="I37" s="22">
        <v>305</v>
      </c>
      <c r="J37" s="22">
        <v>244</v>
      </c>
      <c r="K37" s="21">
        <v>546</v>
      </c>
      <c r="L37" s="53">
        <v>290</v>
      </c>
      <c r="M37" s="54">
        <v>256</v>
      </c>
    </row>
    <row r="38" spans="1:13">
      <c r="A38" s="20" t="s">
        <v>45</v>
      </c>
      <c r="B38" s="21">
        <v>-85</v>
      </c>
      <c r="C38" s="22">
        <v>-54</v>
      </c>
      <c r="D38" s="22">
        <v>-31</v>
      </c>
      <c r="E38" s="21">
        <v>1</v>
      </c>
      <c r="F38" s="22">
        <v>1</v>
      </c>
      <c r="G38" s="23">
        <v>0</v>
      </c>
      <c r="H38" s="22">
        <v>467</v>
      </c>
      <c r="I38" s="22">
        <v>239</v>
      </c>
      <c r="J38" s="22">
        <v>228</v>
      </c>
      <c r="K38" s="21">
        <v>551</v>
      </c>
      <c r="L38" s="53">
        <v>292</v>
      </c>
      <c r="M38" s="54">
        <v>259</v>
      </c>
    </row>
    <row r="39" spans="1:13">
      <c r="A39" s="20" t="s">
        <v>46</v>
      </c>
      <c r="B39" s="21">
        <v>-31</v>
      </c>
      <c r="C39" s="22">
        <v>0</v>
      </c>
      <c r="D39" s="22">
        <v>-31</v>
      </c>
      <c r="E39" s="21">
        <v>1</v>
      </c>
      <c r="F39" s="22">
        <v>1</v>
      </c>
      <c r="G39" s="23">
        <v>0</v>
      </c>
      <c r="H39" s="22">
        <v>473</v>
      </c>
      <c r="I39" s="22">
        <v>251</v>
      </c>
      <c r="J39" s="22">
        <v>222</v>
      </c>
      <c r="K39" s="21">
        <v>503</v>
      </c>
      <c r="L39" s="53">
        <v>250</v>
      </c>
      <c r="M39" s="54">
        <v>253</v>
      </c>
    </row>
    <row r="40" spans="1:13">
      <c r="A40" s="20" t="s">
        <v>47</v>
      </c>
      <c r="B40" s="21">
        <v>48</v>
      </c>
      <c r="C40" s="22">
        <v>51</v>
      </c>
      <c r="D40" s="22">
        <v>-3</v>
      </c>
      <c r="E40" s="21">
        <v>1</v>
      </c>
      <c r="F40" s="22">
        <v>1</v>
      </c>
      <c r="G40" s="23">
        <v>0</v>
      </c>
      <c r="H40" s="22">
        <v>539</v>
      </c>
      <c r="I40" s="22">
        <v>281</v>
      </c>
      <c r="J40" s="22">
        <v>258</v>
      </c>
      <c r="K40" s="21">
        <v>490</v>
      </c>
      <c r="L40" s="53">
        <v>229</v>
      </c>
      <c r="M40" s="54">
        <v>261</v>
      </c>
    </row>
    <row r="41" spans="1:13">
      <c r="A41" s="20" t="s">
        <v>48</v>
      </c>
      <c r="B41" s="21">
        <v>86</v>
      </c>
      <c r="C41" s="22">
        <v>48</v>
      </c>
      <c r="D41" s="22">
        <v>38</v>
      </c>
      <c r="E41" s="21">
        <v>0</v>
      </c>
      <c r="F41" s="22">
        <v>0</v>
      </c>
      <c r="G41" s="23">
        <v>0</v>
      </c>
      <c r="H41" s="22">
        <v>514</v>
      </c>
      <c r="I41" s="22">
        <v>264</v>
      </c>
      <c r="J41" s="22">
        <v>250</v>
      </c>
      <c r="K41" s="21">
        <v>428</v>
      </c>
      <c r="L41" s="53">
        <v>216</v>
      </c>
      <c r="M41" s="54">
        <v>212</v>
      </c>
    </row>
    <row r="42" spans="1:13" ht="20.100000000000001" customHeight="1">
      <c r="A42" s="16" t="s">
        <v>49</v>
      </c>
      <c r="B42" s="17">
        <v>334</v>
      </c>
      <c r="C42" s="18">
        <v>178</v>
      </c>
      <c r="D42" s="18">
        <v>156</v>
      </c>
      <c r="E42" s="17">
        <v>2</v>
      </c>
      <c r="F42" s="18">
        <v>2</v>
      </c>
      <c r="G42" s="19">
        <v>0</v>
      </c>
      <c r="H42" s="18">
        <v>2164</v>
      </c>
      <c r="I42" s="18">
        <v>1158</v>
      </c>
      <c r="J42" s="18">
        <v>1006</v>
      </c>
      <c r="K42" s="17">
        <v>1828</v>
      </c>
      <c r="L42" s="51">
        <v>978</v>
      </c>
      <c r="M42" s="52">
        <v>850</v>
      </c>
    </row>
    <row r="43" spans="1:13">
      <c r="A43" s="20" t="s">
        <v>50</v>
      </c>
      <c r="B43" s="21">
        <v>113</v>
      </c>
      <c r="C43" s="22">
        <v>45</v>
      </c>
      <c r="D43" s="22">
        <v>68</v>
      </c>
      <c r="E43" s="21">
        <v>1</v>
      </c>
      <c r="F43" s="22">
        <v>1</v>
      </c>
      <c r="G43" s="23">
        <v>0</v>
      </c>
      <c r="H43" s="22">
        <v>512</v>
      </c>
      <c r="I43" s="22">
        <v>269</v>
      </c>
      <c r="J43" s="22">
        <v>243</v>
      </c>
      <c r="K43" s="21">
        <v>398</v>
      </c>
      <c r="L43" s="53">
        <v>223</v>
      </c>
      <c r="M43" s="54">
        <v>175</v>
      </c>
    </row>
    <row r="44" spans="1:13">
      <c r="A44" s="20" t="s">
        <v>51</v>
      </c>
      <c r="B44" s="21">
        <v>57</v>
      </c>
      <c r="C44" s="22">
        <v>37</v>
      </c>
      <c r="D44" s="22">
        <v>20</v>
      </c>
      <c r="E44" s="21">
        <v>0</v>
      </c>
      <c r="F44" s="22">
        <v>0</v>
      </c>
      <c r="G44" s="23">
        <v>0</v>
      </c>
      <c r="H44" s="22">
        <v>446</v>
      </c>
      <c r="I44" s="22">
        <v>244</v>
      </c>
      <c r="J44" s="22">
        <v>202</v>
      </c>
      <c r="K44" s="21">
        <v>389</v>
      </c>
      <c r="L44" s="53">
        <v>207</v>
      </c>
      <c r="M44" s="54">
        <v>182</v>
      </c>
    </row>
    <row r="45" spans="1:13">
      <c r="A45" s="20" t="s">
        <v>52</v>
      </c>
      <c r="B45" s="21">
        <v>63</v>
      </c>
      <c r="C45" s="22">
        <v>50</v>
      </c>
      <c r="D45" s="22">
        <v>13</v>
      </c>
      <c r="E45" s="21">
        <v>0</v>
      </c>
      <c r="F45" s="22">
        <v>0</v>
      </c>
      <c r="G45" s="23">
        <v>0</v>
      </c>
      <c r="H45" s="22">
        <v>417</v>
      </c>
      <c r="I45" s="22">
        <v>233</v>
      </c>
      <c r="J45" s="22">
        <v>184</v>
      </c>
      <c r="K45" s="21">
        <v>354</v>
      </c>
      <c r="L45" s="53">
        <v>183</v>
      </c>
      <c r="M45" s="54">
        <v>171</v>
      </c>
    </row>
    <row r="46" spans="1:13">
      <c r="A46" s="20" t="s">
        <v>53</v>
      </c>
      <c r="B46" s="21">
        <v>74</v>
      </c>
      <c r="C46" s="22">
        <v>22</v>
      </c>
      <c r="D46" s="22">
        <v>52</v>
      </c>
      <c r="E46" s="21">
        <v>0</v>
      </c>
      <c r="F46" s="22">
        <v>0</v>
      </c>
      <c r="G46" s="23">
        <v>0</v>
      </c>
      <c r="H46" s="22">
        <v>420</v>
      </c>
      <c r="I46" s="22">
        <v>210</v>
      </c>
      <c r="J46" s="22">
        <v>210</v>
      </c>
      <c r="K46" s="21">
        <v>346</v>
      </c>
      <c r="L46" s="53">
        <v>188</v>
      </c>
      <c r="M46" s="54">
        <v>158</v>
      </c>
    </row>
    <row r="47" spans="1:13">
      <c r="A47" s="20" t="s">
        <v>54</v>
      </c>
      <c r="B47" s="21">
        <v>27</v>
      </c>
      <c r="C47" s="22">
        <v>24</v>
      </c>
      <c r="D47" s="22">
        <v>3</v>
      </c>
      <c r="E47" s="21">
        <v>1</v>
      </c>
      <c r="F47" s="22">
        <v>1</v>
      </c>
      <c r="G47" s="23">
        <v>0</v>
      </c>
      <c r="H47" s="22">
        <v>369</v>
      </c>
      <c r="I47" s="22">
        <v>202</v>
      </c>
      <c r="J47" s="22">
        <v>167</v>
      </c>
      <c r="K47" s="21">
        <v>341</v>
      </c>
      <c r="L47" s="53">
        <v>177</v>
      </c>
      <c r="M47" s="54">
        <v>164</v>
      </c>
    </row>
    <row r="48" spans="1:13" ht="20.100000000000001" customHeight="1">
      <c r="A48" s="16" t="s">
        <v>55</v>
      </c>
      <c r="B48" s="17">
        <v>126</v>
      </c>
      <c r="C48" s="18">
        <v>66</v>
      </c>
      <c r="D48" s="18">
        <v>60</v>
      </c>
      <c r="E48" s="17">
        <v>7</v>
      </c>
      <c r="F48" s="18">
        <v>5</v>
      </c>
      <c r="G48" s="19">
        <v>2</v>
      </c>
      <c r="H48" s="18">
        <v>1370</v>
      </c>
      <c r="I48" s="18">
        <v>745</v>
      </c>
      <c r="J48" s="18">
        <v>625</v>
      </c>
      <c r="K48" s="17">
        <v>1237</v>
      </c>
      <c r="L48" s="51">
        <v>674</v>
      </c>
      <c r="M48" s="52">
        <v>563</v>
      </c>
    </row>
    <row r="49" spans="1:13">
      <c r="A49" s="20" t="s">
        <v>56</v>
      </c>
      <c r="B49" s="21">
        <v>36</v>
      </c>
      <c r="C49" s="22">
        <v>14</v>
      </c>
      <c r="D49" s="22">
        <v>22</v>
      </c>
      <c r="E49" s="21">
        <v>0</v>
      </c>
      <c r="F49" s="22">
        <v>0</v>
      </c>
      <c r="G49" s="23">
        <v>0</v>
      </c>
      <c r="H49" s="22">
        <v>344</v>
      </c>
      <c r="I49" s="22">
        <v>182</v>
      </c>
      <c r="J49" s="22">
        <v>162</v>
      </c>
      <c r="K49" s="21">
        <v>308</v>
      </c>
      <c r="L49" s="53">
        <v>168</v>
      </c>
      <c r="M49" s="54">
        <v>140</v>
      </c>
    </row>
    <row r="50" spans="1:13">
      <c r="A50" s="20" t="s">
        <v>57</v>
      </c>
      <c r="B50" s="21">
        <v>45</v>
      </c>
      <c r="C50" s="22">
        <v>21</v>
      </c>
      <c r="D50" s="22">
        <v>24</v>
      </c>
      <c r="E50" s="21">
        <v>1</v>
      </c>
      <c r="F50" s="22">
        <v>1</v>
      </c>
      <c r="G50" s="23">
        <v>0</v>
      </c>
      <c r="H50" s="22">
        <v>288</v>
      </c>
      <c r="I50" s="22">
        <v>160</v>
      </c>
      <c r="J50" s="22">
        <v>128</v>
      </c>
      <c r="K50" s="21">
        <v>242</v>
      </c>
      <c r="L50" s="53">
        <v>138</v>
      </c>
      <c r="M50" s="54">
        <v>104</v>
      </c>
    </row>
    <row r="51" spans="1:13">
      <c r="A51" s="20" t="s">
        <v>58</v>
      </c>
      <c r="B51" s="21">
        <v>0</v>
      </c>
      <c r="C51" s="22">
        <v>21</v>
      </c>
      <c r="D51" s="22">
        <v>-21</v>
      </c>
      <c r="E51" s="21">
        <v>2</v>
      </c>
      <c r="F51" s="22">
        <v>2</v>
      </c>
      <c r="G51" s="23">
        <v>0</v>
      </c>
      <c r="H51" s="22">
        <v>269</v>
      </c>
      <c r="I51" s="22">
        <v>150</v>
      </c>
      <c r="J51" s="22">
        <v>119</v>
      </c>
      <c r="K51" s="21">
        <v>267</v>
      </c>
      <c r="L51" s="53">
        <v>127</v>
      </c>
      <c r="M51" s="54">
        <v>140</v>
      </c>
    </row>
    <row r="52" spans="1:13">
      <c r="A52" s="20" t="s">
        <v>59</v>
      </c>
      <c r="B52" s="21">
        <v>36</v>
      </c>
      <c r="C52" s="22">
        <v>24</v>
      </c>
      <c r="D52" s="22">
        <v>12</v>
      </c>
      <c r="E52" s="21">
        <v>2</v>
      </c>
      <c r="F52" s="22">
        <v>1</v>
      </c>
      <c r="G52" s="23">
        <v>1</v>
      </c>
      <c r="H52" s="22">
        <v>259</v>
      </c>
      <c r="I52" s="22">
        <v>144</v>
      </c>
      <c r="J52" s="22">
        <v>115</v>
      </c>
      <c r="K52" s="21">
        <v>221</v>
      </c>
      <c r="L52" s="53">
        <v>119</v>
      </c>
      <c r="M52" s="54">
        <v>102</v>
      </c>
    </row>
    <row r="53" spans="1:13">
      <c r="A53" s="20" t="s">
        <v>60</v>
      </c>
      <c r="B53" s="21">
        <v>9</v>
      </c>
      <c r="C53" s="22">
        <v>-14</v>
      </c>
      <c r="D53" s="22">
        <v>23</v>
      </c>
      <c r="E53" s="21">
        <v>2</v>
      </c>
      <c r="F53" s="22">
        <v>1</v>
      </c>
      <c r="G53" s="23">
        <v>1</v>
      </c>
      <c r="H53" s="22">
        <v>210</v>
      </c>
      <c r="I53" s="22">
        <v>109</v>
      </c>
      <c r="J53" s="22">
        <v>101</v>
      </c>
      <c r="K53" s="21">
        <v>199</v>
      </c>
      <c r="L53" s="53">
        <v>122</v>
      </c>
      <c r="M53" s="54">
        <v>77</v>
      </c>
    </row>
    <row r="54" spans="1:13" ht="20.100000000000001" customHeight="1">
      <c r="A54" s="16" t="s">
        <v>61</v>
      </c>
      <c r="B54" s="17">
        <v>129</v>
      </c>
      <c r="C54" s="18">
        <v>42</v>
      </c>
      <c r="D54" s="18">
        <v>87</v>
      </c>
      <c r="E54" s="17">
        <v>11</v>
      </c>
      <c r="F54" s="18">
        <v>5</v>
      </c>
      <c r="G54" s="19">
        <v>6</v>
      </c>
      <c r="H54" s="18">
        <v>958</v>
      </c>
      <c r="I54" s="18">
        <v>526</v>
      </c>
      <c r="J54" s="18">
        <v>432</v>
      </c>
      <c r="K54" s="17">
        <v>818</v>
      </c>
      <c r="L54" s="51">
        <v>479</v>
      </c>
      <c r="M54" s="52">
        <v>339</v>
      </c>
    </row>
    <row r="55" spans="1:13">
      <c r="A55" s="20" t="s">
        <v>62</v>
      </c>
      <c r="B55" s="21">
        <v>36</v>
      </c>
      <c r="C55" s="22">
        <v>-1</v>
      </c>
      <c r="D55" s="22">
        <v>37</v>
      </c>
      <c r="E55" s="21">
        <v>2</v>
      </c>
      <c r="F55" s="22">
        <v>2</v>
      </c>
      <c r="G55" s="23">
        <v>0</v>
      </c>
      <c r="H55" s="22">
        <v>234</v>
      </c>
      <c r="I55" s="22">
        <v>120</v>
      </c>
      <c r="J55" s="22">
        <v>114</v>
      </c>
      <c r="K55" s="21">
        <v>196</v>
      </c>
      <c r="L55" s="53">
        <v>119</v>
      </c>
      <c r="M55" s="54">
        <v>77</v>
      </c>
    </row>
    <row r="56" spans="1:13">
      <c r="A56" s="20" t="s">
        <v>63</v>
      </c>
      <c r="B56" s="21">
        <v>36</v>
      </c>
      <c r="C56" s="22">
        <v>12</v>
      </c>
      <c r="D56" s="22">
        <v>24</v>
      </c>
      <c r="E56" s="21">
        <v>2</v>
      </c>
      <c r="F56" s="22">
        <v>0</v>
      </c>
      <c r="G56" s="23">
        <v>2</v>
      </c>
      <c r="H56" s="22">
        <v>200</v>
      </c>
      <c r="I56" s="22">
        <v>108</v>
      </c>
      <c r="J56" s="22">
        <v>92</v>
      </c>
      <c r="K56" s="21">
        <v>162</v>
      </c>
      <c r="L56" s="53">
        <v>96</v>
      </c>
      <c r="M56" s="54">
        <v>66</v>
      </c>
    </row>
    <row r="57" spans="1:13">
      <c r="A57" s="20" t="s">
        <v>64</v>
      </c>
      <c r="B57" s="21">
        <v>26</v>
      </c>
      <c r="C57" s="22">
        <v>7</v>
      </c>
      <c r="D57" s="22">
        <v>19</v>
      </c>
      <c r="E57" s="21">
        <v>2</v>
      </c>
      <c r="F57" s="22">
        <v>1</v>
      </c>
      <c r="G57" s="23">
        <v>1</v>
      </c>
      <c r="H57" s="22">
        <v>181</v>
      </c>
      <c r="I57" s="22">
        <v>102</v>
      </c>
      <c r="J57" s="22">
        <v>79</v>
      </c>
      <c r="K57" s="21">
        <v>153</v>
      </c>
      <c r="L57" s="53">
        <v>94</v>
      </c>
      <c r="M57" s="54">
        <v>59</v>
      </c>
    </row>
    <row r="58" spans="1:13">
      <c r="A58" s="20" t="s">
        <v>65</v>
      </c>
      <c r="B58" s="21">
        <v>29</v>
      </c>
      <c r="C58" s="22">
        <v>27</v>
      </c>
      <c r="D58" s="22">
        <v>2</v>
      </c>
      <c r="E58" s="21">
        <v>3</v>
      </c>
      <c r="F58" s="22">
        <v>1</v>
      </c>
      <c r="G58" s="23">
        <v>2</v>
      </c>
      <c r="H58" s="22">
        <v>178</v>
      </c>
      <c r="I58" s="22">
        <v>108</v>
      </c>
      <c r="J58" s="22">
        <v>70</v>
      </c>
      <c r="K58" s="21">
        <v>146</v>
      </c>
      <c r="L58" s="53">
        <v>80</v>
      </c>
      <c r="M58" s="54">
        <v>66</v>
      </c>
    </row>
    <row r="59" spans="1:13">
      <c r="A59" s="20" t="s">
        <v>66</v>
      </c>
      <c r="B59" s="21">
        <v>2</v>
      </c>
      <c r="C59" s="22">
        <v>-3</v>
      </c>
      <c r="D59" s="22">
        <v>5</v>
      </c>
      <c r="E59" s="21">
        <v>2</v>
      </c>
      <c r="F59" s="22">
        <v>1</v>
      </c>
      <c r="G59" s="23">
        <v>1</v>
      </c>
      <c r="H59" s="22">
        <v>165</v>
      </c>
      <c r="I59" s="22">
        <v>88</v>
      </c>
      <c r="J59" s="22">
        <v>77</v>
      </c>
      <c r="K59" s="21">
        <v>161</v>
      </c>
      <c r="L59" s="53">
        <v>90</v>
      </c>
      <c r="M59" s="54">
        <v>71</v>
      </c>
    </row>
    <row r="60" spans="1:13" ht="20.100000000000001" customHeight="1">
      <c r="A60" s="16" t="s">
        <v>67</v>
      </c>
      <c r="B60" s="17">
        <v>20</v>
      </c>
      <c r="C60" s="18">
        <v>-3</v>
      </c>
      <c r="D60" s="18">
        <v>23</v>
      </c>
      <c r="E60" s="17">
        <v>27</v>
      </c>
      <c r="F60" s="18">
        <v>17</v>
      </c>
      <c r="G60" s="19">
        <v>10</v>
      </c>
      <c r="H60" s="18">
        <v>697</v>
      </c>
      <c r="I60" s="18">
        <v>399</v>
      </c>
      <c r="J60" s="18">
        <v>298</v>
      </c>
      <c r="K60" s="17">
        <v>650</v>
      </c>
      <c r="L60" s="51">
        <v>385</v>
      </c>
      <c r="M60" s="52">
        <v>265</v>
      </c>
    </row>
    <row r="61" spans="1:13">
      <c r="A61" s="20" t="s">
        <v>68</v>
      </c>
      <c r="B61" s="21">
        <v>-14</v>
      </c>
      <c r="C61" s="22">
        <v>-17</v>
      </c>
      <c r="D61" s="22">
        <v>3</v>
      </c>
      <c r="E61" s="21">
        <v>3</v>
      </c>
      <c r="F61" s="22">
        <v>2</v>
      </c>
      <c r="G61" s="23">
        <v>1</v>
      </c>
      <c r="H61" s="22">
        <v>146</v>
      </c>
      <c r="I61" s="22">
        <v>88</v>
      </c>
      <c r="J61" s="22">
        <v>58</v>
      </c>
      <c r="K61" s="21">
        <v>157</v>
      </c>
      <c r="L61" s="53">
        <v>103</v>
      </c>
      <c r="M61" s="54">
        <v>54</v>
      </c>
    </row>
    <row r="62" spans="1:13">
      <c r="A62" s="20" t="s">
        <v>69</v>
      </c>
      <c r="B62" s="21">
        <v>7</v>
      </c>
      <c r="C62" s="22">
        <v>-11</v>
      </c>
      <c r="D62" s="22">
        <v>18</v>
      </c>
      <c r="E62" s="21">
        <v>4</v>
      </c>
      <c r="F62" s="22">
        <v>3</v>
      </c>
      <c r="G62" s="23">
        <v>1</v>
      </c>
      <c r="H62" s="22">
        <v>139</v>
      </c>
      <c r="I62" s="22">
        <v>74</v>
      </c>
      <c r="J62" s="22">
        <v>65</v>
      </c>
      <c r="K62" s="21">
        <v>128</v>
      </c>
      <c r="L62" s="53">
        <v>82</v>
      </c>
      <c r="M62" s="54">
        <v>46</v>
      </c>
    </row>
    <row r="63" spans="1:13">
      <c r="A63" s="20" t="s">
        <v>70</v>
      </c>
      <c r="B63" s="21">
        <v>2</v>
      </c>
      <c r="C63" s="22">
        <v>13</v>
      </c>
      <c r="D63" s="22">
        <v>-11</v>
      </c>
      <c r="E63" s="21">
        <v>6</v>
      </c>
      <c r="F63" s="22">
        <v>5</v>
      </c>
      <c r="G63" s="23">
        <v>1</v>
      </c>
      <c r="H63" s="22">
        <v>151</v>
      </c>
      <c r="I63" s="22">
        <v>89</v>
      </c>
      <c r="J63" s="22">
        <v>62</v>
      </c>
      <c r="K63" s="21">
        <v>143</v>
      </c>
      <c r="L63" s="53">
        <v>71</v>
      </c>
      <c r="M63" s="54">
        <v>72</v>
      </c>
    </row>
    <row r="64" spans="1:13">
      <c r="A64" s="20" t="s">
        <v>71</v>
      </c>
      <c r="B64" s="21">
        <v>9</v>
      </c>
      <c r="C64" s="22">
        <v>10</v>
      </c>
      <c r="D64" s="22">
        <v>-1</v>
      </c>
      <c r="E64" s="21">
        <v>6</v>
      </c>
      <c r="F64" s="22">
        <v>5</v>
      </c>
      <c r="G64" s="23">
        <v>1</v>
      </c>
      <c r="H64" s="22">
        <v>139</v>
      </c>
      <c r="I64" s="22">
        <v>83</v>
      </c>
      <c r="J64" s="22">
        <v>56</v>
      </c>
      <c r="K64" s="21">
        <v>124</v>
      </c>
      <c r="L64" s="53">
        <v>68</v>
      </c>
      <c r="M64" s="54">
        <v>56</v>
      </c>
    </row>
    <row r="65" spans="1:13">
      <c r="A65" s="24" t="s">
        <v>72</v>
      </c>
      <c r="B65" s="25">
        <v>16</v>
      </c>
      <c r="C65" s="26">
        <v>2</v>
      </c>
      <c r="D65" s="26">
        <v>14</v>
      </c>
      <c r="E65" s="25">
        <v>8</v>
      </c>
      <c r="F65" s="26">
        <v>2</v>
      </c>
      <c r="G65" s="27">
        <v>6</v>
      </c>
      <c r="H65" s="26">
        <v>122</v>
      </c>
      <c r="I65" s="26">
        <v>65</v>
      </c>
      <c r="J65" s="26">
        <v>57</v>
      </c>
      <c r="K65" s="25">
        <v>98</v>
      </c>
      <c r="L65" s="55">
        <v>61</v>
      </c>
      <c r="M65" s="56">
        <v>3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204</v>
      </c>
      <c r="C69" s="58">
        <v>1092</v>
      </c>
      <c r="D69" s="59">
        <v>1112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204</v>
      </c>
      <c r="C70" s="61">
        <v>1092</v>
      </c>
      <c r="D70" s="62">
        <v>1112</v>
      </c>
    </row>
    <row r="71" spans="1:13">
      <c r="A71" s="24" t="s">
        <v>14</v>
      </c>
      <c r="B71" s="63">
        <v>2204</v>
      </c>
      <c r="C71" s="64">
        <v>1092</v>
      </c>
      <c r="D71" s="65">
        <v>1112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6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23</v>
      </c>
      <c r="C77" s="18">
        <v>0</v>
      </c>
      <c r="D77" s="18">
        <v>23</v>
      </c>
      <c r="E77" s="17">
        <v>33</v>
      </c>
      <c r="F77" s="18">
        <v>18</v>
      </c>
      <c r="G77" s="19">
        <v>15</v>
      </c>
      <c r="H77" s="18">
        <v>546</v>
      </c>
      <c r="I77" s="18">
        <v>303</v>
      </c>
      <c r="J77" s="18">
        <v>243</v>
      </c>
      <c r="K77" s="17">
        <v>490</v>
      </c>
      <c r="L77" s="51">
        <v>285</v>
      </c>
      <c r="M77" s="52">
        <v>205</v>
      </c>
    </row>
    <row r="78" spans="1:13">
      <c r="A78" s="40" t="s">
        <v>81</v>
      </c>
      <c r="B78" s="21">
        <v>-2</v>
      </c>
      <c r="C78" s="22">
        <v>-6</v>
      </c>
      <c r="D78" s="22">
        <v>4</v>
      </c>
      <c r="E78" s="21">
        <v>9</v>
      </c>
      <c r="F78" s="22">
        <v>5</v>
      </c>
      <c r="G78" s="23">
        <v>4</v>
      </c>
      <c r="H78" s="22">
        <v>126</v>
      </c>
      <c r="I78" s="22">
        <v>69</v>
      </c>
      <c r="J78" s="22">
        <v>57</v>
      </c>
      <c r="K78" s="21">
        <v>119</v>
      </c>
      <c r="L78" s="53">
        <v>70</v>
      </c>
      <c r="M78" s="54">
        <v>49</v>
      </c>
    </row>
    <row r="79" spans="1:13">
      <c r="A79" s="40" t="s">
        <v>82</v>
      </c>
      <c r="B79" s="21">
        <v>-12</v>
      </c>
      <c r="C79" s="22">
        <v>2</v>
      </c>
      <c r="D79" s="22">
        <v>-14</v>
      </c>
      <c r="E79" s="21">
        <v>6</v>
      </c>
      <c r="F79" s="22">
        <v>5</v>
      </c>
      <c r="G79" s="23">
        <v>1</v>
      </c>
      <c r="H79" s="22">
        <v>106</v>
      </c>
      <c r="I79" s="22">
        <v>59</v>
      </c>
      <c r="J79" s="22">
        <v>47</v>
      </c>
      <c r="K79" s="21">
        <v>112</v>
      </c>
      <c r="L79" s="53">
        <v>52</v>
      </c>
      <c r="M79" s="54">
        <v>60</v>
      </c>
    </row>
    <row r="80" spans="1:13">
      <c r="A80" s="40" t="s">
        <v>83</v>
      </c>
      <c r="B80" s="21">
        <v>20</v>
      </c>
      <c r="C80" s="22">
        <v>-3</v>
      </c>
      <c r="D80" s="22">
        <v>23</v>
      </c>
      <c r="E80" s="21">
        <v>4</v>
      </c>
      <c r="F80" s="22">
        <v>4</v>
      </c>
      <c r="G80" s="23">
        <v>0</v>
      </c>
      <c r="H80" s="22">
        <v>127</v>
      </c>
      <c r="I80" s="22">
        <v>68</v>
      </c>
      <c r="J80" s="22">
        <v>59</v>
      </c>
      <c r="K80" s="21">
        <v>103</v>
      </c>
      <c r="L80" s="53">
        <v>67</v>
      </c>
      <c r="M80" s="54">
        <v>36</v>
      </c>
    </row>
    <row r="81" spans="1:13">
      <c r="A81" s="40" t="s">
        <v>84</v>
      </c>
      <c r="B81" s="21">
        <v>8</v>
      </c>
      <c r="C81" s="22">
        <v>4</v>
      </c>
      <c r="D81" s="22">
        <v>4</v>
      </c>
      <c r="E81" s="21">
        <v>6</v>
      </c>
      <c r="F81" s="22">
        <v>1</v>
      </c>
      <c r="G81" s="23">
        <v>5</v>
      </c>
      <c r="H81" s="22">
        <v>87</v>
      </c>
      <c r="I81" s="22">
        <v>53</v>
      </c>
      <c r="J81" s="22">
        <v>34</v>
      </c>
      <c r="K81" s="21">
        <v>73</v>
      </c>
      <c r="L81" s="53">
        <v>48</v>
      </c>
      <c r="M81" s="54">
        <v>25</v>
      </c>
    </row>
    <row r="82" spans="1:13">
      <c r="A82" s="40" t="s">
        <v>85</v>
      </c>
      <c r="B82" s="21">
        <v>9</v>
      </c>
      <c r="C82" s="22">
        <v>3</v>
      </c>
      <c r="D82" s="22">
        <v>6</v>
      </c>
      <c r="E82" s="21">
        <v>8</v>
      </c>
      <c r="F82" s="22">
        <v>3</v>
      </c>
      <c r="G82" s="23">
        <v>5</v>
      </c>
      <c r="H82" s="22">
        <v>100</v>
      </c>
      <c r="I82" s="22">
        <v>54</v>
      </c>
      <c r="J82" s="22">
        <v>46</v>
      </c>
      <c r="K82" s="21">
        <v>83</v>
      </c>
      <c r="L82" s="53">
        <v>48</v>
      </c>
      <c r="M82" s="54">
        <v>35</v>
      </c>
    </row>
    <row r="83" spans="1:13" ht="19.5" customHeight="1">
      <c r="A83" s="34" t="s">
        <v>86</v>
      </c>
      <c r="B83" s="17">
        <v>-36</v>
      </c>
      <c r="C83" s="18">
        <v>-7</v>
      </c>
      <c r="D83" s="18">
        <v>-29</v>
      </c>
      <c r="E83" s="17">
        <v>44</v>
      </c>
      <c r="F83" s="18">
        <v>29</v>
      </c>
      <c r="G83" s="19">
        <v>15</v>
      </c>
      <c r="H83" s="18">
        <v>374</v>
      </c>
      <c r="I83" s="18">
        <v>220</v>
      </c>
      <c r="J83" s="18">
        <v>154</v>
      </c>
      <c r="K83" s="17">
        <v>366</v>
      </c>
      <c r="L83" s="51">
        <v>198</v>
      </c>
      <c r="M83" s="52">
        <v>168</v>
      </c>
    </row>
    <row r="84" spans="1:13">
      <c r="A84" s="40" t="s">
        <v>87</v>
      </c>
      <c r="B84" s="21">
        <v>-30</v>
      </c>
      <c r="C84" s="22">
        <v>-18</v>
      </c>
      <c r="D84" s="22">
        <v>-12</v>
      </c>
      <c r="E84" s="21">
        <v>10</v>
      </c>
      <c r="F84" s="22">
        <v>6</v>
      </c>
      <c r="G84" s="23">
        <v>4</v>
      </c>
      <c r="H84" s="22">
        <v>71</v>
      </c>
      <c r="I84" s="22">
        <v>37</v>
      </c>
      <c r="J84" s="22">
        <v>34</v>
      </c>
      <c r="K84" s="21">
        <v>91</v>
      </c>
      <c r="L84" s="53">
        <v>49</v>
      </c>
      <c r="M84" s="54">
        <v>42</v>
      </c>
    </row>
    <row r="85" spans="1:13">
      <c r="A85" s="40" t="s">
        <v>88</v>
      </c>
      <c r="B85" s="21">
        <v>9</v>
      </c>
      <c r="C85" s="22">
        <v>5</v>
      </c>
      <c r="D85" s="22">
        <v>4</v>
      </c>
      <c r="E85" s="21">
        <v>6</v>
      </c>
      <c r="F85" s="22">
        <v>4</v>
      </c>
      <c r="G85" s="23">
        <v>2</v>
      </c>
      <c r="H85" s="22">
        <v>81</v>
      </c>
      <c r="I85" s="22">
        <v>45</v>
      </c>
      <c r="J85" s="22">
        <v>36</v>
      </c>
      <c r="K85" s="21">
        <v>66</v>
      </c>
      <c r="L85" s="53">
        <v>36</v>
      </c>
      <c r="M85" s="54">
        <v>30</v>
      </c>
    </row>
    <row r="86" spans="1:13">
      <c r="A86" s="40" t="s">
        <v>89</v>
      </c>
      <c r="B86" s="21">
        <v>-16</v>
      </c>
      <c r="C86" s="22">
        <v>-7</v>
      </c>
      <c r="D86" s="22">
        <v>-9</v>
      </c>
      <c r="E86" s="21">
        <v>7</v>
      </c>
      <c r="F86" s="22">
        <v>6</v>
      </c>
      <c r="G86" s="23">
        <v>1</v>
      </c>
      <c r="H86" s="22">
        <v>74</v>
      </c>
      <c r="I86" s="22">
        <v>52</v>
      </c>
      <c r="J86" s="22">
        <v>22</v>
      </c>
      <c r="K86" s="21">
        <v>83</v>
      </c>
      <c r="L86" s="53">
        <v>53</v>
      </c>
      <c r="M86" s="54">
        <v>30</v>
      </c>
    </row>
    <row r="87" spans="1:13">
      <c r="A87" s="40" t="s">
        <v>90</v>
      </c>
      <c r="B87" s="21">
        <v>4</v>
      </c>
      <c r="C87" s="22">
        <v>6</v>
      </c>
      <c r="D87" s="22">
        <v>-2</v>
      </c>
      <c r="E87" s="21">
        <v>15</v>
      </c>
      <c r="F87" s="22">
        <v>9</v>
      </c>
      <c r="G87" s="23">
        <v>6</v>
      </c>
      <c r="H87" s="22">
        <v>78</v>
      </c>
      <c r="I87" s="22">
        <v>44</v>
      </c>
      <c r="J87" s="22">
        <v>34</v>
      </c>
      <c r="K87" s="21">
        <v>59</v>
      </c>
      <c r="L87" s="53">
        <v>29</v>
      </c>
      <c r="M87" s="54">
        <v>30</v>
      </c>
    </row>
    <row r="88" spans="1:13">
      <c r="A88" s="40" t="s">
        <v>91</v>
      </c>
      <c r="B88" s="21">
        <v>-3</v>
      </c>
      <c r="C88" s="22">
        <v>7</v>
      </c>
      <c r="D88" s="22">
        <v>-10</v>
      </c>
      <c r="E88" s="21">
        <v>6</v>
      </c>
      <c r="F88" s="22">
        <v>4</v>
      </c>
      <c r="G88" s="23">
        <v>2</v>
      </c>
      <c r="H88" s="22">
        <v>70</v>
      </c>
      <c r="I88" s="22">
        <v>42</v>
      </c>
      <c r="J88" s="22">
        <v>28</v>
      </c>
      <c r="K88" s="21">
        <v>67</v>
      </c>
      <c r="L88" s="53">
        <v>31</v>
      </c>
      <c r="M88" s="54">
        <v>36</v>
      </c>
    </row>
    <row r="89" spans="1:13" ht="19.5" customHeight="1">
      <c r="A89" s="34" t="s">
        <v>92</v>
      </c>
      <c r="B89" s="17">
        <v>-32</v>
      </c>
      <c r="C89" s="18">
        <v>-25</v>
      </c>
      <c r="D89" s="18">
        <v>-7</v>
      </c>
      <c r="E89" s="17">
        <v>73</v>
      </c>
      <c r="F89" s="18">
        <v>49</v>
      </c>
      <c r="G89" s="19">
        <v>24</v>
      </c>
      <c r="H89" s="18">
        <v>313</v>
      </c>
      <c r="I89" s="18">
        <v>179</v>
      </c>
      <c r="J89" s="18">
        <v>134</v>
      </c>
      <c r="K89" s="17">
        <v>272</v>
      </c>
      <c r="L89" s="51">
        <v>155</v>
      </c>
      <c r="M89" s="52">
        <v>117</v>
      </c>
    </row>
    <row r="90" spans="1:13">
      <c r="A90" s="40" t="s">
        <v>93</v>
      </c>
      <c r="B90" s="21">
        <v>0</v>
      </c>
      <c r="C90" s="22">
        <v>0</v>
      </c>
      <c r="D90" s="22">
        <v>0</v>
      </c>
      <c r="E90" s="21">
        <v>16</v>
      </c>
      <c r="F90" s="22">
        <v>15</v>
      </c>
      <c r="G90" s="23">
        <v>1</v>
      </c>
      <c r="H90" s="22">
        <v>84</v>
      </c>
      <c r="I90" s="22">
        <v>52</v>
      </c>
      <c r="J90" s="22">
        <v>32</v>
      </c>
      <c r="K90" s="21">
        <v>68</v>
      </c>
      <c r="L90" s="53">
        <v>37</v>
      </c>
      <c r="M90" s="54">
        <v>31</v>
      </c>
    </row>
    <row r="91" spans="1:13">
      <c r="A91" s="40" t="s">
        <v>94</v>
      </c>
      <c r="B91" s="21">
        <v>-21</v>
      </c>
      <c r="C91" s="22">
        <v>-8</v>
      </c>
      <c r="D91" s="22">
        <v>-13</v>
      </c>
      <c r="E91" s="21">
        <v>19</v>
      </c>
      <c r="F91" s="22">
        <v>8</v>
      </c>
      <c r="G91" s="23">
        <v>11</v>
      </c>
      <c r="H91" s="22">
        <v>70</v>
      </c>
      <c r="I91" s="22">
        <v>44</v>
      </c>
      <c r="J91" s="22">
        <v>26</v>
      </c>
      <c r="K91" s="21">
        <v>72</v>
      </c>
      <c r="L91" s="53">
        <v>44</v>
      </c>
      <c r="M91" s="54">
        <v>28</v>
      </c>
    </row>
    <row r="92" spans="1:13">
      <c r="A92" s="40" t="s">
        <v>95</v>
      </c>
      <c r="B92" s="21">
        <v>-21</v>
      </c>
      <c r="C92" s="22">
        <v>-25</v>
      </c>
      <c r="D92" s="22">
        <v>4</v>
      </c>
      <c r="E92" s="21">
        <v>15</v>
      </c>
      <c r="F92" s="22">
        <v>13</v>
      </c>
      <c r="G92" s="23">
        <v>2</v>
      </c>
      <c r="H92" s="22">
        <v>52</v>
      </c>
      <c r="I92" s="22">
        <v>28</v>
      </c>
      <c r="J92" s="22">
        <v>24</v>
      </c>
      <c r="K92" s="21">
        <v>58</v>
      </c>
      <c r="L92" s="53">
        <v>40</v>
      </c>
      <c r="M92" s="54">
        <v>18</v>
      </c>
    </row>
    <row r="93" spans="1:13">
      <c r="A93" s="40" t="s">
        <v>96</v>
      </c>
      <c r="B93" s="21">
        <v>3</v>
      </c>
      <c r="C93" s="22">
        <v>2</v>
      </c>
      <c r="D93" s="22">
        <v>1</v>
      </c>
      <c r="E93" s="21">
        <v>12</v>
      </c>
      <c r="F93" s="22">
        <v>7</v>
      </c>
      <c r="G93" s="23">
        <v>5</v>
      </c>
      <c r="H93" s="22">
        <v>47</v>
      </c>
      <c r="I93" s="22">
        <v>24</v>
      </c>
      <c r="J93" s="22">
        <v>23</v>
      </c>
      <c r="K93" s="21">
        <v>32</v>
      </c>
      <c r="L93" s="53">
        <v>15</v>
      </c>
      <c r="M93" s="54">
        <v>17</v>
      </c>
    </row>
    <row r="94" spans="1:13">
      <c r="A94" s="40" t="s">
        <v>97</v>
      </c>
      <c r="B94" s="21">
        <v>7</v>
      </c>
      <c r="C94" s="22">
        <v>6</v>
      </c>
      <c r="D94" s="22">
        <v>1</v>
      </c>
      <c r="E94" s="21">
        <v>11</v>
      </c>
      <c r="F94" s="22">
        <v>6</v>
      </c>
      <c r="G94" s="23">
        <v>5</v>
      </c>
      <c r="H94" s="22">
        <v>60</v>
      </c>
      <c r="I94" s="22">
        <v>31</v>
      </c>
      <c r="J94" s="22">
        <v>29</v>
      </c>
      <c r="K94" s="21">
        <v>42</v>
      </c>
      <c r="L94" s="53">
        <v>19</v>
      </c>
      <c r="M94" s="54">
        <v>23</v>
      </c>
    </row>
    <row r="95" spans="1:13" ht="19.5" customHeight="1">
      <c r="A95" s="34" t="s">
        <v>98</v>
      </c>
      <c r="B95" s="17">
        <v>-92</v>
      </c>
      <c r="C95" s="18">
        <v>-83</v>
      </c>
      <c r="D95" s="18">
        <v>-9</v>
      </c>
      <c r="E95" s="17">
        <v>135</v>
      </c>
      <c r="F95" s="18">
        <v>93</v>
      </c>
      <c r="G95" s="19">
        <v>42</v>
      </c>
      <c r="H95" s="18">
        <v>278</v>
      </c>
      <c r="I95" s="18">
        <v>137</v>
      </c>
      <c r="J95" s="18">
        <v>141</v>
      </c>
      <c r="K95" s="17">
        <v>235</v>
      </c>
      <c r="L95" s="51">
        <v>127</v>
      </c>
      <c r="M95" s="52">
        <v>108</v>
      </c>
    </row>
    <row r="96" spans="1:13">
      <c r="A96" s="40" t="s">
        <v>99</v>
      </c>
      <c r="B96" s="21">
        <v>-8</v>
      </c>
      <c r="C96" s="22">
        <v>-9</v>
      </c>
      <c r="D96" s="22">
        <v>1</v>
      </c>
      <c r="E96" s="21">
        <v>22</v>
      </c>
      <c r="F96" s="22">
        <v>17</v>
      </c>
      <c r="G96" s="23">
        <v>5</v>
      </c>
      <c r="H96" s="22">
        <v>67</v>
      </c>
      <c r="I96" s="22">
        <v>33</v>
      </c>
      <c r="J96" s="22">
        <v>34</v>
      </c>
      <c r="K96" s="21">
        <v>53</v>
      </c>
      <c r="L96" s="53">
        <v>25</v>
      </c>
      <c r="M96" s="54">
        <v>28</v>
      </c>
    </row>
    <row r="97" spans="1:13">
      <c r="A97" s="40" t="s">
        <v>100</v>
      </c>
      <c r="B97" s="21">
        <v>-10</v>
      </c>
      <c r="C97" s="22">
        <v>-8</v>
      </c>
      <c r="D97" s="22">
        <v>-2</v>
      </c>
      <c r="E97" s="21">
        <v>19</v>
      </c>
      <c r="F97" s="22">
        <v>12</v>
      </c>
      <c r="G97" s="23">
        <v>7</v>
      </c>
      <c r="H97" s="22">
        <v>62</v>
      </c>
      <c r="I97" s="22">
        <v>25</v>
      </c>
      <c r="J97" s="22">
        <v>37</v>
      </c>
      <c r="K97" s="21">
        <v>53</v>
      </c>
      <c r="L97" s="53">
        <v>21</v>
      </c>
      <c r="M97" s="54">
        <v>32</v>
      </c>
    </row>
    <row r="98" spans="1:13">
      <c r="A98" s="40" t="s">
        <v>101</v>
      </c>
      <c r="B98" s="21">
        <v>-31</v>
      </c>
      <c r="C98" s="22">
        <v>-26</v>
      </c>
      <c r="D98" s="22">
        <v>-5</v>
      </c>
      <c r="E98" s="21">
        <v>21</v>
      </c>
      <c r="F98" s="22">
        <v>15</v>
      </c>
      <c r="G98" s="23">
        <v>6</v>
      </c>
      <c r="H98" s="22">
        <v>42</v>
      </c>
      <c r="I98" s="22">
        <v>21</v>
      </c>
      <c r="J98" s="22">
        <v>21</v>
      </c>
      <c r="K98" s="21">
        <v>52</v>
      </c>
      <c r="L98" s="53">
        <v>32</v>
      </c>
      <c r="M98" s="54">
        <v>20</v>
      </c>
    </row>
    <row r="99" spans="1:13">
      <c r="A99" s="40" t="s">
        <v>102</v>
      </c>
      <c r="B99" s="21">
        <v>-21</v>
      </c>
      <c r="C99" s="22">
        <v>-17</v>
      </c>
      <c r="D99" s="22">
        <v>-4</v>
      </c>
      <c r="E99" s="21">
        <v>39</v>
      </c>
      <c r="F99" s="22">
        <v>25</v>
      </c>
      <c r="G99" s="23">
        <v>14</v>
      </c>
      <c r="H99" s="22">
        <v>51</v>
      </c>
      <c r="I99" s="22">
        <v>29</v>
      </c>
      <c r="J99" s="22">
        <v>22</v>
      </c>
      <c r="K99" s="21">
        <v>33</v>
      </c>
      <c r="L99" s="53">
        <v>21</v>
      </c>
      <c r="M99" s="54">
        <v>12</v>
      </c>
    </row>
    <row r="100" spans="1:13">
      <c r="A100" s="40" t="s">
        <v>103</v>
      </c>
      <c r="B100" s="21">
        <v>-22</v>
      </c>
      <c r="C100" s="22">
        <v>-23</v>
      </c>
      <c r="D100" s="22">
        <v>1</v>
      </c>
      <c r="E100" s="21">
        <v>34</v>
      </c>
      <c r="F100" s="22">
        <v>24</v>
      </c>
      <c r="G100" s="23">
        <v>10</v>
      </c>
      <c r="H100" s="22">
        <v>56</v>
      </c>
      <c r="I100" s="22">
        <v>29</v>
      </c>
      <c r="J100" s="22">
        <v>27</v>
      </c>
      <c r="K100" s="21">
        <v>44</v>
      </c>
      <c r="L100" s="53">
        <v>28</v>
      </c>
      <c r="M100" s="54">
        <v>16</v>
      </c>
    </row>
    <row r="101" spans="1:13" ht="19.5" customHeight="1">
      <c r="A101" s="34" t="s">
        <v>104</v>
      </c>
      <c r="B101" s="17">
        <v>-166</v>
      </c>
      <c r="C101" s="18">
        <v>-116</v>
      </c>
      <c r="D101" s="18">
        <v>-50</v>
      </c>
      <c r="E101" s="17">
        <v>211</v>
      </c>
      <c r="F101" s="18">
        <v>145</v>
      </c>
      <c r="G101" s="19">
        <v>66</v>
      </c>
      <c r="H101" s="18">
        <v>235</v>
      </c>
      <c r="I101" s="18">
        <v>112</v>
      </c>
      <c r="J101" s="18">
        <v>123</v>
      </c>
      <c r="K101" s="17">
        <v>190</v>
      </c>
      <c r="L101" s="51">
        <v>83</v>
      </c>
      <c r="M101" s="52">
        <v>107</v>
      </c>
    </row>
    <row r="102" spans="1:13">
      <c r="A102" s="40" t="s">
        <v>105</v>
      </c>
      <c r="B102" s="21">
        <v>-34</v>
      </c>
      <c r="C102" s="22">
        <v>-24</v>
      </c>
      <c r="D102" s="22">
        <v>-10</v>
      </c>
      <c r="E102" s="21">
        <v>47</v>
      </c>
      <c r="F102" s="22">
        <v>32</v>
      </c>
      <c r="G102" s="23">
        <v>15</v>
      </c>
      <c r="H102" s="22">
        <v>53</v>
      </c>
      <c r="I102" s="22">
        <v>25</v>
      </c>
      <c r="J102" s="22">
        <v>28</v>
      </c>
      <c r="K102" s="21">
        <v>40</v>
      </c>
      <c r="L102" s="53">
        <v>17</v>
      </c>
      <c r="M102" s="54">
        <v>23</v>
      </c>
    </row>
    <row r="103" spans="1:13">
      <c r="A103" s="40" t="s">
        <v>106</v>
      </c>
      <c r="B103" s="21">
        <v>-44</v>
      </c>
      <c r="C103" s="22">
        <v>-30</v>
      </c>
      <c r="D103" s="22">
        <v>-14</v>
      </c>
      <c r="E103" s="21">
        <v>45</v>
      </c>
      <c r="F103" s="22">
        <v>29</v>
      </c>
      <c r="G103" s="23">
        <v>16</v>
      </c>
      <c r="H103" s="22">
        <v>48</v>
      </c>
      <c r="I103" s="22">
        <v>24</v>
      </c>
      <c r="J103" s="22">
        <v>24</v>
      </c>
      <c r="K103" s="21">
        <v>47</v>
      </c>
      <c r="L103" s="53">
        <v>25</v>
      </c>
      <c r="M103" s="54">
        <v>22</v>
      </c>
    </row>
    <row r="104" spans="1:13">
      <c r="A104" s="40" t="s">
        <v>107</v>
      </c>
      <c r="B104" s="21">
        <v>-46</v>
      </c>
      <c r="C104" s="22">
        <v>-28</v>
      </c>
      <c r="D104" s="22">
        <v>-18</v>
      </c>
      <c r="E104" s="21">
        <v>51</v>
      </c>
      <c r="F104" s="22">
        <v>34</v>
      </c>
      <c r="G104" s="23">
        <v>17</v>
      </c>
      <c r="H104" s="22">
        <v>58</v>
      </c>
      <c r="I104" s="22">
        <v>26</v>
      </c>
      <c r="J104" s="22">
        <v>32</v>
      </c>
      <c r="K104" s="21">
        <v>53</v>
      </c>
      <c r="L104" s="53">
        <v>20</v>
      </c>
      <c r="M104" s="54">
        <v>33</v>
      </c>
    </row>
    <row r="105" spans="1:13">
      <c r="A105" s="40" t="s">
        <v>108</v>
      </c>
      <c r="B105" s="21">
        <v>-25</v>
      </c>
      <c r="C105" s="22">
        <v>-21</v>
      </c>
      <c r="D105" s="22">
        <v>-4</v>
      </c>
      <c r="E105" s="21">
        <v>36</v>
      </c>
      <c r="F105" s="22">
        <v>27</v>
      </c>
      <c r="G105" s="23">
        <v>9</v>
      </c>
      <c r="H105" s="22">
        <v>39</v>
      </c>
      <c r="I105" s="22">
        <v>17</v>
      </c>
      <c r="J105" s="22">
        <v>22</v>
      </c>
      <c r="K105" s="21">
        <v>28</v>
      </c>
      <c r="L105" s="53">
        <v>11</v>
      </c>
      <c r="M105" s="54">
        <v>17</v>
      </c>
    </row>
    <row r="106" spans="1:13">
      <c r="A106" s="40" t="s">
        <v>109</v>
      </c>
      <c r="B106" s="21">
        <v>-17</v>
      </c>
      <c r="C106" s="22">
        <v>-13</v>
      </c>
      <c r="D106" s="22">
        <v>-4</v>
      </c>
      <c r="E106" s="21">
        <v>32</v>
      </c>
      <c r="F106" s="22">
        <v>23</v>
      </c>
      <c r="G106" s="23">
        <v>9</v>
      </c>
      <c r="H106" s="22">
        <v>37</v>
      </c>
      <c r="I106" s="22">
        <v>20</v>
      </c>
      <c r="J106" s="22">
        <v>17</v>
      </c>
      <c r="K106" s="21">
        <v>22</v>
      </c>
      <c r="L106" s="53">
        <v>10</v>
      </c>
      <c r="M106" s="54">
        <v>12</v>
      </c>
    </row>
    <row r="107" spans="1:13" ht="19.5" customHeight="1">
      <c r="A107" s="34" t="s">
        <v>110</v>
      </c>
      <c r="B107" s="17">
        <v>-271</v>
      </c>
      <c r="C107" s="18">
        <v>-172</v>
      </c>
      <c r="D107" s="18">
        <v>-99</v>
      </c>
      <c r="E107" s="17">
        <v>346</v>
      </c>
      <c r="F107" s="18">
        <v>212</v>
      </c>
      <c r="G107" s="19">
        <v>134</v>
      </c>
      <c r="H107" s="18">
        <v>209</v>
      </c>
      <c r="I107" s="18">
        <v>87</v>
      </c>
      <c r="J107" s="18">
        <v>122</v>
      </c>
      <c r="K107" s="17">
        <v>134</v>
      </c>
      <c r="L107" s="51">
        <v>47</v>
      </c>
      <c r="M107" s="52">
        <v>87</v>
      </c>
    </row>
    <row r="108" spans="1:13">
      <c r="A108" s="40" t="s">
        <v>111</v>
      </c>
      <c r="B108" s="21">
        <v>-32</v>
      </c>
      <c r="C108" s="22">
        <v>-30</v>
      </c>
      <c r="D108" s="22">
        <v>-2</v>
      </c>
      <c r="E108" s="21">
        <v>46</v>
      </c>
      <c r="F108" s="22">
        <v>31</v>
      </c>
      <c r="G108" s="23">
        <v>15</v>
      </c>
      <c r="H108" s="22">
        <v>38</v>
      </c>
      <c r="I108" s="22">
        <v>13</v>
      </c>
      <c r="J108" s="22">
        <v>25</v>
      </c>
      <c r="K108" s="21">
        <v>24</v>
      </c>
      <c r="L108" s="53">
        <v>12</v>
      </c>
      <c r="M108" s="54">
        <v>12</v>
      </c>
    </row>
    <row r="109" spans="1:13">
      <c r="A109" s="40" t="s">
        <v>112</v>
      </c>
      <c r="B109" s="21">
        <v>-46</v>
      </c>
      <c r="C109" s="22">
        <v>-34</v>
      </c>
      <c r="D109" s="22">
        <v>-12</v>
      </c>
      <c r="E109" s="21">
        <v>66</v>
      </c>
      <c r="F109" s="22">
        <v>45</v>
      </c>
      <c r="G109" s="23">
        <v>21</v>
      </c>
      <c r="H109" s="22">
        <v>43</v>
      </c>
      <c r="I109" s="22">
        <v>17</v>
      </c>
      <c r="J109" s="22">
        <v>26</v>
      </c>
      <c r="K109" s="21">
        <v>23</v>
      </c>
      <c r="L109" s="53">
        <v>6</v>
      </c>
      <c r="M109" s="54">
        <v>17</v>
      </c>
    </row>
    <row r="110" spans="1:13">
      <c r="A110" s="40" t="s">
        <v>113</v>
      </c>
      <c r="B110" s="21">
        <v>-71</v>
      </c>
      <c r="C110" s="22">
        <v>-44</v>
      </c>
      <c r="D110" s="22">
        <v>-27</v>
      </c>
      <c r="E110" s="21">
        <v>78</v>
      </c>
      <c r="F110" s="22">
        <v>53</v>
      </c>
      <c r="G110" s="23">
        <v>25</v>
      </c>
      <c r="H110" s="22">
        <v>43</v>
      </c>
      <c r="I110" s="22">
        <v>25</v>
      </c>
      <c r="J110" s="22">
        <v>18</v>
      </c>
      <c r="K110" s="21">
        <v>36</v>
      </c>
      <c r="L110" s="53">
        <v>16</v>
      </c>
      <c r="M110" s="54">
        <v>20</v>
      </c>
    </row>
    <row r="111" spans="1:13">
      <c r="A111" s="40" t="s">
        <v>114</v>
      </c>
      <c r="B111" s="21">
        <v>-57</v>
      </c>
      <c r="C111" s="22">
        <v>-34</v>
      </c>
      <c r="D111" s="22">
        <v>-23</v>
      </c>
      <c r="E111" s="21">
        <v>73</v>
      </c>
      <c r="F111" s="22">
        <v>43</v>
      </c>
      <c r="G111" s="23">
        <v>30</v>
      </c>
      <c r="H111" s="22">
        <v>41</v>
      </c>
      <c r="I111" s="22">
        <v>16</v>
      </c>
      <c r="J111" s="22">
        <v>25</v>
      </c>
      <c r="K111" s="21">
        <v>25</v>
      </c>
      <c r="L111" s="53">
        <v>7</v>
      </c>
      <c r="M111" s="54">
        <v>18</v>
      </c>
    </row>
    <row r="112" spans="1:13">
      <c r="A112" s="40" t="s">
        <v>115</v>
      </c>
      <c r="B112" s="21">
        <v>-65</v>
      </c>
      <c r="C112" s="22">
        <v>-30</v>
      </c>
      <c r="D112" s="22">
        <v>-35</v>
      </c>
      <c r="E112" s="21">
        <v>83</v>
      </c>
      <c r="F112" s="22">
        <v>40</v>
      </c>
      <c r="G112" s="23">
        <v>43</v>
      </c>
      <c r="H112" s="22">
        <v>44</v>
      </c>
      <c r="I112" s="22">
        <v>16</v>
      </c>
      <c r="J112" s="22">
        <v>28</v>
      </c>
      <c r="K112" s="21">
        <v>26</v>
      </c>
      <c r="L112" s="53">
        <v>6</v>
      </c>
      <c r="M112" s="54">
        <v>20</v>
      </c>
    </row>
    <row r="113" spans="1:13" ht="19.5" customHeight="1">
      <c r="A113" s="34" t="s">
        <v>116</v>
      </c>
      <c r="B113" s="17">
        <v>-363</v>
      </c>
      <c r="C113" s="18">
        <v>-217</v>
      </c>
      <c r="D113" s="18">
        <v>-146</v>
      </c>
      <c r="E113" s="17">
        <v>415</v>
      </c>
      <c r="F113" s="18">
        <v>242</v>
      </c>
      <c r="G113" s="19">
        <v>173</v>
      </c>
      <c r="H113" s="18">
        <v>178</v>
      </c>
      <c r="I113" s="18">
        <v>68</v>
      </c>
      <c r="J113" s="18">
        <v>110</v>
      </c>
      <c r="K113" s="17">
        <v>126</v>
      </c>
      <c r="L113" s="51">
        <v>43</v>
      </c>
      <c r="M113" s="52">
        <v>83</v>
      </c>
    </row>
    <row r="114" spans="1:13">
      <c r="A114" s="40" t="s">
        <v>117</v>
      </c>
      <c r="B114" s="21">
        <v>-61</v>
      </c>
      <c r="C114" s="22">
        <v>-43</v>
      </c>
      <c r="D114" s="22">
        <v>-18</v>
      </c>
      <c r="E114" s="21">
        <v>67</v>
      </c>
      <c r="F114" s="22">
        <v>42</v>
      </c>
      <c r="G114" s="23">
        <v>25</v>
      </c>
      <c r="H114" s="22">
        <v>35</v>
      </c>
      <c r="I114" s="22">
        <v>12</v>
      </c>
      <c r="J114" s="22">
        <v>23</v>
      </c>
      <c r="K114" s="21">
        <v>29</v>
      </c>
      <c r="L114" s="53">
        <v>13</v>
      </c>
      <c r="M114" s="54">
        <v>16</v>
      </c>
    </row>
    <row r="115" spans="1:13">
      <c r="A115" s="40" t="s">
        <v>118</v>
      </c>
      <c r="B115" s="21">
        <v>-62</v>
      </c>
      <c r="C115" s="22">
        <v>-41</v>
      </c>
      <c r="D115" s="22">
        <v>-21</v>
      </c>
      <c r="E115" s="21">
        <v>73</v>
      </c>
      <c r="F115" s="22">
        <v>49</v>
      </c>
      <c r="G115" s="23">
        <v>24</v>
      </c>
      <c r="H115" s="22">
        <v>33</v>
      </c>
      <c r="I115" s="22">
        <v>17</v>
      </c>
      <c r="J115" s="22">
        <v>16</v>
      </c>
      <c r="K115" s="21">
        <v>22</v>
      </c>
      <c r="L115" s="53">
        <v>9</v>
      </c>
      <c r="M115" s="54">
        <v>13</v>
      </c>
    </row>
    <row r="116" spans="1:13">
      <c r="A116" s="40" t="s">
        <v>119</v>
      </c>
      <c r="B116" s="21">
        <v>-66</v>
      </c>
      <c r="C116" s="22">
        <v>-36</v>
      </c>
      <c r="D116" s="22">
        <v>-30</v>
      </c>
      <c r="E116" s="21">
        <v>78</v>
      </c>
      <c r="F116" s="22">
        <v>41</v>
      </c>
      <c r="G116" s="23">
        <v>37</v>
      </c>
      <c r="H116" s="22">
        <v>35</v>
      </c>
      <c r="I116" s="22">
        <v>14</v>
      </c>
      <c r="J116" s="22">
        <v>21</v>
      </c>
      <c r="K116" s="21">
        <v>23</v>
      </c>
      <c r="L116" s="53">
        <v>9</v>
      </c>
      <c r="M116" s="54">
        <v>14</v>
      </c>
    </row>
    <row r="117" spans="1:13">
      <c r="A117" s="40" t="s">
        <v>120</v>
      </c>
      <c r="B117" s="21">
        <v>-79</v>
      </c>
      <c r="C117" s="22">
        <v>-49</v>
      </c>
      <c r="D117" s="22">
        <v>-30</v>
      </c>
      <c r="E117" s="21">
        <v>94</v>
      </c>
      <c r="F117" s="22">
        <v>55</v>
      </c>
      <c r="G117" s="23">
        <v>39</v>
      </c>
      <c r="H117" s="22">
        <v>41</v>
      </c>
      <c r="I117" s="22">
        <v>13</v>
      </c>
      <c r="J117" s="22">
        <v>28</v>
      </c>
      <c r="K117" s="21">
        <v>26</v>
      </c>
      <c r="L117" s="53">
        <v>7</v>
      </c>
      <c r="M117" s="54">
        <v>19</v>
      </c>
    </row>
    <row r="118" spans="1:13">
      <c r="A118" s="40" t="s">
        <v>121</v>
      </c>
      <c r="B118" s="21">
        <v>-95</v>
      </c>
      <c r="C118" s="22">
        <v>-48</v>
      </c>
      <c r="D118" s="22">
        <v>-47</v>
      </c>
      <c r="E118" s="21">
        <v>103</v>
      </c>
      <c r="F118" s="22">
        <v>55</v>
      </c>
      <c r="G118" s="23">
        <v>48</v>
      </c>
      <c r="H118" s="22">
        <v>34</v>
      </c>
      <c r="I118" s="22">
        <v>12</v>
      </c>
      <c r="J118" s="22">
        <v>22</v>
      </c>
      <c r="K118" s="21">
        <v>26</v>
      </c>
      <c r="L118" s="53">
        <v>5</v>
      </c>
      <c r="M118" s="54">
        <v>21</v>
      </c>
    </row>
    <row r="119" spans="1:13" ht="19.5" customHeight="1">
      <c r="A119" s="34" t="s">
        <v>122</v>
      </c>
      <c r="B119" s="17">
        <v>-431</v>
      </c>
      <c r="C119" s="18">
        <v>-230</v>
      </c>
      <c r="D119" s="18">
        <v>-201</v>
      </c>
      <c r="E119" s="17">
        <v>494</v>
      </c>
      <c r="F119" s="18">
        <v>248</v>
      </c>
      <c r="G119" s="19">
        <v>246</v>
      </c>
      <c r="H119" s="18">
        <v>167</v>
      </c>
      <c r="I119" s="18">
        <v>45</v>
      </c>
      <c r="J119" s="18">
        <v>122</v>
      </c>
      <c r="K119" s="17">
        <v>104</v>
      </c>
      <c r="L119" s="51">
        <v>27</v>
      </c>
      <c r="M119" s="52">
        <v>77</v>
      </c>
    </row>
    <row r="120" spans="1:13">
      <c r="A120" s="40" t="s">
        <v>123</v>
      </c>
      <c r="B120" s="21">
        <v>-62</v>
      </c>
      <c r="C120" s="22">
        <v>-37</v>
      </c>
      <c r="D120" s="22">
        <v>-25</v>
      </c>
      <c r="E120" s="21">
        <v>76</v>
      </c>
      <c r="F120" s="22">
        <v>36</v>
      </c>
      <c r="G120" s="23">
        <v>40</v>
      </c>
      <c r="H120" s="22">
        <v>41</v>
      </c>
      <c r="I120" s="22">
        <v>9</v>
      </c>
      <c r="J120" s="22">
        <v>32</v>
      </c>
      <c r="K120" s="21">
        <v>27</v>
      </c>
      <c r="L120" s="53">
        <v>10</v>
      </c>
      <c r="M120" s="54">
        <v>17</v>
      </c>
    </row>
    <row r="121" spans="1:13">
      <c r="A121" s="40" t="s">
        <v>124</v>
      </c>
      <c r="B121" s="21">
        <v>-109</v>
      </c>
      <c r="C121" s="22">
        <v>-65</v>
      </c>
      <c r="D121" s="22">
        <v>-44</v>
      </c>
      <c r="E121" s="21">
        <v>110</v>
      </c>
      <c r="F121" s="22">
        <v>66</v>
      </c>
      <c r="G121" s="23">
        <v>44</v>
      </c>
      <c r="H121" s="22">
        <v>24</v>
      </c>
      <c r="I121" s="22">
        <v>6</v>
      </c>
      <c r="J121" s="22">
        <v>18</v>
      </c>
      <c r="K121" s="21">
        <v>23</v>
      </c>
      <c r="L121" s="53">
        <v>5</v>
      </c>
      <c r="M121" s="54">
        <v>18</v>
      </c>
    </row>
    <row r="122" spans="1:13">
      <c r="A122" s="40" t="s">
        <v>125</v>
      </c>
      <c r="B122" s="21">
        <v>-105</v>
      </c>
      <c r="C122" s="22">
        <v>-56</v>
      </c>
      <c r="D122" s="22">
        <v>-49</v>
      </c>
      <c r="E122" s="21">
        <v>112</v>
      </c>
      <c r="F122" s="22">
        <v>60</v>
      </c>
      <c r="G122" s="23">
        <v>52</v>
      </c>
      <c r="H122" s="22">
        <v>25</v>
      </c>
      <c r="I122" s="22">
        <v>9</v>
      </c>
      <c r="J122" s="22">
        <v>16</v>
      </c>
      <c r="K122" s="21">
        <v>18</v>
      </c>
      <c r="L122" s="53">
        <v>5</v>
      </c>
      <c r="M122" s="54">
        <v>13</v>
      </c>
    </row>
    <row r="123" spans="1:13">
      <c r="A123" s="40" t="s">
        <v>126</v>
      </c>
      <c r="B123" s="21">
        <v>-83</v>
      </c>
      <c r="C123" s="22">
        <v>-41</v>
      </c>
      <c r="D123" s="22">
        <v>-42</v>
      </c>
      <c r="E123" s="21">
        <v>102</v>
      </c>
      <c r="F123" s="22">
        <v>45</v>
      </c>
      <c r="G123" s="23">
        <v>57</v>
      </c>
      <c r="H123" s="22">
        <v>37</v>
      </c>
      <c r="I123" s="22">
        <v>7</v>
      </c>
      <c r="J123" s="22">
        <v>30</v>
      </c>
      <c r="K123" s="21">
        <v>18</v>
      </c>
      <c r="L123" s="53">
        <v>3</v>
      </c>
      <c r="M123" s="54">
        <v>15</v>
      </c>
    </row>
    <row r="124" spans="1:13">
      <c r="A124" s="40" t="s">
        <v>127</v>
      </c>
      <c r="B124" s="21">
        <v>-72</v>
      </c>
      <c r="C124" s="22">
        <v>-31</v>
      </c>
      <c r="D124" s="22">
        <v>-41</v>
      </c>
      <c r="E124" s="21">
        <v>94</v>
      </c>
      <c r="F124" s="22">
        <v>41</v>
      </c>
      <c r="G124" s="23">
        <v>53</v>
      </c>
      <c r="H124" s="22">
        <v>40</v>
      </c>
      <c r="I124" s="22">
        <v>14</v>
      </c>
      <c r="J124" s="22">
        <v>26</v>
      </c>
      <c r="K124" s="21">
        <v>18</v>
      </c>
      <c r="L124" s="53">
        <v>4</v>
      </c>
      <c r="M124" s="54">
        <v>14</v>
      </c>
    </row>
    <row r="125" spans="1:13" ht="19.5" customHeight="1">
      <c r="A125" s="34" t="s">
        <v>128</v>
      </c>
      <c r="B125" s="17">
        <v>-374</v>
      </c>
      <c r="C125" s="18">
        <v>-158</v>
      </c>
      <c r="D125" s="18">
        <v>-216</v>
      </c>
      <c r="E125" s="17">
        <v>391</v>
      </c>
      <c r="F125" s="18">
        <v>167</v>
      </c>
      <c r="G125" s="19">
        <v>224</v>
      </c>
      <c r="H125" s="18">
        <v>87</v>
      </c>
      <c r="I125" s="18">
        <v>26</v>
      </c>
      <c r="J125" s="18">
        <v>61</v>
      </c>
      <c r="K125" s="17">
        <v>70</v>
      </c>
      <c r="L125" s="51">
        <v>17</v>
      </c>
      <c r="M125" s="52">
        <v>53</v>
      </c>
    </row>
    <row r="126" spans="1:13">
      <c r="A126" s="40" t="s">
        <v>129</v>
      </c>
      <c r="B126" s="21">
        <v>-101</v>
      </c>
      <c r="C126" s="22">
        <v>-45</v>
      </c>
      <c r="D126" s="22">
        <v>-56</v>
      </c>
      <c r="E126" s="21">
        <v>103</v>
      </c>
      <c r="F126" s="22">
        <v>49</v>
      </c>
      <c r="G126" s="23">
        <v>54</v>
      </c>
      <c r="H126" s="22">
        <v>20</v>
      </c>
      <c r="I126" s="22">
        <v>7</v>
      </c>
      <c r="J126" s="22">
        <v>13</v>
      </c>
      <c r="K126" s="21">
        <v>18</v>
      </c>
      <c r="L126" s="53">
        <v>3</v>
      </c>
      <c r="M126" s="54">
        <v>15</v>
      </c>
    </row>
    <row r="127" spans="1:13">
      <c r="A127" s="40" t="s">
        <v>130</v>
      </c>
      <c r="B127" s="21">
        <v>-86</v>
      </c>
      <c r="C127" s="22">
        <v>-41</v>
      </c>
      <c r="D127" s="22">
        <v>-45</v>
      </c>
      <c r="E127" s="21">
        <v>84</v>
      </c>
      <c r="F127" s="22">
        <v>39</v>
      </c>
      <c r="G127" s="23">
        <v>45</v>
      </c>
      <c r="H127" s="22">
        <v>15</v>
      </c>
      <c r="I127" s="22">
        <v>4</v>
      </c>
      <c r="J127" s="22">
        <v>11</v>
      </c>
      <c r="K127" s="21">
        <v>17</v>
      </c>
      <c r="L127" s="53">
        <v>6</v>
      </c>
      <c r="M127" s="54">
        <v>11</v>
      </c>
    </row>
    <row r="128" spans="1:13">
      <c r="A128" s="40" t="s">
        <v>131</v>
      </c>
      <c r="B128" s="21">
        <v>-69</v>
      </c>
      <c r="C128" s="22">
        <v>-34</v>
      </c>
      <c r="D128" s="22">
        <v>-35</v>
      </c>
      <c r="E128" s="21">
        <v>74</v>
      </c>
      <c r="F128" s="22">
        <v>34</v>
      </c>
      <c r="G128" s="23">
        <v>40</v>
      </c>
      <c r="H128" s="22">
        <v>19</v>
      </c>
      <c r="I128" s="22">
        <v>3</v>
      </c>
      <c r="J128" s="22">
        <v>16</v>
      </c>
      <c r="K128" s="21">
        <v>14</v>
      </c>
      <c r="L128" s="53">
        <v>3</v>
      </c>
      <c r="M128" s="54">
        <v>11</v>
      </c>
    </row>
    <row r="129" spans="1:13">
      <c r="A129" s="40" t="s">
        <v>132</v>
      </c>
      <c r="B129" s="21">
        <v>-61</v>
      </c>
      <c r="C129" s="22">
        <v>-19</v>
      </c>
      <c r="D129" s="22">
        <v>-42</v>
      </c>
      <c r="E129" s="21">
        <v>67</v>
      </c>
      <c r="F129" s="22">
        <v>27</v>
      </c>
      <c r="G129" s="23">
        <v>40</v>
      </c>
      <c r="H129" s="22">
        <v>17</v>
      </c>
      <c r="I129" s="22">
        <v>10</v>
      </c>
      <c r="J129" s="22">
        <v>7</v>
      </c>
      <c r="K129" s="21">
        <v>11</v>
      </c>
      <c r="L129" s="53">
        <v>2</v>
      </c>
      <c r="M129" s="54">
        <v>9</v>
      </c>
    </row>
    <row r="130" spans="1:13">
      <c r="A130" s="40" t="s">
        <v>133</v>
      </c>
      <c r="B130" s="21">
        <v>-57</v>
      </c>
      <c r="C130" s="22">
        <v>-19</v>
      </c>
      <c r="D130" s="22">
        <v>-38</v>
      </c>
      <c r="E130" s="21">
        <v>63</v>
      </c>
      <c r="F130" s="22">
        <v>18</v>
      </c>
      <c r="G130" s="23">
        <v>45</v>
      </c>
      <c r="H130" s="22">
        <v>16</v>
      </c>
      <c r="I130" s="22">
        <v>2</v>
      </c>
      <c r="J130" s="22">
        <v>14</v>
      </c>
      <c r="K130" s="21">
        <v>10</v>
      </c>
      <c r="L130" s="53">
        <v>3</v>
      </c>
      <c r="M130" s="54">
        <v>7</v>
      </c>
    </row>
    <row r="131" spans="1:13" ht="19.5" customHeight="1">
      <c r="A131" s="34" t="s">
        <v>134</v>
      </c>
      <c r="B131" s="17">
        <v>-180</v>
      </c>
      <c r="C131" s="18">
        <v>-46</v>
      </c>
      <c r="D131" s="18">
        <v>-134</v>
      </c>
      <c r="E131" s="17">
        <v>185</v>
      </c>
      <c r="F131" s="18">
        <v>46</v>
      </c>
      <c r="G131" s="19">
        <v>139</v>
      </c>
      <c r="H131" s="18">
        <v>28</v>
      </c>
      <c r="I131" s="18">
        <v>8</v>
      </c>
      <c r="J131" s="18">
        <v>20</v>
      </c>
      <c r="K131" s="17">
        <v>23</v>
      </c>
      <c r="L131" s="51">
        <v>8</v>
      </c>
      <c r="M131" s="52">
        <v>15</v>
      </c>
    </row>
    <row r="132" spans="1:13">
      <c r="A132" s="40" t="s">
        <v>135</v>
      </c>
      <c r="B132" s="21">
        <v>-61</v>
      </c>
      <c r="C132" s="22">
        <v>-25</v>
      </c>
      <c r="D132" s="22">
        <v>-36</v>
      </c>
      <c r="E132" s="21">
        <v>61</v>
      </c>
      <c r="F132" s="22">
        <v>24</v>
      </c>
      <c r="G132" s="23">
        <v>37</v>
      </c>
      <c r="H132" s="22">
        <v>9</v>
      </c>
      <c r="I132" s="22">
        <v>4</v>
      </c>
      <c r="J132" s="22">
        <v>5</v>
      </c>
      <c r="K132" s="21">
        <v>9</v>
      </c>
      <c r="L132" s="53">
        <v>5</v>
      </c>
      <c r="M132" s="54">
        <v>4</v>
      </c>
    </row>
    <row r="133" spans="1:13">
      <c r="A133" s="40" t="s">
        <v>136</v>
      </c>
      <c r="B133" s="21">
        <v>-39</v>
      </c>
      <c r="C133" s="22">
        <v>-9</v>
      </c>
      <c r="D133" s="22">
        <v>-30</v>
      </c>
      <c r="E133" s="21">
        <v>42</v>
      </c>
      <c r="F133" s="22">
        <v>9</v>
      </c>
      <c r="G133" s="23">
        <v>33</v>
      </c>
      <c r="H133" s="22">
        <v>9</v>
      </c>
      <c r="I133" s="22">
        <v>2</v>
      </c>
      <c r="J133" s="22">
        <v>7</v>
      </c>
      <c r="K133" s="21">
        <v>6</v>
      </c>
      <c r="L133" s="53">
        <v>2</v>
      </c>
      <c r="M133" s="54">
        <v>4</v>
      </c>
    </row>
    <row r="134" spans="1:13">
      <c r="A134" s="40" t="s">
        <v>137</v>
      </c>
      <c r="B134" s="21">
        <v>-41</v>
      </c>
      <c r="C134" s="22">
        <v>-4</v>
      </c>
      <c r="D134" s="22">
        <v>-37</v>
      </c>
      <c r="E134" s="21">
        <v>38</v>
      </c>
      <c r="F134" s="22">
        <v>4</v>
      </c>
      <c r="G134" s="23">
        <v>34</v>
      </c>
      <c r="H134" s="22">
        <v>2</v>
      </c>
      <c r="I134" s="22">
        <v>0</v>
      </c>
      <c r="J134" s="22">
        <v>2</v>
      </c>
      <c r="K134" s="21">
        <v>5</v>
      </c>
      <c r="L134" s="53">
        <v>0</v>
      </c>
      <c r="M134" s="54">
        <v>5</v>
      </c>
    </row>
    <row r="135" spans="1:13">
      <c r="A135" s="40" t="s">
        <v>138</v>
      </c>
      <c r="B135" s="21">
        <v>-21</v>
      </c>
      <c r="C135" s="22">
        <v>-7</v>
      </c>
      <c r="D135" s="22">
        <v>-14</v>
      </c>
      <c r="E135" s="21">
        <v>22</v>
      </c>
      <c r="F135" s="22">
        <v>7</v>
      </c>
      <c r="G135" s="23">
        <v>15</v>
      </c>
      <c r="H135" s="22">
        <v>4</v>
      </c>
      <c r="I135" s="22">
        <v>1</v>
      </c>
      <c r="J135" s="22">
        <v>3</v>
      </c>
      <c r="K135" s="21">
        <v>3</v>
      </c>
      <c r="L135" s="53">
        <v>1</v>
      </c>
      <c r="M135" s="54">
        <v>2</v>
      </c>
    </row>
    <row r="136" spans="1:13">
      <c r="A136" s="40" t="s">
        <v>139</v>
      </c>
      <c r="B136" s="21">
        <v>-18</v>
      </c>
      <c r="C136" s="22">
        <v>-1</v>
      </c>
      <c r="D136" s="22">
        <v>-17</v>
      </c>
      <c r="E136" s="21">
        <v>22</v>
      </c>
      <c r="F136" s="22">
        <v>2</v>
      </c>
      <c r="G136" s="23">
        <v>20</v>
      </c>
      <c r="H136" s="22">
        <v>4</v>
      </c>
      <c r="I136" s="22">
        <v>1</v>
      </c>
      <c r="J136" s="22">
        <v>3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53</v>
      </c>
      <c r="C137" s="43">
        <v>-8</v>
      </c>
      <c r="D137" s="43">
        <v>-45</v>
      </c>
      <c r="E137" s="42">
        <v>54</v>
      </c>
      <c r="F137" s="43">
        <v>8</v>
      </c>
      <c r="G137" s="44">
        <v>46</v>
      </c>
      <c r="H137" s="43">
        <v>2</v>
      </c>
      <c r="I137" s="43">
        <v>0</v>
      </c>
      <c r="J137" s="43">
        <v>2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5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140</v>
      </c>
      <c r="C5" s="14">
        <v>-173</v>
      </c>
      <c r="D5" s="14">
        <v>33</v>
      </c>
      <c r="E5" s="13">
        <v>2140</v>
      </c>
      <c r="F5" s="14">
        <v>1168</v>
      </c>
      <c r="G5" s="15">
        <v>972</v>
      </c>
      <c r="H5" s="14">
        <v>10186</v>
      </c>
      <c r="I5" s="14">
        <v>5349</v>
      </c>
      <c r="J5" s="14">
        <v>4837</v>
      </c>
      <c r="K5" s="13">
        <v>9474</v>
      </c>
      <c r="L5" s="49">
        <v>5019</v>
      </c>
      <c r="M5" s="50">
        <v>4455</v>
      </c>
    </row>
    <row r="6" spans="1:13" ht="19.5" customHeight="1">
      <c r="A6" s="16" t="s">
        <v>13</v>
      </c>
      <c r="B6" s="17">
        <v>1441</v>
      </c>
      <c r="C6" s="18">
        <v>755</v>
      </c>
      <c r="D6" s="18">
        <v>686</v>
      </c>
      <c r="E6" s="17">
        <v>4</v>
      </c>
      <c r="F6" s="18">
        <v>0</v>
      </c>
      <c r="G6" s="19">
        <v>4</v>
      </c>
      <c r="H6" s="18">
        <v>636</v>
      </c>
      <c r="I6" s="18">
        <v>345</v>
      </c>
      <c r="J6" s="18">
        <v>291</v>
      </c>
      <c r="K6" s="17">
        <v>479</v>
      </c>
      <c r="L6" s="51">
        <v>255</v>
      </c>
      <c r="M6" s="52">
        <v>224</v>
      </c>
    </row>
    <row r="7" spans="1:13">
      <c r="A7" s="20" t="s">
        <v>14</v>
      </c>
      <c r="B7" s="21">
        <v>1285</v>
      </c>
      <c r="C7" s="22">
        <v>668</v>
      </c>
      <c r="D7" s="22">
        <v>617</v>
      </c>
      <c r="E7" s="21">
        <v>2</v>
      </c>
      <c r="F7" s="22">
        <v>0</v>
      </c>
      <c r="G7" s="23">
        <v>2</v>
      </c>
      <c r="H7" s="22">
        <v>78</v>
      </c>
      <c r="I7" s="22">
        <v>41</v>
      </c>
      <c r="J7" s="22">
        <v>37</v>
      </c>
      <c r="K7" s="21">
        <v>79</v>
      </c>
      <c r="L7" s="53">
        <v>38</v>
      </c>
      <c r="M7" s="54">
        <v>41</v>
      </c>
    </row>
    <row r="8" spans="1:13">
      <c r="A8" s="20" t="s">
        <v>15</v>
      </c>
      <c r="B8" s="21">
        <v>42</v>
      </c>
      <c r="C8" s="22">
        <v>21</v>
      </c>
      <c r="D8" s="22">
        <v>21</v>
      </c>
      <c r="E8" s="21">
        <v>2</v>
      </c>
      <c r="F8" s="22">
        <v>0</v>
      </c>
      <c r="G8" s="23">
        <v>2</v>
      </c>
      <c r="H8" s="22">
        <v>192</v>
      </c>
      <c r="I8" s="22">
        <v>108</v>
      </c>
      <c r="J8" s="22">
        <v>84</v>
      </c>
      <c r="K8" s="21">
        <v>148</v>
      </c>
      <c r="L8" s="53">
        <v>87</v>
      </c>
      <c r="M8" s="54">
        <v>61</v>
      </c>
    </row>
    <row r="9" spans="1:13">
      <c r="A9" s="20" t="s">
        <v>16</v>
      </c>
      <c r="B9" s="21">
        <v>33</v>
      </c>
      <c r="C9" s="22">
        <v>30</v>
      </c>
      <c r="D9" s="22">
        <v>3</v>
      </c>
      <c r="E9" s="21">
        <v>0</v>
      </c>
      <c r="F9" s="22">
        <v>0</v>
      </c>
      <c r="G9" s="23">
        <v>0</v>
      </c>
      <c r="H9" s="22">
        <v>151</v>
      </c>
      <c r="I9" s="22">
        <v>83</v>
      </c>
      <c r="J9" s="22">
        <v>68</v>
      </c>
      <c r="K9" s="21">
        <v>118</v>
      </c>
      <c r="L9" s="53">
        <v>53</v>
      </c>
      <c r="M9" s="54">
        <v>65</v>
      </c>
    </row>
    <row r="10" spans="1:13">
      <c r="A10" s="20" t="s">
        <v>17</v>
      </c>
      <c r="B10" s="21">
        <v>53</v>
      </c>
      <c r="C10" s="22">
        <v>21</v>
      </c>
      <c r="D10" s="22">
        <v>32</v>
      </c>
      <c r="E10" s="21">
        <v>0</v>
      </c>
      <c r="F10" s="22">
        <v>0</v>
      </c>
      <c r="G10" s="23">
        <v>0</v>
      </c>
      <c r="H10" s="22">
        <v>130</v>
      </c>
      <c r="I10" s="22">
        <v>75</v>
      </c>
      <c r="J10" s="22">
        <v>55</v>
      </c>
      <c r="K10" s="21">
        <v>77</v>
      </c>
      <c r="L10" s="53">
        <v>54</v>
      </c>
      <c r="M10" s="54">
        <v>23</v>
      </c>
    </row>
    <row r="11" spans="1:13">
      <c r="A11" s="20" t="s">
        <v>18</v>
      </c>
      <c r="B11" s="21">
        <v>28</v>
      </c>
      <c r="C11" s="22">
        <v>15</v>
      </c>
      <c r="D11" s="22">
        <v>13</v>
      </c>
      <c r="E11" s="21">
        <v>0</v>
      </c>
      <c r="F11" s="22">
        <v>0</v>
      </c>
      <c r="G11" s="23">
        <v>0</v>
      </c>
      <c r="H11" s="22">
        <v>85</v>
      </c>
      <c r="I11" s="22">
        <v>38</v>
      </c>
      <c r="J11" s="22">
        <v>47</v>
      </c>
      <c r="K11" s="21">
        <v>57</v>
      </c>
      <c r="L11" s="53">
        <v>23</v>
      </c>
      <c r="M11" s="54">
        <v>34</v>
      </c>
    </row>
    <row r="12" spans="1:13" ht="20.100000000000001" customHeight="1">
      <c r="A12" s="16" t="s">
        <v>19</v>
      </c>
      <c r="B12" s="17">
        <v>60</v>
      </c>
      <c r="C12" s="18">
        <v>32</v>
      </c>
      <c r="D12" s="18">
        <v>28</v>
      </c>
      <c r="E12" s="17">
        <v>1</v>
      </c>
      <c r="F12" s="18">
        <v>0</v>
      </c>
      <c r="G12" s="19">
        <v>1</v>
      </c>
      <c r="H12" s="18">
        <v>292</v>
      </c>
      <c r="I12" s="18">
        <v>143</v>
      </c>
      <c r="J12" s="18">
        <v>149</v>
      </c>
      <c r="K12" s="17">
        <v>231</v>
      </c>
      <c r="L12" s="51">
        <v>111</v>
      </c>
      <c r="M12" s="52">
        <v>120</v>
      </c>
    </row>
    <row r="13" spans="1:13">
      <c r="A13" s="20" t="s">
        <v>20</v>
      </c>
      <c r="B13" s="21">
        <v>32</v>
      </c>
      <c r="C13" s="22">
        <v>19</v>
      </c>
      <c r="D13" s="22">
        <v>13</v>
      </c>
      <c r="E13" s="21">
        <v>0</v>
      </c>
      <c r="F13" s="22">
        <v>0</v>
      </c>
      <c r="G13" s="23">
        <v>0</v>
      </c>
      <c r="H13" s="22">
        <v>83</v>
      </c>
      <c r="I13" s="22">
        <v>40</v>
      </c>
      <c r="J13" s="22">
        <v>43</v>
      </c>
      <c r="K13" s="21">
        <v>51</v>
      </c>
      <c r="L13" s="53">
        <v>21</v>
      </c>
      <c r="M13" s="54">
        <v>30</v>
      </c>
    </row>
    <row r="14" spans="1:13">
      <c r="A14" s="20" t="s">
        <v>21</v>
      </c>
      <c r="B14" s="21">
        <v>21</v>
      </c>
      <c r="C14" s="22">
        <v>11</v>
      </c>
      <c r="D14" s="22">
        <v>10</v>
      </c>
      <c r="E14" s="21">
        <v>0</v>
      </c>
      <c r="F14" s="22">
        <v>0</v>
      </c>
      <c r="G14" s="23">
        <v>0</v>
      </c>
      <c r="H14" s="22">
        <v>73</v>
      </c>
      <c r="I14" s="22">
        <v>39</v>
      </c>
      <c r="J14" s="22">
        <v>34</v>
      </c>
      <c r="K14" s="21">
        <v>52</v>
      </c>
      <c r="L14" s="53">
        <v>28</v>
      </c>
      <c r="M14" s="54">
        <v>24</v>
      </c>
    </row>
    <row r="15" spans="1:13">
      <c r="A15" s="20" t="s">
        <v>22</v>
      </c>
      <c r="B15" s="21">
        <v>-2</v>
      </c>
      <c r="C15" s="22">
        <v>0</v>
      </c>
      <c r="D15" s="22">
        <v>-2</v>
      </c>
      <c r="E15" s="21">
        <v>0</v>
      </c>
      <c r="F15" s="22">
        <v>0</v>
      </c>
      <c r="G15" s="23">
        <v>0</v>
      </c>
      <c r="H15" s="22">
        <v>59</v>
      </c>
      <c r="I15" s="22">
        <v>32</v>
      </c>
      <c r="J15" s="22">
        <v>27</v>
      </c>
      <c r="K15" s="21">
        <v>61</v>
      </c>
      <c r="L15" s="53">
        <v>32</v>
      </c>
      <c r="M15" s="54">
        <v>29</v>
      </c>
    </row>
    <row r="16" spans="1:13">
      <c r="A16" s="20" t="s">
        <v>23</v>
      </c>
      <c r="B16" s="21">
        <v>6</v>
      </c>
      <c r="C16" s="22">
        <v>-3</v>
      </c>
      <c r="D16" s="22">
        <v>9</v>
      </c>
      <c r="E16" s="21">
        <v>0</v>
      </c>
      <c r="F16" s="22">
        <v>0</v>
      </c>
      <c r="G16" s="23">
        <v>0</v>
      </c>
      <c r="H16" s="22">
        <v>39</v>
      </c>
      <c r="I16" s="22">
        <v>15</v>
      </c>
      <c r="J16" s="22">
        <v>24</v>
      </c>
      <c r="K16" s="21">
        <v>33</v>
      </c>
      <c r="L16" s="53">
        <v>18</v>
      </c>
      <c r="M16" s="54">
        <v>15</v>
      </c>
    </row>
    <row r="17" spans="1:13">
      <c r="A17" s="20" t="s">
        <v>24</v>
      </c>
      <c r="B17" s="21">
        <v>3</v>
      </c>
      <c r="C17" s="22">
        <v>5</v>
      </c>
      <c r="D17" s="22">
        <v>-2</v>
      </c>
      <c r="E17" s="21">
        <v>1</v>
      </c>
      <c r="F17" s="22">
        <v>0</v>
      </c>
      <c r="G17" s="23">
        <v>1</v>
      </c>
      <c r="H17" s="22">
        <v>38</v>
      </c>
      <c r="I17" s="22">
        <v>17</v>
      </c>
      <c r="J17" s="22">
        <v>21</v>
      </c>
      <c r="K17" s="21">
        <v>34</v>
      </c>
      <c r="L17" s="53">
        <v>12</v>
      </c>
      <c r="M17" s="54">
        <v>22</v>
      </c>
    </row>
    <row r="18" spans="1:13" ht="20.100000000000001" customHeight="1">
      <c r="A18" s="16" t="s">
        <v>25</v>
      </c>
      <c r="B18" s="17">
        <v>17</v>
      </c>
      <c r="C18" s="18">
        <v>-2</v>
      </c>
      <c r="D18" s="18">
        <v>19</v>
      </c>
      <c r="E18" s="17">
        <v>0</v>
      </c>
      <c r="F18" s="18">
        <v>0</v>
      </c>
      <c r="G18" s="19">
        <v>0</v>
      </c>
      <c r="H18" s="18">
        <v>174</v>
      </c>
      <c r="I18" s="18">
        <v>91</v>
      </c>
      <c r="J18" s="18">
        <v>83</v>
      </c>
      <c r="K18" s="17">
        <v>157</v>
      </c>
      <c r="L18" s="51">
        <v>93</v>
      </c>
      <c r="M18" s="52">
        <v>64</v>
      </c>
    </row>
    <row r="19" spans="1:13">
      <c r="A19" s="20" t="s">
        <v>26</v>
      </c>
      <c r="B19" s="21">
        <v>7</v>
      </c>
      <c r="C19" s="22">
        <v>-2</v>
      </c>
      <c r="D19" s="22">
        <v>9</v>
      </c>
      <c r="E19" s="21">
        <v>0</v>
      </c>
      <c r="F19" s="22">
        <v>0</v>
      </c>
      <c r="G19" s="23">
        <v>0</v>
      </c>
      <c r="H19" s="22">
        <v>40</v>
      </c>
      <c r="I19" s="22">
        <v>20</v>
      </c>
      <c r="J19" s="22">
        <v>20</v>
      </c>
      <c r="K19" s="21">
        <v>33</v>
      </c>
      <c r="L19" s="53">
        <v>22</v>
      </c>
      <c r="M19" s="54">
        <v>11</v>
      </c>
    </row>
    <row r="20" spans="1:13">
      <c r="A20" s="20" t="s">
        <v>27</v>
      </c>
      <c r="B20" s="21">
        <v>-6</v>
      </c>
      <c r="C20" s="22">
        <v>-3</v>
      </c>
      <c r="D20" s="22">
        <v>-3</v>
      </c>
      <c r="E20" s="21">
        <v>0</v>
      </c>
      <c r="F20" s="22">
        <v>0</v>
      </c>
      <c r="G20" s="23">
        <v>0</v>
      </c>
      <c r="H20" s="22">
        <v>26</v>
      </c>
      <c r="I20" s="22">
        <v>17</v>
      </c>
      <c r="J20" s="22">
        <v>9</v>
      </c>
      <c r="K20" s="21">
        <v>32</v>
      </c>
      <c r="L20" s="53">
        <v>20</v>
      </c>
      <c r="M20" s="54">
        <v>12</v>
      </c>
    </row>
    <row r="21" spans="1:13">
      <c r="A21" s="20" t="s">
        <v>28</v>
      </c>
      <c r="B21" s="21">
        <v>-2</v>
      </c>
      <c r="C21" s="22">
        <v>-4</v>
      </c>
      <c r="D21" s="22">
        <v>2</v>
      </c>
      <c r="E21" s="21">
        <v>0</v>
      </c>
      <c r="F21" s="22">
        <v>0</v>
      </c>
      <c r="G21" s="23">
        <v>0</v>
      </c>
      <c r="H21" s="22">
        <v>32</v>
      </c>
      <c r="I21" s="22">
        <v>17</v>
      </c>
      <c r="J21" s="22">
        <v>15</v>
      </c>
      <c r="K21" s="21">
        <v>34</v>
      </c>
      <c r="L21" s="53">
        <v>21</v>
      </c>
      <c r="M21" s="54">
        <v>13</v>
      </c>
    </row>
    <row r="22" spans="1:13">
      <c r="A22" s="20" t="s">
        <v>29</v>
      </c>
      <c r="B22" s="21">
        <v>2</v>
      </c>
      <c r="C22" s="22">
        <v>-4</v>
      </c>
      <c r="D22" s="22">
        <v>6</v>
      </c>
      <c r="E22" s="21">
        <v>0</v>
      </c>
      <c r="F22" s="22">
        <v>0</v>
      </c>
      <c r="G22" s="23">
        <v>0</v>
      </c>
      <c r="H22" s="22">
        <v>43</v>
      </c>
      <c r="I22" s="22">
        <v>19</v>
      </c>
      <c r="J22" s="22">
        <v>24</v>
      </c>
      <c r="K22" s="21">
        <v>41</v>
      </c>
      <c r="L22" s="53">
        <v>23</v>
      </c>
      <c r="M22" s="54">
        <v>18</v>
      </c>
    </row>
    <row r="23" spans="1:13">
      <c r="A23" s="20" t="s">
        <v>30</v>
      </c>
      <c r="B23" s="21">
        <v>16</v>
      </c>
      <c r="C23" s="22">
        <v>11</v>
      </c>
      <c r="D23" s="22">
        <v>5</v>
      </c>
      <c r="E23" s="21">
        <v>0</v>
      </c>
      <c r="F23" s="22">
        <v>0</v>
      </c>
      <c r="G23" s="23">
        <v>0</v>
      </c>
      <c r="H23" s="22">
        <v>33</v>
      </c>
      <c r="I23" s="22">
        <v>18</v>
      </c>
      <c r="J23" s="22">
        <v>15</v>
      </c>
      <c r="K23" s="21">
        <v>17</v>
      </c>
      <c r="L23" s="53">
        <v>7</v>
      </c>
      <c r="M23" s="54">
        <v>10</v>
      </c>
    </row>
    <row r="24" spans="1:13" ht="20.100000000000001" customHeight="1">
      <c r="A24" s="16" t="s">
        <v>31</v>
      </c>
      <c r="B24" s="17">
        <v>69</v>
      </c>
      <c r="C24" s="18">
        <v>49</v>
      </c>
      <c r="D24" s="18">
        <v>20</v>
      </c>
      <c r="E24" s="17">
        <v>1</v>
      </c>
      <c r="F24" s="18">
        <v>1</v>
      </c>
      <c r="G24" s="19">
        <v>0</v>
      </c>
      <c r="H24" s="18">
        <v>308</v>
      </c>
      <c r="I24" s="18">
        <v>150</v>
      </c>
      <c r="J24" s="18">
        <v>158</v>
      </c>
      <c r="K24" s="17">
        <v>238</v>
      </c>
      <c r="L24" s="51">
        <v>100</v>
      </c>
      <c r="M24" s="52">
        <v>138</v>
      </c>
    </row>
    <row r="25" spans="1:13">
      <c r="A25" s="20" t="s">
        <v>32</v>
      </c>
      <c r="B25" s="21">
        <v>7</v>
      </c>
      <c r="C25" s="22">
        <v>9</v>
      </c>
      <c r="D25" s="22">
        <v>-2</v>
      </c>
      <c r="E25" s="21">
        <v>0</v>
      </c>
      <c r="F25" s="22">
        <v>0</v>
      </c>
      <c r="G25" s="23">
        <v>0</v>
      </c>
      <c r="H25" s="22">
        <v>35</v>
      </c>
      <c r="I25" s="22">
        <v>19</v>
      </c>
      <c r="J25" s="22">
        <v>16</v>
      </c>
      <c r="K25" s="21">
        <v>28</v>
      </c>
      <c r="L25" s="53">
        <v>10</v>
      </c>
      <c r="M25" s="54">
        <v>18</v>
      </c>
    </row>
    <row r="26" spans="1:13">
      <c r="A26" s="20" t="s">
        <v>33</v>
      </c>
      <c r="B26" s="21">
        <v>10</v>
      </c>
      <c r="C26" s="22">
        <v>1</v>
      </c>
      <c r="D26" s="22">
        <v>9</v>
      </c>
      <c r="E26" s="21">
        <v>1</v>
      </c>
      <c r="F26" s="22">
        <v>1</v>
      </c>
      <c r="G26" s="23">
        <v>0</v>
      </c>
      <c r="H26" s="22">
        <v>56</v>
      </c>
      <c r="I26" s="22">
        <v>19</v>
      </c>
      <c r="J26" s="22">
        <v>37</v>
      </c>
      <c r="K26" s="21">
        <v>45</v>
      </c>
      <c r="L26" s="53">
        <v>17</v>
      </c>
      <c r="M26" s="54">
        <v>28</v>
      </c>
    </row>
    <row r="27" spans="1:13">
      <c r="A27" s="20" t="s">
        <v>34</v>
      </c>
      <c r="B27" s="21">
        <v>9</v>
      </c>
      <c r="C27" s="22">
        <v>5</v>
      </c>
      <c r="D27" s="22">
        <v>4</v>
      </c>
      <c r="E27" s="21">
        <v>0</v>
      </c>
      <c r="F27" s="22">
        <v>0</v>
      </c>
      <c r="G27" s="23">
        <v>0</v>
      </c>
      <c r="H27" s="22">
        <v>41</v>
      </c>
      <c r="I27" s="22">
        <v>16</v>
      </c>
      <c r="J27" s="22">
        <v>25</v>
      </c>
      <c r="K27" s="21">
        <v>32</v>
      </c>
      <c r="L27" s="53">
        <v>11</v>
      </c>
      <c r="M27" s="54">
        <v>21</v>
      </c>
    </row>
    <row r="28" spans="1:13">
      <c r="A28" s="20" t="s">
        <v>35</v>
      </c>
      <c r="B28" s="21">
        <v>4</v>
      </c>
      <c r="C28" s="22">
        <v>7</v>
      </c>
      <c r="D28" s="22">
        <v>-3</v>
      </c>
      <c r="E28" s="21">
        <v>0</v>
      </c>
      <c r="F28" s="22">
        <v>0</v>
      </c>
      <c r="G28" s="23">
        <v>0</v>
      </c>
      <c r="H28" s="22">
        <v>56</v>
      </c>
      <c r="I28" s="22">
        <v>29</v>
      </c>
      <c r="J28" s="22">
        <v>27</v>
      </c>
      <c r="K28" s="21">
        <v>52</v>
      </c>
      <c r="L28" s="53">
        <v>22</v>
      </c>
      <c r="M28" s="54">
        <v>30</v>
      </c>
    </row>
    <row r="29" spans="1:13">
      <c r="A29" s="20" t="s">
        <v>36</v>
      </c>
      <c r="B29" s="21">
        <v>39</v>
      </c>
      <c r="C29" s="22">
        <v>27</v>
      </c>
      <c r="D29" s="22">
        <v>12</v>
      </c>
      <c r="E29" s="21">
        <v>0</v>
      </c>
      <c r="F29" s="22">
        <v>0</v>
      </c>
      <c r="G29" s="23">
        <v>0</v>
      </c>
      <c r="H29" s="22">
        <v>120</v>
      </c>
      <c r="I29" s="22">
        <v>67</v>
      </c>
      <c r="J29" s="22">
        <v>53</v>
      </c>
      <c r="K29" s="21">
        <v>81</v>
      </c>
      <c r="L29" s="53">
        <v>40</v>
      </c>
      <c r="M29" s="54">
        <v>41</v>
      </c>
    </row>
    <row r="30" spans="1:13" ht="20.100000000000001" customHeight="1">
      <c r="A30" s="16" t="s">
        <v>37</v>
      </c>
      <c r="B30" s="17">
        <v>66</v>
      </c>
      <c r="C30" s="18">
        <v>15</v>
      </c>
      <c r="D30" s="18">
        <v>51</v>
      </c>
      <c r="E30" s="17">
        <v>6</v>
      </c>
      <c r="F30" s="18">
        <v>5</v>
      </c>
      <c r="G30" s="19">
        <v>1</v>
      </c>
      <c r="H30" s="18">
        <v>1341</v>
      </c>
      <c r="I30" s="18">
        <v>678</v>
      </c>
      <c r="J30" s="18">
        <v>663</v>
      </c>
      <c r="K30" s="17">
        <v>1269</v>
      </c>
      <c r="L30" s="51">
        <v>658</v>
      </c>
      <c r="M30" s="52">
        <v>611</v>
      </c>
    </row>
    <row r="31" spans="1:13">
      <c r="A31" s="20" t="s">
        <v>38</v>
      </c>
      <c r="B31" s="21">
        <v>8</v>
      </c>
      <c r="C31" s="22">
        <v>5</v>
      </c>
      <c r="D31" s="22">
        <v>3</v>
      </c>
      <c r="E31" s="21">
        <v>4</v>
      </c>
      <c r="F31" s="22">
        <v>3</v>
      </c>
      <c r="G31" s="23">
        <v>1</v>
      </c>
      <c r="H31" s="22">
        <v>122</v>
      </c>
      <c r="I31" s="22">
        <v>65</v>
      </c>
      <c r="J31" s="22">
        <v>57</v>
      </c>
      <c r="K31" s="21">
        <v>110</v>
      </c>
      <c r="L31" s="53">
        <v>57</v>
      </c>
      <c r="M31" s="54">
        <v>53</v>
      </c>
    </row>
    <row r="32" spans="1:13">
      <c r="A32" s="20" t="s">
        <v>39</v>
      </c>
      <c r="B32" s="21">
        <v>51</v>
      </c>
      <c r="C32" s="22">
        <v>36</v>
      </c>
      <c r="D32" s="22">
        <v>15</v>
      </c>
      <c r="E32" s="21">
        <v>1</v>
      </c>
      <c r="F32" s="22">
        <v>1</v>
      </c>
      <c r="G32" s="23">
        <v>0</v>
      </c>
      <c r="H32" s="22">
        <v>184</v>
      </c>
      <c r="I32" s="22">
        <v>96</v>
      </c>
      <c r="J32" s="22">
        <v>88</v>
      </c>
      <c r="K32" s="21">
        <v>132</v>
      </c>
      <c r="L32" s="53">
        <v>59</v>
      </c>
      <c r="M32" s="54">
        <v>73</v>
      </c>
    </row>
    <row r="33" spans="1:13">
      <c r="A33" s="20" t="s">
        <v>40</v>
      </c>
      <c r="B33" s="21">
        <v>6</v>
      </c>
      <c r="C33" s="22">
        <v>-9</v>
      </c>
      <c r="D33" s="22">
        <v>15</v>
      </c>
      <c r="E33" s="21">
        <v>0</v>
      </c>
      <c r="F33" s="22">
        <v>0</v>
      </c>
      <c r="G33" s="23">
        <v>0</v>
      </c>
      <c r="H33" s="22">
        <v>230</v>
      </c>
      <c r="I33" s="22">
        <v>106</v>
      </c>
      <c r="J33" s="22">
        <v>124</v>
      </c>
      <c r="K33" s="21">
        <v>224</v>
      </c>
      <c r="L33" s="53">
        <v>115</v>
      </c>
      <c r="M33" s="54">
        <v>109</v>
      </c>
    </row>
    <row r="34" spans="1:13">
      <c r="A34" s="20" t="s">
        <v>41</v>
      </c>
      <c r="B34" s="21">
        <v>33</v>
      </c>
      <c r="C34" s="22">
        <v>3</v>
      </c>
      <c r="D34" s="22">
        <v>30</v>
      </c>
      <c r="E34" s="21">
        <v>1</v>
      </c>
      <c r="F34" s="22">
        <v>1</v>
      </c>
      <c r="G34" s="23">
        <v>0</v>
      </c>
      <c r="H34" s="22">
        <v>444</v>
      </c>
      <c r="I34" s="22">
        <v>231</v>
      </c>
      <c r="J34" s="22">
        <v>213</v>
      </c>
      <c r="K34" s="21">
        <v>410</v>
      </c>
      <c r="L34" s="53">
        <v>227</v>
      </c>
      <c r="M34" s="54">
        <v>183</v>
      </c>
    </row>
    <row r="35" spans="1:13">
      <c r="A35" s="20" t="s">
        <v>42</v>
      </c>
      <c r="B35" s="21">
        <v>-32</v>
      </c>
      <c r="C35" s="22">
        <v>-20</v>
      </c>
      <c r="D35" s="22">
        <v>-12</v>
      </c>
      <c r="E35" s="21">
        <v>0</v>
      </c>
      <c r="F35" s="22">
        <v>0</v>
      </c>
      <c r="G35" s="23">
        <v>0</v>
      </c>
      <c r="H35" s="22">
        <v>361</v>
      </c>
      <c r="I35" s="22">
        <v>180</v>
      </c>
      <c r="J35" s="22">
        <v>181</v>
      </c>
      <c r="K35" s="21">
        <v>393</v>
      </c>
      <c r="L35" s="53">
        <v>200</v>
      </c>
      <c r="M35" s="54">
        <v>193</v>
      </c>
    </row>
    <row r="36" spans="1:13" ht="20.100000000000001" customHeight="1">
      <c r="A36" s="16" t="s">
        <v>43</v>
      </c>
      <c r="B36" s="17">
        <v>145</v>
      </c>
      <c r="C36" s="18">
        <v>98</v>
      </c>
      <c r="D36" s="18">
        <v>47</v>
      </c>
      <c r="E36" s="17">
        <v>2</v>
      </c>
      <c r="F36" s="18">
        <v>2</v>
      </c>
      <c r="G36" s="19">
        <v>0</v>
      </c>
      <c r="H36" s="18">
        <v>2061</v>
      </c>
      <c r="I36" s="18">
        <v>1088</v>
      </c>
      <c r="J36" s="18">
        <v>973</v>
      </c>
      <c r="K36" s="17">
        <v>1914</v>
      </c>
      <c r="L36" s="51">
        <v>988</v>
      </c>
      <c r="M36" s="52">
        <v>926</v>
      </c>
    </row>
    <row r="37" spans="1:13">
      <c r="A37" s="20" t="s">
        <v>44</v>
      </c>
      <c r="B37" s="21">
        <v>7</v>
      </c>
      <c r="C37" s="22">
        <v>-11</v>
      </c>
      <c r="D37" s="22">
        <v>18</v>
      </c>
      <c r="E37" s="21">
        <v>0</v>
      </c>
      <c r="F37" s="22">
        <v>0</v>
      </c>
      <c r="G37" s="23">
        <v>0</v>
      </c>
      <c r="H37" s="22">
        <v>441</v>
      </c>
      <c r="I37" s="22">
        <v>215</v>
      </c>
      <c r="J37" s="22">
        <v>226</v>
      </c>
      <c r="K37" s="21">
        <v>434</v>
      </c>
      <c r="L37" s="53">
        <v>226</v>
      </c>
      <c r="M37" s="54">
        <v>208</v>
      </c>
    </row>
    <row r="38" spans="1:13">
      <c r="A38" s="20" t="s">
        <v>45</v>
      </c>
      <c r="B38" s="21">
        <v>15</v>
      </c>
      <c r="C38" s="22">
        <v>30</v>
      </c>
      <c r="D38" s="22">
        <v>-15</v>
      </c>
      <c r="E38" s="21">
        <v>0</v>
      </c>
      <c r="F38" s="22">
        <v>0</v>
      </c>
      <c r="G38" s="23">
        <v>0</v>
      </c>
      <c r="H38" s="22">
        <v>401</v>
      </c>
      <c r="I38" s="22">
        <v>225</v>
      </c>
      <c r="J38" s="22">
        <v>176</v>
      </c>
      <c r="K38" s="21">
        <v>386</v>
      </c>
      <c r="L38" s="53">
        <v>195</v>
      </c>
      <c r="M38" s="54">
        <v>191</v>
      </c>
    </row>
    <row r="39" spans="1:13">
      <c r="A39" s="20" t="s">
        <v>46</v>
      </c>
      <c r="B39" s="21">
        <v>19</v>
      </c>
      <c r="C39" s="22">
        <v>8</v>
      </c>
      <c r="D39" s="22">
        <v>11</v>
      </c>
      <c r="E39" s="21">
        <v>2</v>
      </c>
      <c r="F39" s="22">
        <v>2</v>
      </c>
      <c r="G39" s="23">
        <v>0</v>
      </c>
      <c r="H39" s="22">
        <v>425</v>
      </c>
      <c r="I39" s="22">
        <v>217</v>
      </c>
      <c r="J39" s="22">
        <v>208</v>
      </c>
      <c r="K39" s="21">
        <v>404</v>
      </c>
      <c r="L39" s="53">
        <v>207</v>
      </c>
      <c r="M39" s="54">
        <v>197</v>
      </c>
    </row>
    <row r="40" spans="1:13">
      <c r="A40" s="20" t="s">
        <v>47</v>
      </c>
      <c r="B40" s="21">
        <v>44</v>
      </c>
      <c r="C40" s="22">
        <v>19</v>
      </c>
      <c r="D40" s="22">
        <v>25</v>
      </c>
      <c r="E40" s="21">
        <v>0</v>
      </c>
      <c r="F40" s="22">
        <v>0</v>
      </c>
      <c r="G40" s="23">
        <v>0</v>
      </c>
      <c r="H40" s="22">
        <v>405</v>
      </c>
      <c r="I40" s="22">
        <v>205</v>
      </c>
      <c r="J40" s="22">
        <v>200</v>
      </c>
      <c r="K40" s="21">
        <v>361</v>
      </c>
      <c r="L40" s="53">
        <v>186</v>
      </c>
      <c r="M40" s="54">
        <v>175</v>
      </c>
    </row>
    <row r="41" spans="1:13">
      <c r="A41" s="20" t="s">
        <v>48</v>
      </c>
      <c r="B41" s="21">
        <v>60</v>
      </c>
      <c r="C41" s="22">
        <v>52</v>
      </c>
      <c r="D41" s="22">
        <v>8</v>
      </c>
      <c r="E41" s="21">
        <v>0</v>
      </c>
      <c r="F41" s="22">
        <v>0</v>
      </c>
      <c r="G41" s="23">
        <v>0</v>
      </c>
      <c r="H41" s="22">
        <v>389</v>
      </c>
      <c r="I41" s="22">
        <v>226</v>
      </c>
      <c r="J41" s="22">
        <v>163</v>
      </c>
      <c r="K41" s="21">
        <v>329</v>
      </c>
      <c r="L41" s="53">
        <v>174</v>
      </c>
      <c r="M41" s="54">
        <v>155</v>
      </c>
    </row>
    <row r="42" spans="1:13" ht="20.100000000000001" customHeight="1">
      <c r="A42" s="16" t="s">
        <v>49</v>
      </c>
      <c r="B42" s="17">
        <v>128</v>
      </c>
      <c r="C42" s="18">
        <v>65</v>
      </c>
      <c r="D42" s="18">
        <v>63</v>
      </c>
      <c r="E42" s="17">
        <v>3</v>
      </c>
      <c r="F42" s="18">
        <v>2</v>
      </c>
      <c r="G42" s="19">
        <v>1</v>
      </c>
      <c r="H42" s="18">
        <v>1510</v>
      </c>
      <c r="I42" s="18">
        <v>804</v>
      </c>
      <c r="J42" s="18">
        <v>706</v>
      </c>
      <c r="K42" s="17">
        <v>1379</v>
      </c>
      <c r="L42" s="51">
        <v>737</v>
      </c>
      <c r="M42" s="52">
        <v>642</v>
      </c>
    </row>
    <row r="43" spans="1:13">
      <c r="A43" s="20" t="s">
        <v>50</v>
      </c>
      <c r="B43" s="21">
        <v>16</v>
      </c>
      <c r="C43" s="22">
        <v>3</v>
      </c>
      <c r="D43" s="22">
        <v>13</v>
      </c>
      <c r="E43" s="21">
        <v>0</v>
      </c>
      <c r="F43" s="22">
        <v>0</v>
      </c>
      <c r="G43" s="23">
        <v>0</v>
      </c>
      <c r="H43" s="22">
        <v>353</v>
      </c>
      <c r="I43" s="22">
        <v>184</v>
      </c>
      <c r="J43" s="22">
        <v>169</v>
      </c>
      <c r="K43" s="21">
        <v>337</v>
      </c>
      <c r="L43" s="53">
        <v>181</v>
      </c>
      <c r="M43" s="54">
        <v>156</v>
      </c>
    </row>
    <row r="44" spans="1:13">
      <c r="A44" s="20" t="s">
        <v>51</v>
      </c>
      <c r="B44" s="21">
        <v>11</v>
      </c>
      <c r="C44" s="22">
        <v>24</v>
      </c>
      <c r="D44" s="22">
        <v>-13</v>
      </c>
      <c r="E44" s="21">
        <v>1</v>
      </c>
      <c r="F44" s="22">
        <v>1</v>
      </c>
      <c r="G44" s="23">
        <v>0</v>
      </c>
      <c r="H44" s="22">
        <v>339</v>
      </c>
      <c r="I44" s="22">
        <v>179</v>
      </c>
      <c r="J44" s="22">
        <v>160</v>
      </c>
      <c r="K44" s="21">
        <v>327</v>
      </c>
      <c r="L44" s="53">
        <v>154</v>
      </c>
      <c r="M44" s="54">
        <v>173</v>
      </c>
    </row>
    <row r="45" spans="1:13">
      <c r="A45" s="20" t="s">
        <v>52</v>
      </c>
      <c r="B45" s="21">
        <v>-9</v>
      </c>
      <c r="C45" s="22">
        <v>-4</v>
      </c>
      <c r="D45" s="22">
        <v>-5</v>
      </c>
      <c r="E45" s="21">
        <v>0</v>
      </c>
      <c r="F45" s="22">
        <v>0</v>
      </c>
      <c r="G45" s="23">
        <v>0</v>
      </c>
      <c r="H45" s="22">
        <v>289</v>
      </c>
      <c r="I45" s="22">
        <v>163</v>
      </c>
      <c r="J45" s="22">
        <v>126</v>
      </c>
      <c r="K45" s="21">
        <v>298</v>
      </c>
      <c r="L45" s="53">
        <v>167</v>
      </c>
      <c r="M45" s="54">
        <v>131</v>
      </c>
    </row>
    <row r="46" spans="1:13">
      <c r="A46" s="20" t="s">
        <v>53</v>
      </c>
      <c r="B46" s="21">
        <v>66</v>
      </c>
      <c r="C46" s="22">
        <v>36</v>
      </c>
      <c r="D46" s="22">
        <v>30</v>
      </c>
      <c r="E46" s="21">
        <v>1</v>
      </c>
      <c r="F46" s="22">
        <v>0</v>
      </c>
      <c r="G46" s="23">
        <v>1</v>
      </c>
      <c r="H46" s="22">
        <v>288</v>
      </c>
      <c r="I46" s="22">
        <v>160</v>
      </c>
      <c r="J46" s="22">
        <v>128</v>
      </c>
      <c r="K46" s="21">
        <v>221</v>
      </c>
      <c r="L46" s="53">
        <v>124</v>
      </c>
      <c r="M46" s="54">
        <v>97</v>
      </c>
    </row>
    <row r="47" spans="1:13">
      <c r="A47" s="20" t="s">
        <v>54</v>
      </c>
      <c r="B47" s="21">
        <v>44</v>
      </c>
      <c r="C47" s="22">
        <v>6</v>
      </c>
      <c r="D47" s="22">
        <v>38</v>
      </c>
      <c r="E47" s="21">
        <v>1</v>
      </c>
      <c r="F47" s="22">
        <v>1</v>
      </c>
      <c r="G47" s="23">
        <v>0</v>
      </c>
      <c r="H47" s="22">
        <v>241</v>
      </c>
      <c r="I47" s="22">
        <v>118</v>
      </c>
      <c r="J47" s="22">
        <v>123</v>
      </c>
      <c r="K47" s="21">
        <v>196</v>
      </c>
      <c r="L47" s="53">
        <v>111</v>
      </c>
      <c r="M47" s="54">
        <v>85</v>
      </c>
    </row>
    <row r="48" spans="1:13" ht="20.100000000000001" customHeight="1">
      <c r="A48" s="16" t="s">
        <v>55</v>
      </c>
      <c r="B48" s="17">
        <v>127</v>
      </c>
      <c r="C48" s="18">
        <v>73</v>
      </c>
      <c r="D48" s="18">
        <v>54</v>
      </c>
      <c r="E48" s="17">
        <v>5</v>
      </c>
      <c r="F48" s="18">
        <v>4</v>
      </c>
      <c r="G48" s="19">
        <v>1</v>
      </c>
      <c r="H48" s="18">
        <v>1002</v>
      </c>
      <c r="I48" s="18">
        <v>554</v>
      </c>
      <c r="J48" s="18">
        <v>448</v>
      </c>
      <c r="K48" s="17">
        <v>870</v>
      </c>
      <c r="L48" s="51">
        <v>477</v>
      </c>
      <c r="M48" s="52">
        <v>393</v>
      </c>
    </row>
    <row r="49" spans="1:13">
      <c r="A49" s="20" t="s">
        <v>56</v>
      </c>
      <c r="B49" s="21">
        <v>54</v>
      </c>
      <c r="C49" s="22">
        <v>48</v>
      </c>
      <c r="D49" s="22">
        <v>6</v>
      </c>
      <c r="E49" s="21">
        <v>1</v>
      </c>
      <c r="F49" s="22">
        <v>1</v>
      </c>
      <c r="G49" s="23">
        <v>0</v>
      </c>
      <c r="H49" s="22">
        <v>252</v>
      </c>
      <c r="I49" s="22">
        <v>146</v>
      </c>
      <c r="J49" s="22">
        <v>106</v>
      </c>
      <c r="K49" s="21">
        <v>197</v>
      </c>
      <c r="L49" s="53">
        <v>97</v>
      </c>
      <c r="M49" s="54">
        <v>100</v>
      </c>
    </row>
    <row r="50" spans="1:13">
      <c r="A50" s="20" t="s">
        <v>57</v>
      </c>
      <c r="B50" s="21">
        <v>17</v>
      </c>
      <c r="C50" s="22">
        <v>16</v>
      </c>
      <c r="D50" s="22">
        <v>1</v>
      </c>
      <c r="E50" s="21">
        <v>0</v>
      </c>
      <c r="F50" s="22">
        <v>0</v>
      </c>
      <c r="G50" s="23">
        <v>0</v>
      </c>
      <c r="H50" s="22">
        <v>208</v>
      </c>
      <c r="I50" s="22">
        <v>122</v>
      </c>
      <c r="J50" s="22">
        <v>86</v>
      </c>
      <c r="K50" s="21">
        <v>191</v>
      </c>
      <c r="L50" s="53">
        <v>106</v>
      </c>
      <c r="M50" s="54">
        <v>85</v>
      </c>
    </row>
    <row r="51" spans="1:13">
      <c r="A51" s="20" t="s">
        <v>58</v>
      </c>
      <c r="B51" s="21">
        <v>16</v>
      </c>
      <c r="C51" s="22">
        <v>-2</v>
      </c>
      <c r="D51" s="22">
        <v>18</v>
      </c>
      <c r="E51" s="21">
        <v>3</v>
      </c>
      <c r="F51" s="22">
        <v>2</v>
      </c>
      <c r="G51" s="23">
        <v>1</v>
      </c>
      <c r="H51" s="22">
        <v>202</v>
      </c>
      <c r="I51" s="22">
        <v>105</v>
      </c>
      <c r="J51" s="22">
        <v>97</v>
      </c>
      <c r="K51" s="21">
        <v>183</v>
      </c>
      <c r="L51" s="53">
        <v>105</v>
      </c>
      <c r="M51" s="54">
        <v>78</v>
      </c>
    </row>
    <row r="52" spans="1:13">
      <c r="A52" s="20" t="s">
        <v>59</v>
      </c>
      <c r="B52" s="21">
        <v>-10</v>
      </c>
      <c r="C52" s="22">
        <v>-10</v>
      </c>
      <c r="D52" s="22">
        <v>0</v>
      </c>
      <c r="E52" s="21">
        <v>1</v>
      </c>
      <c r="F52" s="22">
        <v>1</v>
      </c>
      <c r="G52" s="23">
        <v>0</v>
      </c>
      <c r="H52" s="22">
        <v>164</v>
      </c>
      <c r="I52" s="22">
        <v>89</v>
      </c>
      <c r="J52" s="22">
        <v>75</v>
      </c>
      <c r="K52" s="21">
        <v>173</v>
      </c>
      <c r="L52" s="53">
        <v>98</v>
      </c>
      <c r="M52" s="54">
        <v>75</v>
      </c>
    </row>
    <row r="53" spans="1:13">
      <c r="A53" s="20" t="s">
        <v>60</v>
      </c>
      <c r="B53" s="21">
        <v>50</v>
      </c>
      <c r="C53" s="22">
        <v>21</v>
      </c>
      <c r="D53" s="22">
        <v>29</v>
      </c>
      <c r="E53" s="21">
        <v>0</v>
      </c>
      <c r="F53" s="22">
        <v>0</v>
      </c>
      <c r="G53" s="23">
        <v>0</v>
      </c>
      <c r="H53" s="22">
        <v>176</v>
      </c>
      <c r="I53" s="22">
        <v>92</v>
      </c>
      <c r="J53" s="22">
        <v>84</v>
      </c>
      <c r="K53" s="21">
        <v>126</v>
      </c>
      <c r="L53" s="53">
        <v>71</v>
      </c>
      <c r="M53" s="54">
        <v>55</v>
      </c>
    </row>
    <row r="54" spans="1:13" ht="20.100000000000001" customHeight="1">
      <c r="A54" s="16" t="s">
        <v>61</v>
      </c>
      <c r="B54" s="17">
        <v>-11</v>
      </c>
      <c r="C54" s="18">
        <v>6</v>
      </c>
      <c r="D54" s="18">
        <v>-17</v>
      </c>
      <c r="E54" s="17">
        <v>12</v>
      </c>
      <c r="F54" s="18">
        <v>7</v>
      </c>
      <c r="G54" s="19">
        <v>5</v>
      </c>
      <c r="H54" s="18">
        <v>647</v>
      </c>
      <c r="I54" s="18">
        <v>375</v>
      </c>
      <c r="J54" s="18">
        <v>272</v>
      </c>
      <c r="K54" s="17">
        <v>646</v>
      </c>
      <c r="L54" s="51">
        <v>362</v>
      </c>
      <c r="M54" s="52">
        <v>284</v>
      </c>
    </row>
    <row r="55" spans="1:13">
      <c r="A55" s="20" t="s">
        <v>62</v>
      </c>
      <c r="B55" s="21">
        <v>30</v>
      </c>
      <c r="C55" s="22">
        <v>23</v>
      </c>
      <c r="D55" s="22">
        <v>7</v>
      </c>
      <c r="E55" s="21">
        <v>1</v>
      </c>
      <c r="F55" s="22">
        <v>0</v>
      </c>
      <c r="G55" s="23">
        <v>1</v>
      </c>
      <c r="H55" s="22">
        <v>163</v>
      </c>
      <c r="I55" s="22">
        <v>87</v>
      </c>
      <c r="J55" s="22">
        <v>76</v>
      </c>
      <c r="K55" s="21">
        <v>132</v>
      </c>
      <c r="L55" s="53">
        <v>64</v>
      </c>
      <c r="M55" s="54">
        <v>68</v>
      </c>
    </row>
    <row r="56" spans="1:13">
      <c r="A56" s="20" t="s">
        <v>63</v>
      </c>
      <c r="B56" s="21">
        <v>-12</v>
      </c>
      <c r="C56" s="22">
        <v>4</v>
      </c>
      <c r="D56" s="22">
        <v>-16</v>
      </c>
      <c r="E56" s="21">
        <v>0</v>
      </c>
      <c r="F56" s="22">
        <v>0</v>
      </c>
      <c r="G56" s="23">
        <v>0</v>
      </c>
      <c r="H56" s="22">
        <v>109</v>
      </c>
      <c r="I56" s="22">
        <v>71</v>
      </c>
      <c r="J56" s="22">
        <v>38</v>
      </c>
      <c r="K56" s="21">
        <v>121</v>
      </c>
      <c r="L56" s="53">
        <v>67</v>
      </c>
      <c r="M56" s="54">
        <v>54</v>
      </c>
    </row>
    <row r="57" spans="1:13">
      <c r="A57" s="20" t="s">
        <v>64</v>
      </c>
      <c r="B57" s="21">
        <v>-21</v>
      </c>
      <c r="C57" s="22">
        <v>-15</v>
      </c>
      <c r="D57" s="22">
        <v>-6</v>
      </c>
      <c r="E57" s="21">
        <v>3</v>
      </c>
      <c r="F57" s="22">
        <v>1</v>
      </c>
      <c r="G57" s="23">
        <v>2</v>
      </c>
      <c r="H57" s="22">
        <v>138</v>
      </c>
      <c r="I57" s="22">
        <v>81</v>
      </c>
      <c r="J57" s="22">
        <v>57</v>
      </c>
      <c r="K57" s="21">
        <v>156</v>
      </c>
      <c r="L57" s="53">
        <v>95</v>
      </c>
      <c r="M57" s="54">
        <v>61</v>
      </c>
    </row>
    <row r="58" spans="1:13">
      <c r="A58" s="20" t="s">
        <v>65</v>
      </c>
      <c r="B58" s="21">
        <v>12</v>
      </c>
      <c r="C58" s="22">
        <v>5</v>
      </c>
      <c r="D58" s="22">
        <v>7</v>
      </c>
      <c r="E58" s="21">
        <v>4</v>
      </c>
      <c r="F58" s="22">
        <v>4</v>
      </c>
      <c r="G58" s="23">
        <v>0</v>
      </c>
      <c r="H58" s="22">
        <v>123</v>
      </c>
      <c r="I58" s="22">
        <v>74</v>
      </c>
      <c r="J58" s="22">
        <v>49</v>
      </c>
      <c r="K58" s="21">
        <v>107</v>
      </c>
      <c r="L58" s="53">
        <v>65</v>
      </c>
      <c r="M58" s="54">
        <v>42</v>
      </c>
    </row>
    <row r="59" spans="1:13">
      <c r="A59" s="20" t="s">
        <v>66</v>
      </c>
      <c r="B59" s="21">
        <v>-20</v>
      </c>
      <c r="C59" s="22">
        <v>-11</v>
      </c>
      <c r="D59" s="22">
        <v>-9</v>
      </c>
      <c r="E59" s="21">
        <v>4</v>
      </c>
      <c r="F59" s="22">
        <v>2</v>
      </c>
      <c r="G59" s="23">
        <v>2</v>
      </c>
      <c r="H59" s="22">
        <v>114</v>
      </c>
      <c r="I59" s="22">
        <v>62</v>
      </c>
      <c r="J59" s="22">
        <v>52</v>
      </c>
      <c r="K59" s="21">
        <v>130</v>
      </c>
      <c r="L59" s="53">
        <v>71</v>
      </c>
      <c r="M59" s="54">
        <v>59</v>
      </c>
    </row>
    <row r="60" spans="1:13" ht="20.100000000000001" customHeight="1">
      <c r="A60" s="16" t="s">
        <v>67</v>
      </c>
      <c r="B60" s="17">
        <v>54</v>
      </c>
      <c r="C60" s="18">
        <v>-12</v>
      </c>
      <c r="D60" s="18">
        <v>66</v>
      </c>
      <c r="E60" s="17">
        <v>25</v>
      </c>
      <c r="F60" s="18">
        <v>14</v>
      </c>
      <c r="G60" s="19">
        <v>11</v>
      </c>
      <c r="H60" s="18">
        <v>567</v>
      </c>
      <c r="I60" s="18">
        <v>305</v>
      </c>
      <c r="J60" s="18">
        <v>262</v>
      </c>
      <c r="K60" s="17">
        <v>488</v>
      </c>
      <c r="L60" s="51">
        <v>303</v>
      </c>
      <c r="M60" s="52">
        <v>185</v>
      </c>
    </row>
    <row r="61" spans="1:13">
      <c r="A61" s="20" t="s">
        <v>68</v>
      </c>
      <c r="B61" s="21">
        <v>36</v>
      </c>
      <c r="C61" s="22">
        <v>14</v>
      </c>
      <c r="D61" s="22">
        <v>22</v>
      </c>
      <c r="E61" s="21">
        <v>4</v>
      </c>
      <c r="F61" s="22">
        <v>2</v>
      </c>
      <c r="G61" s="23">
        <v>2</v>
      </c>
      <c r="H61" s="22">
        <v>128</v>
      </c>
      <c r="I61" s="22">
        <v>76</v>
      </c>
      <c r="J61" s="22">
        <v>52</v>
      </c>
      <c r="K61" s="21">
        <v>88</v>
      </c>
      <c r="L61" s="53">
        <v>60</v>
      </c>
      <c r="M61" s="54">
        <v>28</v>
      </c>
    </row>
    <row r="62" spans="1:13">
      <c r="A62" s="20" t="s">
        <v>69</v>
      </c>
      <c r="B62" s="21">
        <v>-22</v>
      </c>
      <c r="C62" s="22">
        <v>-23</v>
      </c>
      <c r="D62" s="22">
        <v>1</v>
      </c>
      <c r="E62" s="21">
        <v>8</v>
      </c>
      <c r="F62" s="22">
        <v>6</v>
      </c>
      <c r="G62" s="23">
        <v>2</v>
      </c>
      <c r="H62" s="22">
        <v>98</v>
      </c>
      <c r="I62" s="22">
        <v>48</v>
      </c>
      <c r="J62" s="22">
        <v>50</v>
      </c>
      <c r="K62" s="21">
        <v>112</v>
      </c>
      <c r="L62" s="53">
        <v>65</v>
      </c>
      <c r="M62" s="54">
        <v>47</v>
      </c>
    </row>
    <row r="63" spans="1:13">
      <c r="A63" s="20" t="s">
        <v>70</v>
      </c>
      <c r="B63" s="21">
        <v>29</v>
      </c>
      <c r="C63" s="22">
        <v>11</v>
      </c>
      <c r="D63" s="22">
        <v>18</v>
      </c>
      <c r="E63" s="21">
        <v>2</v>
      </c>
      <c r="F63" s="22">
        <v>1</v>
      </c>
      <c r="G63" s="23">
        <v>1</v>
      </c>
      <c r="H63" s="22">
        <v>123</v>
      </c>
      <c r="I63" s="22">
        <v>74</v>
      </c>
      <c r="J63" s="22">
        <v>49</v>
      </c>
      <c r="K63" s="21">
        <v>92</v>
      </c>
      <c r="L63" s="53">
        <v>62</v>
      </c>
      <c r="M63" s="54">
        <v>30</v>
      </c>
    </row>
    <row r="64" spans="1:13">
      <c r="A64" s="20" t="s">
        <v>71</v>
      </c>
      <c r="B64" s="21">
        <v>14</v>
      </c>
      <c r="C64" s="22">
        <v>2</v>
      </c>
      <c r="D64" s="22">
        <v>12</v>
      </c>
      <c r="E64" s="21">
        <v>4</v>
      </c>
      <c r="F64" s="22">
        <v>1</v>
      </c>
      <c r="G64" s="23">
        <v>3</v>
      </c>
      <c r="H64" s="22">
        <v>120</v>
      </c>
      <c r="I64" s="22">
        <v>64</v>
      </c>
      <c r="J64" s="22">
        <v>56</v>
      </c>
      <c r="K64" s="21">
        <v>102</v>
      </c>
      <c r="L64" s="53">
        <v>61</v>
      </c>
      <c r="M64" s="54">
        <v>41</v>
      </c>
    </row>
    <row r="65" spans="1:13">
      <c r="A65" s="24" t="s">
        <v>72</v>
      </c>
      <c r="B65" s="25">
        <v>-3</v>
      </c>
      <c r="C65" s="26">
        <v>-16</v>
      </c>
      <c r="D65" s="26">
        <v>13</v>
      </c>
      <c r="E65" s="25">
        <v>7</v>
      </c>
      <c r="F65" s="26">
        <v>4</v>
      </c>
      <c r="G65" s="27">
        <v>3</v>
      </c>
      <c r="H65" s="26">
        <v>98</v>
      </c>
      <c r="I65" s="26">
        <v>43</v>
      </c>
      <c r="J65" s="26">
        <v>55</v>
      </c>
      <c r="K65" s="25">
        <v>94</v>
      </c>
      <c r="L65" s="55">
        <v>55</v>
      </c>
      <c r="M65" s="56">
        <v>3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288</v>
      </c>
      <c r="C69" s="58">
        <v>665</v>
      </c>
      <c r="D69" s="59">
        <v>62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288</v>
      </c>
      <c r="C70" s="61">
        <v>665</v>
      </c>
      <c r="D70" s="62">
        <v>623</v>
      </c>
    </row>
    <row r="71" spans="1:13">
      <c r="A71" s="24" t="s">
        <v>14</v>
      </c>
      <c r="B71" s="63">
        <v>1288</v>
      </c>
      <c r="C71" s="64">
        <v>665</v>
      </c>
      <c r="D71" s="65">
        <v>623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6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2</v>
      </c>
      <c r="C77" s="18">
        <v>-28</v>
      </c>
      <c r="D77" s="18">
        <v>26</v>
      </c>
      <c r="E77" s="17">
        <v>37</v>
      </c>
      <c r="F77" s="18">
        <v>27</v>
      </c>
      <c r="G77" s="19">
        <v>10</v>
      </c>
      <c r="H77" s="18">
        <v>427</v>
      </c>
      <c r="I77" s="18">
        <v>246</v>
      </c>
      <c r="J77" s="18">
        <v>181</v>
      </c>
      <c r="K77" s="17">
        <v>392</v>
      </c>
      <c r="L77" s="51">
        <v>247</v>
      </c>
      <c r="M77" s="52">
        <v>145</v>
      </c>
    </row>
    <row r="78" spans="1:13">
      <c r="A78" s="40" t="s">
        <v>81</v>
      </c>
      <c r="B78" s="21">
        <v>8</v>
      </c>
      <c r="C78" s="22">
        <v>-2</v>
      </c>
      <c r="D78" s="22">
        <v>10</v>
      </c>
      <c r="E78" s="21">
        <v>8</v>
      </c>
      <c r="F78" s="22">
        <v>5</v>
      </c>
      <c r="G78" s="23">
        <v>3</v>
      </c>
      <c r="H78" s="22">
        <v>105</v>
      </c>
      <c r="I78" s="22">
        <v>60</v>
      </c>
      <c r="J78" s="22">
        <v>45</v>
      </c>
      <c r="K78" s="21">
        <v>89</v>
      </c>
      <c r="L78" s="53">
        <v>57</v>
      </c>
      <c r="M78" s="54">
        <v>32</v>
      </c>
    </row>
    <row r="79" spans="1:13">
      <c r="A79" s="40" t="s">
        <v>82</v>
      </c>
      <c r="B79" s="21">
        <v>9</v>
      </c>
      <c r="C79" s="22">
        <v>1</v>
      </c>
      <c r="D79" s="22">
        <v>8</v>
      </c>
      <c r="E79" s="21">
        <v>8</v>
      </c>
      <c r="F79" s="22">
        <v>6</v>
      </c>
      <c r="G79" s="23">
        <v>2</v>
      </c>
      <c r="H79" s="22">
        <v>93</v>
      </c>
      <c r="I79" s="22">
        <v>55</v>
      </c>
      <c r="J79" s="22">
        <v>38</v>
      </c>
      <c r="K79" s="21">
        <v>76</v>
      </c>
      <c r="L79" s="53">
        <v>48</v>
      </c>
      <c r="M79" s="54">
        <v>28</v>
      </c>
    </row>
    <row r="80" spans="1:13">
      <c r="A80" s="40" t="s">
        <v>83</v>
      </c>
      <c r="B80" s="21">
        <v>-5</v>
      </c>
      <c r="C80" s="22">
        <v>-10</v>
      </c>
      <c r="D80" s="22">
        <v>5</v>
      </c>
      <c r="E80" s="21">
        <v>9</v>
      </c>
      <c r="F80" s="22">
        <v>7</v>
      </c>
      <c r="G80" s="23">
        <v>2</v>
      </c>
      <c r="H80" s="22">
        <v>85</v>
      </c>
      <c r="I80" s="22">
        <v>49</v>
      </c>
      <c r="J80" s="22">
        <v>36</v>
      </c>
      <c r="K80" s="21">
        <v>81</v>
      </c>
      <c r="L80" s="53">
        <v>52</v>
      </c>
      <c r="M80" s="54">
        <v>29</v>
      </c>
    </row>
    <row r="81" spans="1:13">
      <c r="A81" s="40" t="s">
        <v>84</v>
      </c>
      <c r="B81" s="21">
        <v>-1</v>
      </c>
      <c r="C81" s="22">
        <v>4</v>
      </c>
      <c r="D81" s="22">
        <v>-5</v>
      </c>
      <c r="E81" s="21">
        <v>7</v>
      </c>
      <c r="F81" s="22">
        <v>5</v>
      </c>
      <c r="G81" s="23">
        <v>2</v>
      </c>
      <c r="H81" s="22">
        <v>71</v>
      </c>
      <c r="I81" s="22">
        <v>46</v>
      </c>
      <c r="J81" s="22">
        <v>25</v>
      </c>
      <c r="K81" s="21">
        <v>65</v>
      </c>
      <c r="L81" s="53">
        <v>37</v>
      </c>
      <c r="M81" s="54">
        <v>28</v>
      </c>
    </row>
    <row r="82" spans="1:13">
      <c r="A82" s="40" t="s">
        <v>85</v>
      </c>
      <c r="B82" s="21">
        <v>-13</v>
      </c>
      <c r="C82" s="22">
        <v>-21</v>
      </c>
      <c r="D82" s="22">
        <v>8</v>
      </c>
      <c r="E82" s="21">
        <v>5</v>
      </c>
      <c r="F82" s="22">
        <v>4</v>
      </c>
      <c r="G82" s="23">
        <v>1</v>
      </c>
      <c r="H82" s="22">
        <v>73</v>
      </c>
      <c r="I82" s="22">
        <v>36</v>
      </c>
      <c r="J82" s="22">
        <v>37</v>
      </c>
      <c r="K82" s="21">
        <v>81</v>
      </c>
      <c r="L82" s="53">
        <v>53</v>
      </c>
      <c r="M82" s="54">
        <v>28</v>
      </c>
    </row>
    <row r="83" spans="1:13" ht="19.5" customHeight="1">
      <c r="A83" s="34" t="s">
        <v>86</v>
      </c>
      <c r="B83" s="17">
        <v>-78</v>
      </c>
      <c r="C83" s="18">
        <v>-49</v>
      </c>
      <c r="D83" s="18">
        <v>-29</v>
      </c>
      <c r="E83" s="17">
        <v>55</v>
      </c>
      <c r="F83" s="18">
        <v>37</v>
      </c>
      <c r="G83" s="19">
        <v>18</v>
      </c>
      <c r="H83" s="18">
        <v>281</v>
      </c>
      <c r="I83" s="18">
        <v>160</v>
      </c>
      <c r="J83" s="18">
        <v>121</v>
      </c>
      <c r="K83" s="17">
        <v>304</v>
      </c>
      <c r="L83" s="51">
        <v>172</v>
      </c>
      <c r="M83" s="52">
        <v>132</v>
      </c>
    </row>
    <row r="84" spans="1:13">
      <c r="A84" s="40" t="s">
        <v>87</v>
      </c>
      <c r="B84" s="21">
        <v>-18</v>
      </c>
      <c r="C84" s="22">
        <v>-2</v>
      </c>
      <c r="D84" s="22">
        <v>-16</v>
      </c>
      <c r="E84" s="21">
        <v>10</v>
      </c>
      <c r="F84" s="22">
        <v>7</v>
      </c>
      <c r="G84" s="23">
        <v>3</v>
      </c>
      <c r="H84" s="22">
        <v>64</v>
      </c>
      <c r="I84" s="22">
        <v>40</v>
      </c>
      <c r="J84" s="22">
        <v>24</v>
      </c>
      <c r="K84" s="21">
        <v>72</v>
      </c>
      <c r="L84" s="53">
        <v>35</v>
      </c>
      <c r="M84" s="54">
        <v>37</v>
      </c>
    </row>
    <row r="85" spans="1:13">
      <c r="A85" s="40" t="s">
        <v>88</v>
      </c>
      <c r="B85" s="21">
        <v>-16</v>
      </c>
      <c r="C85" s="22">
        <v>-15</v>
      </c>
      <c r="D85" s="22">
        <v>-1</v>
      </c>
      <c r="E85" s="21">
        <v>10</v>
      </c>
      <c r="F85" s="22">
        <v>6</v>
      </c>
      <c r="G85" s="23">
        <v>4</v>
      </c>
      <c r="H85" s="22">
        <v>60</v>
      </c>
      <c r="I85" s="22">
        <v>29</v>
      </c>
      <c r="J85" s="22">
        <v>31</v>
      </c>
      <c r="K85" s="21">
        <v>66</v>
      </c>
      <c r="L85" s="53">
        <v>38</v>
      </c>
      <c r="M85" s="54">
        <v>28</v>
      </c>
    </row>
    <row r="86" spans="1:13">
      <c r="A86" s="40" t="s">
        <v>89</v>
      </c>
      <c r="B86" s="21">
        <v>-14</v>
      </c>
      <c r="C86" s="22">
        <v>-13</v>
      </c>
      <c r="D86" s="22">
        <v>-1</v>
      </c>
      <c r="E86" s="21">
        <v>10</v>
      </c>
      <c r="F86" s="22">
        <v>6</v>
      </c>
      <c r="G86" s="23">
        <v>4</v>
      </c>
      <c r="H86" s="22">
        <v>52</v>
      </c>
      <c r="I86" s="22">
        <v>31</v>
      </c>
      <c r="J86" s="22">
        <v>21</v>
      </c>
      <c r="K86" s="21">
        <v>56</v>
      </c>
      <c r="L86" s="53">
        <v>38</v>
      </c>
      <c r="M86" s="54">
        <v>18</v>
      </c>
    </row>
    <row r="87" spans="1:13">
      <c r="A87" s="40" t="s">
        <v>90</v>
      </c>
      <c r="B87" s="21">
        <v>-1</v>
      </c>
      <c r="C87" s="22">
        <v>4</v>
      </c>
      <c r="D87" s="22">
        <v>-5</v>
      </c>
      <c r="E87" s="21">
        <v>10</v>
      </c>
      <c r="F87" s="22">
        <v>8</v>
      </c>
      <c r="G87" s="23">
        <v>2</v>
      </c>
      <c r="H87" s="22">
        <v>59</v>
      </c>
      <c r="I87" s="22">
        <v>37</v>
      </c>
      <c r="J87" s="22">
        <v>22</v>
      </c>
      <c r="K87" s="21">
        <v>50</v>
      </c>
      <c r="L87" s="53">
        <v>25</v>
      </c>
      <c r="M87" s="54">
        <v>25</v>
      </c>
    </row>
    <row r="88" spans="1:13">
      <c r="A88" s="40" t="s">
        <v>91</v>
      </c>
      <c r="B88" s="21">
        <v>-29</v>
      </c>
      <c r="C88" s="22">
        <v>-23</v>
      </c>
      <c r="D88" s="22">
        <v>-6</v>
      </c>
      <c r="E88" s="21">
        <v>15</v>
      </c>
      <c r="F88" s="22">
        <v>10</v>
      </c>
      <c r="G88" s="23">
        <v>5</v>
      </c>
      <c r="H88" s="22">
        <v>46</v>
      </c>
      <c r="I88" s="22">
        <v>23</v>
      </c>
      <c r="J88" s="22">
        <v>23</v>
      </c>
      <c r="K88" s="21">
        <v>60</v>
      </c>
      <c r="L88" s="53">
        <v>36</v>
      </c>
      <c r="M88" s="54">
        <v>24</v>
      </c>
    </row>
    <row r="89" spans="1:13" ht="19.5" customHeight="1">
      <c r="A89" s="34" t="s">
        <v>92</v>
      </c>
      <c r="B89" s="17">
        <v>-106</v>
      </c>
      <c r="C89" s="18">
        <v>-62</v>
      </c>
      <c r="D89" s="18">
        <v>-44</v>
      </c>
      <c r="E89" s="17">
        <v>55</v>
      </c>
      <c r="F89" s="18">
        <v>34</v>
      </c>
      <c r="G89" s="19">
        <v>21</v>
      </c>
      <c r="H89" s="18">
        <v>205</v>
      </c>
      <c r="I89" s="18">
        <v>123</v>
      </c>
      <c r="J89" s="18">
        <v>82</v>
      </c>
      <c r="K89" s="17">
        <v>256</v>
      </c>
      <c r="L89" s="51">
        <v>151</v>
      </c>
      <c r="M89" s="52">
        <v>105</v>
      </c>
    </row>
    <row r="90" spans="1:13">
      <c r="A90" s="40" t="s">
        <v>93</v>
      </c>
      <c r="B90" s="21">
        <v>-14</v>
      </c>
      <c r="C90" s="22">
        <v>-8</v>
      </c>
      <c r="D90" s="22">
        <v>-6</v>
      </c>
      <c r="E90" s="21">
        <v>12</v>
      </c>
      <c r="F90" s="22">
        <v>7</v>
      </c>
      <c r="G90" s="23">
        <v>5</v>
      </c>
      <c r="H90" s="22">
        <v>55</v>
      </c>
      <c r="I90" s="22">
        <v>29</v>
      </c>
      <c r="J90" s="22">
        <v>26</v>
      </c>
      <c r="K90" s="21">
        <v>57</v>
      </c>
      <c r="L90" s="53">
        <v>30</v>
      </c>
      <c r="M90" s="54">
        <v>27</v>
      </c>
    </row>
    <row r="91" spans="1:13">
      <c r="A91" s="40" t="s">
        <v>94</v>
      </c>
      <c r="B91" s="21">
        <v>-22</v>
      </c>
      <c r="C91" s="22">
        <v>-15</v>
      </c>
      <c r="D91" s="22">
        <v>-7</v>
      </c>
      <c r="E91" s="21">
        <v>11</v>
      </c>
      <c r="F91" s="22">
        <v>7</v>
      </c>
      <c r="G91" s="23">
        <v>4</v>
      </c>
      <c r="H91" s="22">
        <v>56</v>
      </c>
      <c r="I91" s="22">
        <v>34</v>
      </c>
      <c r="J91" s="22">
        <v>22</v>
      </c>
      <c r="K91" s="21">
        <v>67</v>
      </c>
      <c r="L91" s="53">
        <v>42</v>
      </c>
      <c r="M91" s="54">
        <v>25</v>
      </c>
    </row>
    <row r="92" spans="1:13">
      <c r="A92" s="40" t="s">
        <v>95</v>
      </c>
      <c r="B92" s="21">
        <v>-32</v>
      </c>
      <c r="C92" s="22">
        <v>-14</v>
      </c>
      <c r="D92" s="22">
        <v>-18</v>
      </c>
      <c r="E92" s="21">
        <v>15</v>
      </c>
      <c r="F92" s="22">
        <v>8</v>
      </c>
      <c r="G92" s="23">
        <v>7</v>
      </c>
      <c r="H92" s="22">
        <v>34</v>
      </c>
      <c r="I92" s="22">
        <v>22</v>
      </c>
      <c r="J92" s="22">
        <v>12</v>
      </c>
      <c r="K92" s="21">
        <v>51</v>
      </c>
      <c r="L92" s="53">
        <v>28</v>
      </c>
      <c r="M92" s="54">
        <v>23</v>
      </c>
    </row>
    <row r="93" spans="1:13">
      <c r="A93" s="40" t="s">
        <v>96</v>
      </c>
      <c r="B93" s="21">
        <v>-15</v>
      </c>
      <c r="C93" s="22">
        <v>-14</v>
      </c>
      <c r="D93" s="22">
        <v>-1</v>
      </c>
      <c r="E93" s="21">
        <v>8</v>
      </c>
      <c r="F93" s="22">
        <v>7</v>
      </c>
      <c r="G93" s="23">
        <v>1</v>
      </c>
      <c r="H93" s="22">
        <v>34</v>
      </c>
      <c r="I93" s="22">
        <v>21</v>
      </c>
      <c r="J93" s="22">
        <v>13</v>
      </c>
      <c r="K93" s="21">
        <v>41</v>
      </c>
      <c r="L93" s="53">
        <v>28</v>
      </c>
      <c r="M93" s="54">
        <v>13</v>
      </c>
    </row>
    <row r="94" spans="1:13">
      <c r="A94" s="40" t="s">
        <v>97</v>
      </c>
      <c r="B94" s="21">
        <v>-23</v>
      </c>
      <c r="C94" s="22">
        <v>-11</v>
      </c>
      <c r="D94" s="22">
        <v>-12</v>
      </c>
      <c r="E94" s="21">
        <v>9</v>
      </c>
      <c r="F94" s="22">
        <v>5</v>
      </c>
      <c r="G94" s="23">
        <v>4</v>
      </c>
      <c r="H94" s="22">
        <v>26</v>
      </c>
      <c r="I94" s="22">
        <v>17</v>
      </c>
      <c r="J94" s="22">
        <v>9</v>
      </c>
      <c r="K94" s="21">
        <v>40</v>
      </c>
      <c r="L94" s="53">
        <v>23</v>
      </c>
      <c r="M94" s="54">
        <v>17</v>
      </c>
    </row>
    <row r="95" spans="1:13" ht="19.5" customHeight="1">
      <c r="A95" s="34" t="s">
        <v>98</v>
      </c>
      <c r="B95" s="17">
        <v>-142</v>
      </c>
      <c r="C95" s="18">
        <v>-114</v>
      </c>
      <c r="D95" s="18">
        <v>-28</v>
      </c>
      <c r="E95" s="17">
        <v>113</v>
      </c>
      <c r="F95" s="18">
        <v>82</v>
      </c>
      <c r="G95" s="19">
        <v>31</v>
      </c>
      <c r="H95" s="18">
        <v>177</v>
      </c>
      <c r="I95" s="18">
        <v>84</v>
      </c>
      <c r="J95" s="18">
        <v>93</v>
      </c>
      <c r="K95" s="17">
        <v>206</v>
      </c>
      <c r="L95" s="51">
        <v>116</v>
      </c>
      <c r="M95" s="52">
        <v>90</v>
      </c>
    </row>
    <row r="96" spans="1:13">
      <c r="A96" s="40" t="s">
        <v>99</v>
      </c>
      <c r="B96" s="21">
        <v>-9</v>
      </c>
      <c r="C96" s="22">
        <v>-9</v>
      </c>
      <c r="D96" s="22">
        <v>0</v>
      </c>
      <c r="E96" s="21">
        <v>16</v>
      </c>
      <c r="F96" s="22">
        <v>9</v>
      </c>
      <c r="G96" s="23">
        <v>7</v>
      </c>
      <c r="H96" s="22">
        <v>45</v>
      </c>
      <c r="I96" s="22">
        <v>24</v>
      </c>
      <c r="J96" s="22">
        <v>21</v>
      </c>
      <c r="K96" s="21">
        <v>38</v>
      </c>
      <c r="L96" s="53">
        <v>24</v>
      </c>
      <c r="M96" s="54">
        <v>14</v>
      </c>
    </row>
    <row r="97" spans="1:13">
      <c r="A97" s="40" t="s">
        <v>100</v>
      </c>
      <c r="B97" s="21">
        <v>-18</v>
      </c>
      <c r="C97" s="22">
        <v>-14</v>
      </c>
      <c r="D97" s="22">
        <v>-4</v>
      </c>
      <c r="E97" s="21">
        <v>15</v>
      </c>
      <c r="F97" s="22">
        <v>10</v>
      </c>
      <c r="G97" s="23">
        <v>5</v>
      </c>
      <c r="H97" s="22">
        <v>36</v>
      </c>
      <c r="I97" s="22">
        <v>19</v>
      </c>
      <c r="J97" s="22">
        <v>17</v>
      </c>
      <c r="K97" s="21">
        <v>39</v>
      </c>
      <c r="L97" s="53">
        <v>23</v>
      </c>
      <c r="M97" s="54">
        <v>16</v>
      </c>
    </row>
    <row r="98" spans="1:13">
      <c r="A98" s="40" t="s">
        <v>101</v>
      </c>
      <c r="B98" s="21">
        <v>-45</v>
      </c>
      <c r="C98" s="22">
        <v>-32</v>
      </c>
      <c r="D98" s="22">
        <v>-13</v>
      </c>
      <c r="E98" s="21">
        <v>23</v>
      </c>
      <c r="F98" s="22">
        <v>18</v>
      </c>
      <c r="G98" s="23">
        <v>5</v>
      </c>
      <c r="H98" s="22">
        <v>25</v>
      </c>
      <c r="I98" s="22">
        <v>11</v>
      </c>
      <c r="J98" s="22">
        <v>14</v>
      </c>
      <c r="K98" s="21">
        <v>47</v>
      </c>
      <c r="L98" s="53">
        <v>25</v>
      </c>
      <c r="M98" s="54">
        <v>22</v>
      </c>
    </row>
    <row r="99" spans="1:13">
      <c r="A99" s="40" t="s">
        <v>102</v>
      </c>
      <c r="B99" s="21">
        <v>-40</v>
      </c>
      <c r="C99" s="22">
        <v>-29</v>
      </c>
      <c r="D99" s="22">
        <v>-11</v>
      </c>
      <c r="E99" s="21">
        <v>31</v>
      </c>
      <c r="F99" s="22">
        <v>22</v>
      </c>
      <c r="G99" s="23">
        <v>9</v>
      </c>
      <c r="H99" s="22">
        <v>38</v>
      </c>
      <c r="I99" s="22">
        <v>17</v>
      </c>
      <c r="J99" s="22">
        <v>21</v>
      </c>
      <c r="K99" s="21">
        <v>47</v>
      </c>
      <c r="L99" s="53">
        <v>24</v>
      </c>
      <c r="M99" s="54">
        <v>23</v>
      </c>
    </row>
    <row r="100" spans="1:13">
      <c r="A100" s="40" t="s">
        <v>103</v>
      </c>
      <c r="B100" s="21">
        <v>-30</v>
      </c>
      <c r="C100" s="22">
        <v>-30</v>
      </c>
      <c r="D100" s="22">
        <v>0</v>
      </c>
      <c r="E100" s="21">
        <v>28</v>
      </c>
      <c r="F100" s="22">
        <v>23</v>
      </c>
      <c r="G100" s="23">
        <v>5</v>
      </c>
      <c r="H100" s="22">
        <v>33</v>
      </c>
      <c r="I100" s="22">
        <v>13</v>
      </c>
      <c r="J100" s="22">
        <v>20</v>
      </c>
      <c r="K100" s="21">
        <v>35</v>
      </c>
      <c r="L100" s="53">
        <v>20</v>
      </c>
      <c r="M100" s="54">
        <v>15</v>
      </c>
    </row>
    <row r="101" spans="1:13" ht="19.5" customHeight="1">
      <c r="A101" s="34" t="s">
        <v>104</v>
      </c>
      <c r="B101" s="17">
        <v>-215</v>
      </c>
      <c r="C101" s="18">
        <v>-149</v>
      </c>
      <c r="D101" s="18">
        <v>-66</v>
      </c>
      <c r="E101" s="17">
        <v>195</v>
      </c>
      <c r="F101" s="18">
        <v>129</v>
      </c>
      <c r="G101" s="19">
        <v>66</v>
      </c>
      <c r="H101" s="18">
        <v>158</v>
      </c>
      <c r="I101" s="18">
        <v>72</v>
      </c>
      <c r="J101" s="18">
        <v>86</v>
      </c>
      <c r="K101" s="17">
        <v>178</v>
      </c>
      <c r="L101" s="51">
        <v>92</v>
      </c>
      <c r="M101" s="52">
        <v>86</v>
      </c>
    </row>
    <row r="102" spans="1:13">
      <c r="A102" s="40" t="s">
        <v>105</v>
      </c>
      <c r="B102" s="21">
        <v>-37</v>
      </c>
      <c r="C102" s="22">
        <v>-20</v>
      </c>
      <c r="D102" s="22">
        <v>-17</v>
      </c>
      <c r="E102" s="21">
        <v>33</v>
      </c>
      <c r="F102" s="22">
        <v>22</v>
      </c>
      <c r="G102" s="23">
        <v>11</v>
      </c>
      <c r="H102" s="22">
        <v>38</v>
      </c>
      <c r="I102" s="22">
        <v>20</v>
      </c>
      <c r="J102" s="22">
        <v>18</v>
      </c>
      <c r="K102" s="21">
        <v>42</v>
      </c>
      <c r="L102" s="53">
        <v>18</v>
      </c>
      <c r="M102" s="54">
        <v>24</v>
      </c>
    </row>
    <row r="103" spans="1:13">
      <c r="A103" s="40" t="s">
        <v>106</v>
      </c>
      <c r="B103" s="21">
        <v>-51</v>
      </c>
      <c r="C103" s="22">
        <v>-42</v>
      </c>
      <c r="D103" s="22">
        <v>-9</v>
      </c>
      <c r="E103" s="21">
        <v>49</v>
      </c>
      <c r="F103" s="22">
        <v>33</v>
      </c>
      <c r="G103" s="23">
        <v>16</v>
      </c>
      <c r="H103" s="22">
        <v>41</v>
      </c>
      <c r="I103" s="22">
        <v>16</v>
      </c>
      <c r="J103" s="22">
        <v>25</v>
      </c>
      <c r="K103" s="21">
        <v>43</v>
      </c>
      <c r="L103" s="53">
        <v>25</v>
      </c>
      <c r="M103" s="54">
        <v>18</v>
      </c>
    </row>
    <row r="104" spans="1:13">
      <c r="A104" s="40" t="s">
        <v>107</v>
      </c>
      <c r="B104" s="21">
        <v>-60</v>
      </c>
      <c r="C104" s="22">
        <v>-37</v>
      </c>
      <c r="D104" s="22">
        <v>-23</v>
      </c>
      <c r="E104" s="21">
        <v>49</v>
      </c>
      <c r="F104" s="22">
        <v>32</v>
      </c>
      <c r="G104" s="23">
        <v>17</v>
      </c>
      <c r="H104" s="22">
        <v>32</v>
      </c>
      <c r="I104" s="22">
        <v>13</v>
      </c>
      <c r="J104" s="22">
        <v>19</v>
      </c>
      <c r="K104" s="21">
        <v>43</v>
      </c>
      <c r="L104" s="53">
        <v>18</v>
      </c>
      <c r="M104" s="54">
        <v>25</v>
      </c>
    </row>
    <row r="105" spans="1:13">
      <c r="A105" s="40" t="s">
        <v>108</v>
      </c>
      <c r="B105" s="21">
        <v>-34</v>
      </c>
      <c r="C105" s="22">
        <v>-23</v>
      </c>
      <c r="D105" s="22">
        <v>-11</v>
      </c>
      <c r="E105" s="21">
        <v>33</v>
      </c>
      <c r="F105" s="22">
        <v>20</v>
      </c>
      <c r="G105" s="23">
        <v>13</v>
      </c>
      <c r="H105" s="22">
        <v>24</v>
      </c>
      <c r="I105" s="22">
        <v>12</v>
      </c>
      <c r="J105" s="22">
        <v>12</v>
      </c>
      <c r="K105" s="21">
        <v>25</v>
      </c>
      <c r="L105" s="53">
        <v>15</v>
      </c>
      <c r="M105" s="54">
        <v>10</v>
      </c>
    </row>
    <row r="106" spans="1:13">
      <c r="A106" s="40" t="s">
        <v>109</v>
      </c>
      <c r="B106" s="21">
        <v>-33</v>
      </c>
      <c r="C106" s="22">
        <v>-27</v>
      </c>
      <c r="D106" s="22">
        <v>-6</v>
      </c>
      <c r="E106" s="21">
        <v>31</v>
      </c>
      <c r="F106" s="22">
        <v>22</v>
      </c>
      <c r="G106" s="23">
        <v>9</v>
      </c>
      <c r="H106" s="22">
        <v>23</v>
      </c>
      <c r="I106" s="22">
        <v>11</v>
      </c>
      <c r="J106" s="22">
        <v>12</v>
      </c>
      <c r="K106" s="21">
        <v>25</v>
      </c>
      <c r="L106" s="53">
        <v>16</v>
      </c>
      <c r="M106" s="54">
        <v>9</v>
      </c>
    </row>
    <row r="107" spans="1:13" ht="19.5" customHeight="1">
      <c r="A107" s="34" t="s">
        <v>110</v>
      </c>
      <c r="B107" s="17">
        <v>-305</v>
      </c>
      <c r="C107" s="18">
        <v>-193</v>
      </c>
      <c r="D107" s="18">
        <v>-112</v>
      </c>
      <c r="E107" s="17">
        <v>269</v>
      </c>
      <c r="F107" s="18">
        <v>174</v>
      </c>
      <c r="G107" s="19">
        <v>95</v>
      </c>
      <c r="H107" s="18">
        <v>116</v>
      </c>
      <c r="I107" s="18">
        <v>52</v>
      </c>
      <c r="J107" s="18">
        <v>64</v>
      </c>
      <c r="K107" s="17">
        <v>152</v>
      </c>
      <c r="L107" s="51">
        <v>71</v>
      </c>
      <c r="M107" s="52">
        <v>81</v>
      </c>
    </row>
    <row r="108" spans="1:13">
      <c r="A108" s="40" t="s">
        <v>111</v>
      </c>
      <c r="B108" s="21">
        <v>-64</v>
      </c>
      <c r="C108" s="22">
        <v>-44</v>
      </c>
      <c r="D108" s="22">
        <v>-20</v>
      </c>
      <c r="E108" s="21">
        <v>55</v>
      </c>
      <c r="F108" s="22">
        <v>35</v>
      </c>
      <c r="G108" s="23">
        <v>20</v>
      </c>
      <c r="H108" s="22">
        <v>25</v>
      </c>
      <c r="I108" s="22">
        <v>13</v>
      </c>
      <c r="J108" s="22">
        <v>12</v>
      </c>
      <c r="K108" s="21">
        <v>34</v>
      </c>
      <c r="L108" s="53">
        <v>22</v>
      </c>
      <c r="M108" s="54">
        <v>12</v>
      </c>
    </row>
    <row r="109" spans="1:13">
      <c r="A109" s="40" t="s">
        <v>112</v>
      </c>
      <c r="B109" s="21">
        <v>-55</v>
      </c>
      <c r="C109" s="22">
        <v>-28</v>
      </c>
      <c r="D109" s="22">
        <v>-27</v>
      </c>
      <c r="E109" s="21">
        <v>54</v>
      </c>
      <c r="F109" s="22">
        <v>34</v>
      </c>
      <c r="G109" s="23">
        <v>20</v>
      </c>
      <c r="H109" s="22">
        <v>24</v>
      </c>
      <c r="I109" s="22">
        <v>14</v>
      </c>
      <c r="J109" s="22">
        <v>10</v>
      </c>
      <c r="K109" s="21">
        <v>25</v>
      </c>
      <c r="L109" s="53">
        <v>8</v>
      </c>
      <c r="M109" s="54">
        <v>17</v>
      </c>
    </row>
    <row r="110" spans="1:13">
      <c r="A110" s="40" t="s">
        <v>113</v>
      </c>
      <c r="B110" s="21">
        <v>-55</v>
      </c>
      <c r="C110" s="22">
        <v>-37</v>
      </c>
      <c r="D110" s="22">
        <v>-18</v>
      </c>
      <c r="E110" s="21">
        <v>54</v>
      </c>
      <c r="F110" s="22">
        <v>31</v>
      </c>
      <c r="G110" s="23">
        <v>23</v>
      </c>
      <c r="H110" s="22">
        <v>26</v>
      </c>
      <c r="I110" s="22">
        <v>10</v>
      </c>
      <c r="J110" s="22">
        <v>16</v>
      </c>
      <c r="K110" s="21">
        <v>27</v>
      </c>
      <c r="L110" s="53">
        <v>16</v>
      </c>
      <c r="M110" s="54">
        <v>11</v>
      </c>
    </row>
    <row r="111" spans="1:13">
      <c r="A111" s="40" t="s">
        <v>114</v>
      </c>
      <c r="B111" s="21">
        <v>-61</v>
      </c>
      <c r="C111" s="22">
        <v>-44</v>
      </c>
      <c r="D111" s="22">
        <v>-17</v>
      </c>
      <c r="E111" s="21">
        <v>55</v>
      </c>
      <c r="F111" s="22">
        <v>39</v>
      </c>
      <c r="G111" s="23">
        <v>16</v>
      </c>
      <c r="H111" s="22">
        <v>21</v>
      </c>
      <c r="I111" s="22">
        <v>6</v>
      </c>
      <c r="J111" s="22">
        <v>15</v>
      </c>
      <c r="K111" s="21">
        <v>27</v>
      </c>
      <c r="L111" s="53">
        <v>11</v>
      </c>
      <c r="M111" s="54">
        <v>16</v>
      </c>
    </row>
    <row r="112" spans="1:13">
      <c r="A112" s="40" t="s">
        <v>115</v>
      </c>
      <c r="B112" s="21">
        <v>-70</v>
      </c>
      <c r="C112" s="22">
        <v>-40</v>
      </c>
      <c r="D112" s="22">
        <v>-30</v>
      </c>
      <c r="E112" s="21">
        <v>51</v>
      </c>
      <c r="F112" s="22">
        <v>35</v>
      </c>
      <c r="G112" s="23">
        <v>16</v>
      </c>
      <c r="H112" s="22">
        <v>20</v>
      </c>
      <c r="I112" s="22">
        <v>9</v>
      </c>
      <c r="J112" s="22">
        <v>11</v>
      </c>
      <c r="K112" s="21">
        <v>39</v>
      </c>
      <c r="L112" s="53">
        <v>14</v>
      </c>
      <c r="M112" s="54">
        <v>25</v>
      </c>
    </row>
    <row r="113" spans="1:13" ht="19.5" customHeight="1">
      <c r="A113" s="34" t="s">
        <v>116</v>
      </c>
      <c r="B113" s="17">
        <v>-389</v>
      </c>
      <c r="C113" s="18">
        <v>-211</v>
      </c>
      <c r="D113" s="18">
        <v>-178</v>
      </c>
      <c r="E113" s="17">
        <v>393</v>
      </c>
      <c r="F113" s="18">
        <v>222</v>
      </c>
      <c r="G113" s="19">
        <v>171</v>
      </c>
      <c r="H113" s="18">
        <v>117</v>
      </c>
      <c r="I113" s="18">
        <v>42</v>
      </c>
      <c r="J113" s="18">
        <v>75</v>
      </c>
      <c r="K113" s="17">
        <v>113</v>
      </c>
      <c r="L113" s="51">
        <v>31</v>
      </c>
      <c r="M113" s="52">
        <v>82</v>
      </c>
    </row>
    <row r="114" spans="1:13">
      <c r="A114" s="40" t="s">
        <v>117</v>
      </c>
      <c r="B114" s="21">
        <v>-55</v>
      </c>
      <c r="C114" s="22">
        <v>-31</v>
      </c>
      <c r="D114" s="22">
        <v>-24</v>
      </c>
      <c r="E114" s="21">
        <v>67</v>
      </c>
      <c r="F114" s="22">
        <v>34</v>
      </c>
      <c r="G114" s="23">
        <v>33</v>
      </c>
      <c r="H114" s="22">
        <v>28</v>
      </c>
      <c r="I114" s="22">
        <v>8</v>
      </c>
      <c r="J114" s="22">
        <v>20</v>
      </c>
      <c r="K114" s="21">
        <v>16</v>
      </c>
      <c r="L114" s="53">
        <v>5</v>
      </c>
      <c r="M114" s="54">
        <v>11</v>
      </c>
    </row>
    <row r="115" spans="1:13">
      <c r="A115" s="40" t="s">
        <v>118</v>
      </c>
      <c r="B115" s="21">
        <v>-72</v>
      </c>
      <c r="C115" s="22">
        <v>-37</v>
      </c>
      <c r="D115" s="22">
        <v>-35</v>
      </c>
      <c r="E115" s="21">
        <v>69</v>
      </c>
      <c r="F115" s="22">
        <v>40</v>
      </c>
      <c r="G115" s="23">
        <v>29</v>
      </c>
      <c r="H115" s="22">
        <v>22</v>
      </c>
      <c r="I115" s="22">
        <v>9</v>
      </c>
      <c r="J115" s="22">
        <v>13</v>
      </c>
      <c r="K115" s="21">
        <v>25</v>
      </c>
      <c r="L115" s="53">
        <v>6</v>
      </c>
      <c r="M115" s="54">
        <v>19</v>
      </c>
    </row>
    <row r="116" spans="1:13">
      <c r="A116" s="40" t="s">
        <v>119</v>
      </c>
      <c r="B116" s="21">
        <v>-77</v>
      </c>
      <c r="C116" s="22">
        <v>-50</v>
      </c>
      <c r="D116" s="22">
        <v>-27</v>
      </c>
      <c r="E116" s="21">
        <v>67</v>
      </c>
      <c r="F116" s="22">
        <v>46</v>
      </c>
      <c r="G116" s="23">
        <v>21</v>
      </c>
      <c r="H116" s="22">
        <v>19</v>
      </c>
      <c r="I116" s="22">
        <v>7</v>
      </c>
      <c r="J116" s="22">
        <v>12</v>
      </c>
      <c r="K116" s="21">
        <v>29</v>
      </c>
      <c r="L116" s="53">
        <v>11</v>
      </c>
      <c r="M116" s="54">
        <v>18</v>
      </c>
    </row>
    <row r="117" spans="1:13">
      <c r="A117" s="40" t="s">
        <v>120</v>
      </c>
      <c r="B117" s="21">
        <v>-75</v>
      </c>
      <c r="C117" s="22">
        <v>-37</v>
      </c>
      <c r="D117" s="22">
        <v>-38</v>
      </c>
      <c r="E117" s="21">
        <v>80</v>
      </c>
      <c r="F117" s="22">
        <v>41</v>
      </c>
      <c r="G117" s="23">
        <v>39</v>
      </c>
      <c r="H117" s="22">
        <v>24</v>
      </c>
      <c r="I117" s="22">
        <v>7</v>
      </c>
      <c r="J117" s="22">
        <v>17</v>
      </c>
      <c r="K117" s="21">
        <v>19</v>
      </c>
      <c r="L117" s="53">
        <v>3</v>
      </c>
      <c r="M117" s="54">
        <v>16</v>
      </c>
    </row>
    <row r="118" spans="1:13">
      <c r="A118" s="40" t="s">
        <v>121</v>
      </c>
      <c r="B118" s="21">
        <v>-110</v>
      </c>
      <c r="C118" s="22">
        <v>-56</v>
      </c>
      <c r="D118" s="22">
        <v>-54</v>
      </c>
      <c r="E118" s="21">
        <v>110</v>
      </c>
      <c r="F118" s="22">
        <v>61</v>
      </c>
      <c r="G118" s="23">
        <v>49</v>
      </c>
      <c r="H118" s="22">
        <v>24</v>
      </c>
      <c r="I118" s="22">
        <v>11</v>
      </c>
      <c r="J118" s="22">
        <v>13</v>
      </c>
      <c r="K118" s="21">
        <v>24</v>
      </c>
      <c r="L118" s="53">
        <v>6</v>
      </c>
      <c r="M118" s="54">
        <v>18</v>
      </c>
    </row>
    <row r="119" spans="1:13" ht="19.5" customHeight="1">
      <c r="A119" s="34" t="s">
        <v>122</v>
      </c>
      <c r="B119" s="17">
        <v>-466</v>
      </c>
      <c r="C119" s="18">
        <v>-248</v>
      </c>
      <c r="D119" s="18">
        <v>-218</v>
      </c>
      <c r="E119" s="17">
        <v>449</v>
      </c>
      <c r="F119" s="18">
        <v>241</v>
      </c>
      <c r="G119" s="19">
        <v>208</v>
      </c>
      <c r="H119" s="18">
        <v>94</v>
      </c>
      <c r="I119" s="18">
        <v>25</v>
      </c>
      <c r="J119" s="18">
        <v>69</v>
      </c>
      <c r="K119" s="17">
        <v>111</v>
      </c>
      <c r="L119" s="51">
        <v>32</v>
      </c>
      <c r="M119" s="52">
        <v>79</v>
      </c>
    </row>
    <row r="120" spans="1:13">
      <c r="A120" s="40" t="s">
        <v>123</v>
      </c>
      <c r="B120" s="21">
        <v>-81</v>
      </c>
      <c r="C120" s="22">
        <v>-51</v>
      </c>
      <c r="D120" s="22">
        <v>-30</v>
      </c>
      <c r="E120" s="21">
        <v>70</v>
      </c>
      <c r="F120" s="22">
        <v>46</v>
      </c>
      <c r="G120" s="23">
        <v>24</v>
      </c>
      <c r="H120" s="22">
        <v>19</v>
      </c>
      <c r="I120" s="22">
        <v>3</v>
      </c>
      <c r="J120" s="22">
        <v>16</v>
      </c>
      <c r="K120" s="21">
        <v>30</v>
      </c>
      <c r="L120" s="53">
        <v>8</v>
      </c>
      <c r="M120" s="54">
        <v>22</v>
      </c>
    </row>
    <row r="121" spans="1:13">
      <c r="A121" s="40" t="s">
        <v>124</v>
      </c>
      <c r="B121" s="21">
        <v>-99</v>
      </c>
      <c r="C121" s="22">
        <v>-40</v>
      </c>
      <c r="D121" s="22">
        <v>-59</v>
      </c>
      <c r="E121" s="21">
        <v>97</v>
      </c>
      <c r="F121" s="22">
        <v>39</v>
      </c>
      <c r="G121" s="23">
        <v>58</v>
      </c>
      <c r="H121" s="22">
        <v>19</v>
      </c>
      <c r="I121" s="22">
        <v>4</v>
      </c>
      <c r="J121" s="22">
        <v>15</v>
      </c>
      <c r="K121" s="21">
        <v>21</v>
      </c>
      <c r="L121" s="53">
        <v>5</v>
      </c>
      <c r="M121" s="54">
        <v>16</v>
      </c>
    </row>
    <row r="122" spans="1:13">
      <c r="A122" s="40" t="s">
        <v>125</v>
      </c>
      <c r="B122" s="21">
        <v>-112</v>
      </c>
      <c r="C122" s="22">
        <v>-55</v>
      </c>
      <c r="D122" s="22">
        <v>-57</v>
      </c>
      <c r="E122" s="21">
        <v>109</v>
      </c>
      <c r="F122" s="22">
        <v>55</v>
      </c>
      <c r="G122" s="23">
        <v>54</v>
      </c>
      <c r="H122" s="22">
        <v>20</v>
      </c>
      <c r="I122" s="22">
        <v>6</v>
      </c>
      <c r="J122" s="22">
        <v>14</v>
      </c>
      <c r="K122" s="21">
        <v>23</v>
      </c>
      <c r="L122" s="53">
        <v>6</v>
      </c>
      <c r="M122" s="54">
        <v>17</v>
      </c>
    </row>
    <row r="123" spans="1:13">
      <c r="A123" s="40" t="s">
        <v>126</v>
      </c>
      <c r="B123" s="21">
        <v>-87</v>
      </c>
      <c r="C123" s="22">
        <v>-57</v>
      </c>
      <c r="D123" s="22">
        <v>-30</v>
      </c>
      <c r="E123" s="21">
        <v>89</v>
      </c>
      <c r="F123" s="22">
        <v>55</v>
      </c>
      <c r="G123" s="23">
        <v>34</v>
      </c>
      <c r="H123" s="22">
        <v>20</v>
      </c>
      <c r="I123" s="22">
        <v>5</v>
      </c>
      <c r="J123" s="22">
        <v>15</v>
      </c>
      <c r="K123" s="21">
        <v>18</v>
      </c>
      <c r="L123" s="53">
        <v>7</v>
      </c>
      <c r="M123" s="54">
        <v>11</v>
      </c>
    </row>
    <row r="124" spans="1:13">
      <c r="A124" s="40" t="s">
        <v>127</v>
      </c>
      <c r="B124" s="21">
        <v>-87</v>
      </c>
      <c r="C124" s="22">
        <v>-45</v>
      </c>
      <c r="D124" s="22">
        <v>-42</v>
      </c>
      <c r="E124" s="21">
        <v>84</v>
      </c>
      <c r="F124" s="22">
        <v>46</v>
      </c>
      <c r="G124" s="23">
        <v>38</v>
      </c>
      <c r="H124" s="22">
        <v>16</v>
      </c>
      <c r="I124" s="22">
        <v>7</v>
      </c>
      <c r="J124" s="22">
        <v>9</v>
      </c>
      <c r="K124" s="21">
        <v>19</v>
      </c>
      <c r="L124" s="53">
        <v>6</v>
      </c>
      <c r="M124" s="54">
        <v>13</v>
      </c>
    </row>
    <row r="125" spans="1:13" ht="19.5" customHeight="1">
      <c r="A125" s="34" t="s">
        <v>128</v>
      </c>
      <c r="B125" s="17">
        <v>-346</v>
      </c>
      <c r="C125" s="18">
        <v>-143</v>
      </c>
      <c r="D125" s="18">
        <v>-203</v>
      </c>
      <c r="E125" s="17">
        <v>334</v>
      </c>
      <c r="F125" s="18">
        <v>134</v>
      </c>
      <c r="G125" s="19">
        <v>200</v>
      </c>
      <c r="H125" s="18">
        <v>54</v>
      </c>
      <c r="I125" s="18">
        <v>9</v>
      </c>
      <c r="J125" s="18">
        <v>45</v>
      </c>
      <c r="K125" s="17">
        <v>66</v>
      </c>
      <c r="L125" s="51">
        <v>18</v>
      </c>
      <c r="M125" s="52">
        <v>48</v>
      </c>
    </row>
    <row r="126" spans="1:13">
      <c r="A126" s="40" t="s">
        <v>129</v>
      </c>
      <c r="B126" s="21">
        <v>-95</v>
      </c>
      <c r="C126" s="22">
        <v>-46</v>
      </c>
      <c r="D126" s="22">
        <v>-49</v>
      </c>
      <c r="E126" s="21">
        <v>90</v>
      </c>
      <c r="F126" s="22">
        <v>44</v>
      </c>
      <c r="G126" s="23">
        <v>46</v>
      </c>
      <c r="H126" s="22">
        <v>14</v>
      </c>
      <c r="I126" s="22">
        <v>2</v>
      </c>
      <c r="J126" s="22">
        <v>12</v>
      </c>
      <c r="K126" s="21">
        <v>19</v>
      </c>
      <c r="L126" s="53">
        <v>4</v>
      </c>
      <c r="M126" s="54">
        <v>15</v>
      </c>
    </row>
    <row r="127" spans="1:13">
      <c r="A127" s="40" t="s">
        <v>130</v>
      </c>
      <c r="B127" s="21">
        <v>-65</v>
      </c>
      <c r="C127" s="22">
        <v>-25</v>
      </c>
      <c r="D127" s="22">
        <v>-40</v>
      </c>
      <c r="E127" s="21">
        <v>64</v>
      </c>
      <c r="F127" s="22">
        <v>24</v>
      </c>
      <c r="G127" s="23">
        <v>40</v>
      </c>
      <c r="H127" s="22">
        <v>16</v>
      </c>
      <c r="I127" s="22">
        <v>2</v>
      </c>
      <c r="J127" s="22">
        <v>14</v>
      </c>
      <c r="K127" s="21">
        <v>17</v>
      </c>
      <c r="L127" s="53">
        <v>3</v>
      </c>
      <c r="M127" s="54">
        <v>14</v>
      </c>
    </row>
    <row r="128" spans="1:13">
      <c r="A128" s="40" t="s">
        <v>131</v>
      </c>
      <c r="B128" s="21">
        <v>-76</v>
      </c>
      <c r="C128" s="22">
        <v>-32</v>
      </c>
      <c r="D128" s="22">
        <v>-44</v>
      </c>
      <c r="E128" s="21">
        <v>74</v>
      </c>
      <c r="F128" s="22">
        <v>29</v>
      </c>
      <c r="G128" s="23">
        <v>45</v>
      </c>
      <c r="H128" s="22">
        <v>8</v>
      </c>
      <c r="I128" s="22">
        <v>1</v>
      </c>
      <c r="J128" s="22">
        <v>7</v>
      </c>
      <c r="K128" s="21">
        <v>10</v>
      </c>
      <c r="L128" s="53">
        <v>4</v>
      </c>
      <c r="M128" s="54">
        <v>6</v>
      </c>
    </row>
    <row r="129" spans="1:13">
      <c r="A129" s="40" t="s">
        <v>132</v>
      </c>
      <c r="B129" s="21">
        <v>-66</v>
      </c>
      <c r="C129" s="22">
        <v>-25</v>
      </c>
      <c r="D129" s="22">
        <v>-41</v>
      </c>
      <c r="E129" s="21">
        <v>58</v>
      </c>
      <c r="F129" s="22">
        <v>19</v>
      </c>
      <c r="G129" s="23">
        <v>39</v>
      </c>
      <c r="H129" s="22">
        <v>5</v>
      </c>
      <c r="I129" s="22">
        <v>0</v>
      </c>
      <c r="J129" s="22">
        <v>5</v>
      </c>
      <c r="K129" s="21">
        <v>13</v>
      </c>
      <c r="L129" s="53">
        <v>6</v>
      </c>
      <c r="M129" s="54">
        <v>7</v>
      </c>
    </row>
    <row r="130" spans="1:13">
      <c r="A130" s="40" t="s">
        <v>133</v>
      </c>
      <c r="B130" s="21">
        <v>-44</v>
      </c>
      <c r="C130" s="22">
        <v>-15</v>
      </c>
      <c r="D130" s="22">
        <v>-29</v>
      </c>
      <c r="E130" s="21">
        <v>48</v>
      </c>
      <c r="F130" s="22">
        <v>18</v>
      </c>
      <c r="G130" s="23">
        <v>30</v>
      </c>
      <c r="H130" s="22">
        <v>11</v>
      </c>
      <c r="I130" s="22">
        <v>4</v>
      </c>
      <c r="J130" s="22">
        <v>7</v>
      </c>
      <c r="K130" s="21">
        <v>7</v>
      </c>
      <c r="L130" s="53">
        <v>1</v>
      </c>
      <c r="M130" s="54">
        <v>6</v>
      </c>
    </row>
    <row r="131" spans="1:13" ht="19.5" customHeight="1">
      <c r="A131" s="34" t="s">
        <v>134</v>
      </c>
      <c r="B131" s="17">
        <v>-153</v>
      </c>
      <c r="C131" s="18">
        <v>-48</v>
      </c>
      <c r="D131" s="18">
        <v>-105</v>
      </c>
      <c r="E131" s="17">
        <v>147</v>
      </c>
      <c r="F131" s="18">
        <v>46</v>
      </c>
      <c r="G131" s="19">
        <v>101</v>
      </c>
      <c r="H131" s="18">
        <v>18</v>
      </c>
      <c r="I131" s="18">
        <v>3</v>
      </c>
      <c r="J131" s="18">
        <v>15</v>
      </c>
      <c r="K131" s="17">
        <v>24</v>
      </c>
      <c r="L131" s="51">
        <v>5</v>
      </c>
      <c r="M131" s="52">
        <v>19</v>
      </c>
    </row>
    <row r="132" spans="1:13">
      <c r="A132" s="40" t="s">
        <v>135</v>
      </c>
      <c r="B132" s="21">
        <v>-47</v>
      </c>
      <c r="C132" s="22">
        <v>-15</v>
      </c>
      <c r="D132" s="22">
        <v>-32</v>
      </c>
      <c r="E132" s="21">
        <v>49</v>
      </c>
      <c r="F132" s="22">
        <v>12</v>
      </c>
      <c r="G132" s="23">
        <v>37</v>
      </c>
      <c r="H132" s="22">
        <v>8</v>
      </c>
      <c r="I132" s="22">
        <v>1</v>
      </c>
      <c r="J132" s="22">
        <v>7</v>
      </c>
      <c r="K132" s="21">
        <v>6</v>
      </c>
      <c r="L132" s="53">
        <v>4</v>
      </c>
      <c r="M132" s="54">
        <v>2</v>
      </c>
    </row>
    <row r="133" spans="1:13">
      <c r="A133" s="40" t="s">
        <v>136</v>
      </c>
      <c r="B133" s="21">
        <v>-36</v>
      </c>
      <c r="C133" s="22">
        <v>-16</v>
      </c>
      <c r="D133" s="22">
        <v>-20</v>
      </c>
      <c r="E133" s="21">
        <v>29</v>
      </c>
      <c r="F133" s="22">
        <v>15</v>
      </c>
      <c r="G133" s="23">
        <v>14</v>
      </c>
      <c r="H133" s="22">
        <v>3</v>
      </c>
      <c r="I133" s="22">
        <v>0</v>
      </c>
      <c r="J133" s="22">
        <v>3</v>
      </c>
      <c r="K133" s="21">
        <v>10</v>
      </c>
      <c r="L133" s="53">
        <v>1</v>
      </c>
      <c r="M133" s="54">
        <v>9</v>
      </c>
    </row>
    <row r="134" spans="1:13">
      <c r="A134" s="40" t="s">
        <v>137</v>
      </c>
      <c r="B134" s="21">
        <v>-26</v>
      </c>
      <c r="C134" s="22">
        <v>-7</v>
      </c>
      <c r="D134" s="22">
        <v>-19</v>
      </c>
      <c r="E134" s="21">
        <v>27</v>
      </c>
      <c r="F134" s="22">
        <v>8</v>
      </c>
      <c r="G134" s="23">
        <v>19</v>
      </c>
      <c r="H134" s="22">
        <v>4</v>
      </c>
      <c r="I134" s="22">
        <v>1</v>
      </c>
      <c r="J134" s="22">
        <v>3</v>
      </c>
      <c r="K134" s="21">
        <v>3</v>
      </c>
      <c r="L134" s="53">
        <v>0</v>
      </c>
      <c r="M134" s="54">
        <v>3</v>
      </c>
    </row>
    <row r="135" spans="1:13">
      <c r="A135" s="40" t="s">
        <v>138</v>
      </c>
      <c r="B135" s="21">
        <v>-29</v>
      </c>
      <c r="C135" s="22">
        <v>-6</v>
      </c>
      <c r="D135" s="22">
        <v>-23</v>
      </c>
      <c r="E135" s="21">
        <v>28</v>
      </c>
      <c r="F135" s="22">
        <v>6</v>
      </c>
      <c r="G135" s="23">
        <v>22</v>
      </c>
      <c r="H135" s="22">
        <v>2</v>
      </c>
      <c r="I135" s="22">
        <v>0</v>
      </c>
      <c r="J135" s="22">
        <v>2</v>
      </c>
      <c r="K135" s="21">
        <v>3</v>
      </c>
      <c r="L135" s="53">
        <v>0</v>
      </c>
      <c r="M135" s="54">
        <v>3</v>
      </c>
    </row>
    <row r="136" spans="1:13">
      <c r="A136" s="40" t="s">
        <v>139</v>
      </c>
      <c r="B136" s="21">
        <v>-15</v>
      </c>
      <c r="C136" s="22">
        <v>-4</v>
      </c>
      <c r="D136" s="22">
        <v>-11</v>
      </c>
      <c r="E136" s="21">
        <v>14</v>
      </c>
      <c r="F136" s="22">
        <v>5</v>
      </c>
      <c r="G136" s="23">
        <v>9</v>
      </c>
      <c r="H136" s="22">
        <v>1</v>
      </c>
      <c r="I136" s="22">
        <v>1</v>
      </c>
      <c r="J136" s="22">
        <v>0</v>
      </c>
      <c r="K136" s="21">
        <v>2</v>
      </c>
      <c r="L136" s="53">
        <v>0</v>
      </c>
      <c r="M136" s="54">
        <v>2</v>
      </c>
    </row>
    <row r="137" spans="1:13" ht="19.5" customHeight="1">
      <c r="A137" s="41" t="s">
        <v>140</v>
      </c>
      <c r="B137" s="42">
        <v>-34</v>
      </c>
      <c r="C137" s="43">
        <v>-7</v>
      </c>
      <c r="D137" s="43">
        <v>-27</v>
      </c>
      <c r="E137" s="42">
        <v>34</v>
      </c>
      <c r="F137" s="43">
        <v>7</v>
      </c>
      <c r="G137" s="44">
        <v>27</v>
      </c>
      <c r="H137" s="43">
        <v>1</v>
      </c>
      <c r="I137" s="43">
        <v>0</v>
      </c>
      <c r="J137" s="43">
        <v>1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5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600</v>
      </c>
      <c r="C5" s="14">
        <v>-340</v>
      </c>
      <c r="D5" s="14">
        <v>-260</v>
      </c>
      <c r="E5" s="13">
        <v>2670</v>
      </c>
      <c r="F5" s="14">
        <v>1429</v>
      </c>
      <c r="G5" s="15">
        <v>1241</v>
      </c>
      <c r="H5" s="14">
        <v>10587</v>
      </c>
      <c r="I5" s="14">
        <v>5502</v>
      </c>
      <c r="J5" s="14">
        <v>5085</v>
      </c>
      <c r="K5" s="13">
        <v>10028</v>
      </c>
      <c r="L5" s="49">
        <v>5171</v>
      </c>
      <c r="M5" s="50">
        <v>4857</v>
      </c>
    </row>
    <row r="6" spans="1:13" ht="19.5" customHeight="1">
      <c r="A6" s="16" t="s">
        <v>13</v>
      </c>
      <c r="B6" s="17">
        <v>1652</v>
      </c>
      <c r="C6" s="18">
        <v>826</v>
      </c>
      <c r="D6" s="18">
        <v>826</v>
      </c>
      <c r="E6" s="17">
        <v>7</v>
      </c>
      <c r="F6" s="18">
        <v>5</v>
      </c>
      <c r="G6" s="19">
        <v>2</v>
      </c>
      <c r="H6" s="18">
        <v>660</v>
      </c>
      <c r="I6" s="18">
        <v>339</v>
      </c>
      <c r="J6" s="18">
        <v>321</v>
      </c>
      <c r="K6" s="17">
        <v>512</v>
      </c>
      <c r="L6" s="51">
        <v>266</v>
      </c>
      <c r="M6" s="52">
        <v>246</v>
      </c>
    </row>
    <row r="7" spans="1:13">
      <c r="A7" s="20" t="s">
        <v>14</v>
      </c>
      <c r="B7" s="21">
        <v>1531</v>
      </c>
      <c r="C7" s="22">
        <v>769</v>
      </c>
      <c r="D7" s="22">
        <v>762</v>
      </c>
      <c r="E7" s="21">
        <v>5</v>
      </c>
      <c r="F7" s="22">
        <v>3</v>
      </c>
      <c r="G7" s="23">
        <v>2</v>
      </c>
      <c r="H7" s="22">
        <v>96</v>
      </c>
      <c r="I7" s="22">
        <v>46</v>
      </c>
      <c r="J7" s="22">
        <v>50</v>
      </c>
      <c r="K7" s="21">
        <v>71</v>
      </c>
      <c r="L7" s="53">
        <v>32</v>
      </c>
      <c r="M7" s="54">
        <v>39</v>
      </c>
    </row>
    <row r="8" spans="1:13">
      <c r="A8" s="20" t="s">
        <v>15</v>
      </c>
      <c r="B8" s="21">
        <v>61</v>
      </c>
      <c r="C8" s="22">
        <v>20</v>
      </c>
      <c r="D8" s="22">
        <v>41</v>
      </c>
      <c r="E8" s="21">
        <v>2</v>
      </c>
      <c r="F8" s="22">
        <v>2</v>
      </c>
      <c r="G8" s="23">
        <v>0</v>
      </c>
      <c r="H8" s="22">
        <v>207</v>
      </c>
      <c r="I8" s="22">
        <v>102</v>
      </c>
      <c r="J8" s="22">
        <v>105</v>
      </c>
      <c r="K8" s="21">
        <v>144</v>
      </c>
      <c r="L8" s="53">
        <v>80</v>
      </c>
      <c r="M8" s="54">
        <v>64</v>
      </c>
    </row>
    <row r="9" spans="1:13">
      <c r="A9" s="20" t="s">
        <v>16</v>
      </c>
      <c r="B9" s="21">
        <v>29</v>
      </c>
      <c r="C9" s="22">
        <v>19</v>
      </c>
      <c r="D9" s="22">
        <v>10</v>
      </c>
      <c r="E9" s="21">
        <v>0</v>
      </c>
      <c r="F9" s="22">
        <v>0</v>
      </c>
      <c r="G9" s="23">
        <v>0</v>
      </c>
      <c r="H9" s="22">
        <v>143</v>
      </c>
      <c r="I9" s="22">
        <v>80</v>
      </c>
      <c r="J9" s="22">
        <v>63</v>
      </c>
      <c r="K9" s="21">
        <v>114</v>
      </c>
      <c r="L9" s="53">
        <v>61</v>
      </c>
      <c r="M9" s="54">
        <v>53</v>
      </c>
    </row>
    <row r="10" spans="1:13">
      <c r="A10" s="20" t="s">
        <v>17</v>
      </c>
      <c r="B10" s="21">
        <v>12</v>
      </c>
      <c r="C10" s="22">
        <v>18</v>
      </c>
      <c r="D10" s="22">
        <v>-6</v>
      </c>
      <c r="E10" s="21">
        <v>0</v>
      </c>
      <c r="F10" s="22">
        <v>0</v>
      </c>
      <c r="G10" s="23">
        <v>0</v>
      </c>
      <c r="H10" s="22">
        <v>128</v>
      </c>
      <c r="I10" s="22">
        <v>71</v>
      </c>
      <c r="J10" s="22">
        <v>57</v>
      </c>
      <c r="K10" s="21">
        <v>116</v>
      </c>
      <c r="L10" s="53">
        <v>53</v>
      </c>
      <c r="M10" s="54">
        <v>63</v>
      </c>
    </row>
    <row r="11" spans="1:13">
      <c r="A11" s="20" t="s">
        <v>18</v>
      </c>
      <c r="B11" s="21">
        <v>19</v>
      </c>
      <c r="C11" s="22">
        <v>0</v>
      </c>
      <c r="D11" s="22">
        <v>19</v>
      </c>
      <c r="E11" s="21">
        <v>0</v>
      </c>
      <c r="F11" s="22">
        <v>0</v>
      </c>
      <c r="G11" s="23">
        <v>0</v>
      </c>
      <c r="H11" s="22">
        <v>86</v>
      </c>
      <c r="I11" s="22">
        <v>40</v>
      </c>
      <c r="J11" s="22">
        <v>46</v>
      </c>
      <c r="K11" s="21">
        <v>67</v>
      </c>
      <c r="L11" s="53">
        <v>40</v>
      </c>
      <c r="M11" s="54">
        <v>27</v>
      </c>
    </row>
    <row r="12" spans="1:13" ht="20.100000000000001" customHeight="1">
      <c r="A12" s="16" t="s">
        <v>19</v>
      </c>
      <c r="B12" s="17">
        <v>28</v>
      </c>
      <c r="C12" s="18">
        <v>1</v>
      </c>
      <c r="D12" s="18">
        <v>27</v>
      </c>
      <c r="E12" s="17">
        <v>0</v>
      </c>
      <c r="F12" s="18">
        <v>0</v>
      </c>
      <c r="G12" s="19">
        <v>0</v>
      </c>
      <c r="H12" s="18">
        <v>285</v>
      </c>
      <c r="I12" s="18">
        <v>144</v>
      </c>
      <c r="J12" s="18">
        <v>141</v>
      </c>
      <c r="K12" s="17">
        <v>257</v>
      </c>
      <c r="L12" s="51">
        <v>143</v>
      </c>
      <c r="M12" s="52">
        <v>114</v>
      </c>
    </row>
    <row r="13" spans="1:13">
      <c r="A13" s="20" t="s">
        <v>20</v>
      </c>
      <c r="B13" s="21">
        <v>7</v>
      </c>
      <c r="C13" s="22">
        <v>1</v>
      </c>
      <c r="D13" s="22">
        <v>6</v>
      </c>
      <c r="E13" s="21">
        <v>0</v>
      </c>
      <c r="F13" s="22">
        <v>0</v>
      </c>
      <c r="G13" s="23">
        <v>0</v>
      </c>
      <c r="H13" s="22">
        <v>82</v>
      </c>
      <c r="I13" s="22">
        <v>41</v>
      </c>
      <c r="J13" s="22">
        <v>41</v>
      </c>
      <c r="K13" s="21">
        <v>75</v>
      </c>
      <c r="L13" s="53">
        <v>40</v>
      </c>
      <c r="M13" s="54">
        <v>35</v>
      </c>
    </row>
    <row r="14" spans="1:13">
      <c r="A14" s="20" t="s">
        <v>21</v>
      </c>
      <c r="B14" s="21">
        <v>10</v>
      </c>
      <c r="C14" s="22">
        <v>2</v>
      </c>
      <c r="D14" s="22">
        <v>8</v>
      </c>
      <c r="E14" s="21">
        <v>0</v>
      </c>
      <c r="F14" s="22">
        <v>0</v>
      </c>
      <c r="G14" s="23">
        <v>0</v>
      </c>
      <c r="H14" s="22">
        <v>64</v>
      </c>
      <c r="I14" s="22">
        <v>34</v>
      </c>
      <c r="J14" s="22">
        <v>30</v>
      </c>
      <c r="K14" s="21">
        <v>54</v>
      </c>
      <c r="L14" s="53">
        <v>32</v>
      </c>
      <c r="M14" s="54">
        <v>22</v>
      </c>
    </row>
    <row r="15" spans="1:13">
      <c r="A15" s="20" t="s">
        <v>22</v>
      </c>
      <c r="B15" s="21">
        <v>0</v>
      </c>
      <c r="C15" s="22">
        <v>-1</v>
      </c>
      <c r="D15" s="22">
        <v>1</v>
      </c>
      <c r="E15" s="21">
        <v>0</v>
      </c>
      <c r="F15" s="22">
        <v>0</v>
      </c>
      <c r="G15" s="23">
        <v>0</v>
      </c>
      <c r="H15" s="22">
        <v>68</v>
      </c>
      <c r="I15" s="22">
        <v>38</v>
      </c>
      <c r="J15" s="22">
        <v>30</v>
      </c>
      <c r="K15" s="21">
        <v>68</v>
      </c>
      <c r="L15" s="53">
        <v>39</v>
      </c>
      <c r="M15" s="54">
        <v>29</v>
      </c>
    </row>
    <row r="16" spans="1:13">
      <c r="A16" s="20" t="s">
        <v>23</v>
      </c>
      <c r="B16" s="21">
        <v>-5</v>
      </c>
      <c r="C16" s="22">
        <v>-3</v>
      </c>
      <c r="D16" s="22">
        <v>-2</v>
      </c>
      <c r="E16" s="21">
        <v>0</v>
      </c>
      <c r="F16" s="22">
        <v>0</v>
      </c>
      <c r="G16" s="23">
        <v>0</v>
      </c>
      <c r="H16" s="22">
        <v>28</v>
      </c>
      <c r="I16" s="22">
        <v>15</v>
      </c>
      <c r="J16" s="22">
        <v>13</v>
      </c>
      <c r="K16" s="21">
        <v>33</v>
      </c>
      <c r="L16" s="53">
        <v>18</v>
      </c>
      <c r="M16" s="54">
        <v>15</v>
      </c>
    </row>
    <row r="17" spans="1:13">
      <c r="A17" s="20" t="s">
        <v>24</v>
      </c>
      <c r="B17" s="21">
        <v>16</v>
      </c>
      <c r="C17" s="22">
        <v>2</v>
      </c>
      <c r="D17" s="22">
        <v>14</v>
      </c>
      <c r="E17" s="21">
        <v>0</v>
      </c>
      <c r="F17" s="22">
        <v>0</v>
      </c>
      <c r="G17" s="23">
        <v>0</v>
      </c>
      <c r="H17" s="22">
        <v>43</v>
      </c>
      <c r="I17" s="22">
        <v>16</v>
      </c>
      <c r="J17" s="22">
        <v>27</v>
      </c>
      <c r="K17" s="21">
        <v>27</v>
      </c>
      <c r="L17" s="53">
        <v>14</v>
      </c>
      <c r="M17" s="54">
        <v>13</v>
      </c>
    </row>
    <row r="18" spans="1:13" ht="20.100000000000001" customHeight="1">
      <c r="A18" s="16" t="s">
        <v>25</v>
      </c>
      <c r="B18" s="17">
        <v>39</v>
      </c>
      <c r="C18" s="18">
        <v>7</v>
      </c>
      <c r="D18" s="18">
        <v>32</v>
      </c>
      <c r="E18" s="17">
        <v>0</v>
      </c>
      <c r="F18" s="18">
        <v>0</v>
      </c>
      <c r="G18" s="19">
        <v>0</v>
      </c>
      <c r="H18" s="18">
        <v>188</v>
      </c>
      <c r="I18" s="18">
        <v>87</v>
      </c>
      <c r="J18" s="18">
        <v>101</v>
      </c>
      <c r="K18" s="17">
        <v>149</v>
      </c>
      <c r="L18" s="51">
        <v>80</v>
      </c>
      <c r="M18" s="52">
        <v>69</v>
      </c>
    </row>
    <row r="19" spans="1:13">
      <c r="A19" s="20" t="s">
        <v>26</v>
      </c>
      <c r="B19" s="21">
        <v>4</v>
      </c>
      <c r="C19" s="22">
        <v>-2</v>
      </c>
      <c r="D19" s="22">
        <v>6</v>
      </c>
      <c r="E19" s="21">
        <v>0</v>
      </c>
      <c r="F19" s="22">
        <v>0</v>
      </c>
      <c r="G19" s="23">
        <v>0</v>
      </c>
      <c r="H19" s="22">
        <v>44</v>
      </c>
      <c r="I19" s="22">
        <v>20</v>
      </c>
      <c r="J19" s="22">
        <v>24</v>
      </c>
      <c r="K19" s="21">
        <v>40</v>
      </c>
      <c r="L19" s="53">
        <v>22</v>
      </c>
      <c r="M19" s="54">
        <v>18</v>
      </c>
    </row>
    <row r="20" spans="1:13">
      <c r="A20" s="20" t="s">
        <v>27</v>
      </c>
      <c r="B20" s="21">
        <v>16</v>
      </c>
      <c r="C20" s="22">
        <v>5</v>
      </c>
      <c r="D20" s="22">
        <v>11</v>
      </c>
      <c r="E20" s="21">
        <v>0</v>
      </c>
      <c r="F20" s="22">
        <v>0</v>
      </c>
      <c r="G20" s="23">
        <v>0</v>
      </c>
      <c r="H20" s="22">
        <v>44</v>
      </c>
      <c r="I20" s="22">
        <v>22</v>
      </c>
      <c r="J20" s="22">
        <v>22</v>
      </c>
      <c r="K20" s="21">
        <v>28</v>
      </c>
      <c r="L20" s="53">
        <v>17</v>
      </c>
      <c r="M20" s="54">
        <v>11</v>
      </c>
    </row>
    <row r="21" spans="1:13">
      <c r="A21" s="20" t="s">
        <v>28</v>
      </c>
      <c r="B21" s="21">
        <v>-6</v>
      </c>
      <c r="C21" s="22">
        <v>-5</v>
      </c>
      <c r="D21" s="22">
        <v>-1</v>
      </c>
      <c r="E21" s="21">
        <v>0</v>
      </c>
      <c r="F21" s="22">
        <v>0</v>
      </c>
      <c r="G21" s="23">
        <v>0</v>
      </c>
      <c r="H21" s="22">
        <v>26</v>
      </c>
      <c r="I21" s="22">
        <v>10</v>
      </c>
      <c r="J21" s="22">
        <v>16</v>
      </c>
      <c r="K21" s="21">
        <v>32</v>
      </c>
      <c r="L21" s="53">
        <v>15</v>
      </c>
      <c r="M21" s="54">
        <v>17</v>
      </c>
    </row>
    <row r="22" spans="1:13">
      <c r="A22" s="20" t="s">
        <v>29</v>
      </c>
      <c r="B22" s="21">
        <v>11</v>
      </c>
      <c r="C22" s="22">
        <v>4</v>
      </c>
      <c r="D22" s="22">
        <v>7</v>
      </c>
      <c r="E22" s="21">
        <v>0</v>
      </c>
      <c r="F22" s="22">
        <v>0</v>
      </c>
      <c r="G22" s="23">
        <v>0</v>
      </c>
      <c r="H22" s="22">
        <v>45</v>
      </c>
      <c r="I22" s="22">
        <v>21</v>
      </c>
      <c r="J22" s="22">
        <v>24</v>
      </c>
      <c r="K22" s="21">
        <v>34</v>
      </c>
      <c r="L22" s="53">
        <v>17</v>
      </c>
      <c r="M22" s="54">
        <v>17</v>
      </c>
    </row>
    <row r="23" spans="1:13">
      <c r="A23" s="20" t="s">
        <v>30</v>
      </c>
      <c r="B23" s="21">
        <v>14</v>
      </c>
      <c r="C23" s="22">
        <v>5</v>
      </c>
      <c r="D23" s="22">
        <v>9</v>
      </c>
      <c r="E23" s="21">
        <v>0</v>
      </c>
      <c r="F23" s="22">
        <v>0</v>
      </c>
      <c r="G23" s="23">
        <v>0</v>
      </c>
      <c r="H23" s="22">
        <v>29</v>
      </c>
      <c r="I23" s="22">
        <v>14</v>
      </c>
      <c r="J23" s="22">
        <v>15</v>
      </c>
      <c r="K23" s="21">
        <v>15</v>
      </c>
      <c r="L23" s="53">
        <v>9</v>
      </c>
      <c r="M23" s="54">
        <v>6</v>
      </c>
    </row>
    <row r="24" spans="1:13" ht="20.100000000000001" customHeight="1">
      <c r="A24" s="16" t="s">
        <v>31</v>
      </c>
      <c r="B24" s="17">
        <v>58</v>
      </c>
      <c r="C24" s="18">
        <v>53</v>
      </c>
      <c r="D24" s="18">
        <v>5</v>
      </c>
      <c r="E24" s="17">
        <v>3</v>
      </c>
      <c r="F24" s="18">
        <v>1</v>
      </c>
      <c r="G24" s="19">
        <v>2</v>
      </c>
      <c r="H24" s="18">
        <v>345</v>
      </c>
      <c r="I24" s="18">
        <v>177</v>
      </c>
      <c r="J24" s="18">
        <v>168</v>
      </c>
      <c r="K24" s="17">
        <v>284</v>
      </c>
      <c r="L24" s="51">
        <v>123</v>
      </c>
      <c r="M24" s="52">
        <v>161</v>
      </c>
    </row>
    <row r="25" spans="1:13">
      <c r="A25" s="20" t="s">
        <v>32</v>
      </c>
      <c r="B25" s="21">
        <v>-3</v>
      </c>
      <c r="C25" s="22">
        <v>1</v>
      </c>
      <c r="D25" s="22">
        <v>-4</v>
      </c>
      <c r="E25" s="21">
        <v>1</v>
      </c>
      <c r="F25" s="22">
        <v>0</v>
      </c>
      <c r="G25" s="23">
        <v>1</v>
      </c>
      <c r="H25" s="22">
        <v>30</v>
      </c>
      <c r="I25" s="22">
        <v>15</v>
      </c>
      <c r="J25" s="22">
        <v>15</v>
      </c>
      <c r="K25" s="21">
        <v>32</v>
      </c>
      <c r="L25" s="53">
        <v>14</v>
      </c>
      <c r="M25" s="54">
        <v>18</v>
      </c>
    </row>
    <row r="26" spans="1:13">
      <c r="A26" s="20" t="s">
        <v>33</v>
      </c>
      <c r="B26" s="21">
        <v>16</v>
      </c>
      <c r="C26" s="22">
        <v>2</v>
      </c>
      <c r="D26" s="22">
        <v>14</v>
      </c>
      <c r="E26" s="21">
        <v>0</v>
      </c>
      <c r="F26" s="22">
        <v>0</v>
      </c>
      <c r="G26" s="23">
        <v>0</v>
      </c>
      <c r="H26" s="22">
        <v>52</v>
      </c>
      <c r="I26" s="22">
        <v>22</v>
      </c>
      <c r="J26" s="22">
        <v>30</v>
      </c>
      <c r="K26" s="21">
        <v>36</v>
      </c>
      <c r="L26" s="53">
        <v>20</v>
      </c>
      <c r="M26" s="54">
        <v>16</v>
      </c>
    </row>
    <row r="27" spans="1:13">
      <c r="A27" s="20" t="s">
        <v>34</v>
      </c>
      <c r="B27" s="21">
        <v>-4</v>
      </c>
      <c r="C27" s="22">
        <v>3</v>
      </c>
      <c r="D27" s="22">
        <v>-7</v>
      </c>
      <c r="E27" s="21">
        <v>1</v>
      </c>
      <c r="F27" s="22">
        <v>1</v>
      </c>
      <c r="G27" s="23">
        <v>0</v>
      </c>
      <c r="H27" s="22">
        <v>40</v>
      </c>
      <c r="I27" s="22">
        <v>14</v>
      </c>
      <c r="J27" s="22">
        <v>26</v>
      </c>
      <c r="K27" s="21">
        <v>43</v>
      </c>
      <c r="L27" s="53">
        <v>10</v>
      </c>
      <c r="M27" s="54">
        <v>33</v>
      </c>
    </row>
    <row r="28" spans="1:13">
      <c r="A28" s="20" t="s">
        <v>35</v>
      </c>
      <c r="B28" s="21">
        <v>27</v>
      </c>
      <c r="C28" s="22">
        <v>24</v>
      </c>
      <c r="D28" s="22">
        <v>3</v>
      </c>
      <c r="E28" s="21">
        <v>0</v>
      </c>
      <c r="F28" s="22">
        <v>0</v>
      </c>
      <c r="G28" s="23">
        <v>0</v>
      </c>
      <c r="H28" s="22">
        <v>79</v>
      </c>
      <c r="I28" s="22">
        <v>46</v>
      </c>
      <c r="J28" s="22">
        <v>33</v>
      </c>
      <c r="K28" s="21">
        <v>52</v>
      </c>
      <c r="L28" s="53">
        <v>22</v>
      </c>
      <c r="M28" s="54">
        <v>30</v>
      </c>
    </row>
    <row r="29" spans="1:13">
      <c r="A29" s="20" t="s">
        <v>36</v>
      </c>
      <c r="B29" s="21">
        <v>22</v>
      </c>
      <c r="C29" s="22">
        <v>23</v>
      </c>
      <c r="D29" s="22">
        <v>-1</v>
      </c>
      <c r="E29" s="21">
        <v>1</v>
      </c>
      <c r="F29" s="22">
        <v>0</v>
      </c>
      <c r="G29" s="23">
        <v>1</v>
      </c>
      <c r="H29" s="22">
        <v>144</v>
      </c>
      <c r="I29" s="22">
        <v>80</v>
      </c>
      <c r="J29" s="22">
        <v>64</v>
      </c>
      <c r="K29" s="21">
        <v>121</v>
      </c>
      <c r="L29" s="53">
        <v>57</v>
      </c>
      <c r="M29" s="54">
        <v>64</v>
      </c>
    </row>
    <row r="30" spans="1:13" ht="20.100000000000001" customHeight="1">
      <c r="A30" s="16" t="s">
        <v>37</v>
      </c>
      <c r="B30" s="17">
        <v>29</v>
      </c>
      <c r="C30" s="18">
        <v>33</v>
      </c>
      <c r="D30" s="18">
        <v>-4</v>
      </c>
      <c r="E30" s="17">
        <v>5</v>
      </c>
      <c r="F30" s="18">
        <v>5</v>
      </c>
      <c r="G30" s="19">
        <v>0</v>
      </c>
      <c r="H30" s="18">
        <v>1515</v>
      </c>
      <c r="I30" s="18">
        <v>762</v>
      </c>
      <c r="J30" s="18">
        <v>753</v>
      </c>
      <c r="K30" s="17">
        <v>1481</v>
      </c>
      <c r="L30" s="51">
        <v>724</v>
      </c>
      <c r="M30" s="52">
        <v>757</v>
      </c>
    </row>
    <row r="31" spans="1:13">
      <c r="A31" s="20" t="s">
        <v>38</v>
      </c>
      <c r="B31" s="21">
        <v>17</v>
      </c>
      <c r="C31" s="22">
        <v>9</v>
      </c>
      <c r="D31" s="22">
        <v>8</v>
      </c>
      <c r="E31" s="21">
        <v>0</v>
      </c>
      <c r="F31" s="22">
        <v>0</v>
      </c>
      <c r="G31" s="23">
        <v>0</v>
      </c>
      <c r="H31" s="22">
        <v>147</v>
      </c>
      <c r="I31" s="22">
        <v>75</v>
      </c>
      <c r="J31" s="22">
        <v>72</v>
      </c>
      <c r="K31" s="21">
        <v>130</v>
      </c>
      <c r="L31" s="53">
        <v>66</v>
      </c>
      <c r="M31" s="54">
        <v>64</v>
      </c>
    </row>
    <row r="32" spans="1:13">
      <c r="A32" s="20" t="s">
        <v>39</v>
      </c>
      <c r="B32" s="21">
        <v>48</v>
      </c>
      <c r="C32" s="22">
        <v>36</v>
      </c>
      <c r="D32" s="22">
        <v>12</v>
      </c>
      <c r="E32" s="21">
        <v>1</v>
      </c>
      <c r="F32" s="22">
        <v>1</v>
      </c>
      <c r="G32" s="23">
        <v>0</v>
      </c>
      <c r="H32" s="22">
        <v>258</v>
      </c>
      <c r="I32" s="22">
        <v>122</v>
      </c>
      <c r="J32" s="22">
        <v>136</v>
      </c>
      <c r="K32" s="21">
        <v>209</v>
      </c>
      <c r="L32" s="53">
        <v>85</v>
      </c>
      <c r="M32" s="54">
        <v>124</v>
      </c>
    </row>
    <row r="33" spans="1:13">
      <c r="A33" s="20" t="s">
        <v>40</v>
      </c>
      <c r="B33" s="21">
        <v>46</v>
      </c>
      <c r="C33" s="22">
        <v>11</v>
      </c>
      <c r="D33" s="22">
        <v>35</v>
      </c>
      <c r="E33" s="21">
        <v>3</v>
      </c>
      <c r="F33" s="22">
        <v>3</v>
      </c>
      <c r="G33" s="23">
        <v>0</v>
      </c>
      <c r="H33" s="22">
        <v>294</v>
      </c>
      <c r="I33" s="22">
        <v>141</v>
      </c>
      <c r="J33" s="22">
        <v>153</v>
      </c>
      <c r="K33" s="21">
        <v>245</v>
      </c>
      <c r="L33" s="53">
        <v>127</v>
      </c>
      <c r="M33" s="54">
        <v>118</v>
      </c>
    </row>
    <row r="34" spans="1:13">
      <c r="A34" s="20" t="s">
        <v>41</v>
      </c>
      <c r="B34" s="21">
        <v>-51</v>
      </c>
      <c r="C34" s="22">
        <v>-12</v>
      </c>
      <c r="D34" s="22">
        <v>-39</v>
      </c>
      <c r="E34" s="21">
        <v>0</v>
      </c>
      <c r="F34" s="22">
        <v>0</v>
      </c>
      <c r="G34" s="23">
        <v>0</v>
      </c>
      <c r="H34" s="22">
        <v>435</v>
      </c>
      <c r="I34" s="22">
        <v>225</v>
      </c>
      <c r="J34" s="22">
        <v>210</v>
      </c>
      <c r="K34" s="21">
        <v>486</v>
      </c>
      <c r="L34" s="53">
        <v>237</v>
      </c>
      <c r="M34" s="54">
        <v>249</v>
      </c>
    </row>
    <row r="35" spans="1:13">
      <c r="A35" s="20" t="s">
        <v>42</v>
      </c>
      <c r="B35" s="21">
        <v>-31</v>
      </c>
      <c r="C35" s="22">
        <v>-11</v>
      </c>
      <c r="D35" s="22">
        <v>-20</v>
      </c>
      <c r="E35" s="21">
        <v>1</v>
      </c>
      <c r="F35" s="22">
        <v>1</v>
      </c>
      <c r="G35" s="23">
        <v>0</v>
      </c>
      <c r="H35" s="22">
        <v>381</v>
      </c>
      <c r="I35" s="22">
        <v>199</v>
      </c>
      <c r="J35" s="22">
        <v>182</v>
      </c>
      <c r="K35" s="21">
        <v>411</v>
      </c>
      <c r="L35" s="53">
        <v>209</v>
      </c>
      <c r="M35" s="54">
        <v>202</v>
      </c>
    </row>
    <row r="36" spans="1:13" ht="20.100000000000001" customHeight="1">
      <c r="A36" s="16" t="s">
        <v>43</v>
      </c>
      <c r="B36" s="17">
        <v>-20</v>
      </c>
      <c r="C36" s="18">
        <v>-20</v>
      </c>
      <c r="D36" s="18">
        <v>0</v>
      </c>
      <c r="E36" s="17">
        <v>1</v>
      </c>
      <c r="F36" s="18">
        <v>0</v>
      </c>
      <c r="G36" s="19">
        <v>1</v>
      </c>
      <c r="H36" s="18">
        <v>2028</v>
      </c>
      <c r="I36" s="18">
        <v>1044</v>
      </c>
      <c r="J36" s="18">
        <v>984</v>
      </c>
      <c r="K36" s="17">
        <v>2047</v>
      </c>
      <c r="L36" s="51">
        <v>1064</v>
      </c>
      <c r="M36" s="52">
        <v>983</v>
      </c>
    </row>
    <row r="37" spans="1:13">
      <c r="A37" s="20" t="s">
        <v>44</v>
      </c>
      <c r="B37" s="21">
        <v>19</v>
      </c>
      <c r="C37" s="22">
        <v>-6</v>
      </c>
      <c r="D37" s="22">
        <v>25</v>
      </c>
      <c r="E37" s="21">
        <v>1</v>
      </c>
      <c r="F37" s="22">
        <v>0</v>
      </c>
      <c r="G37" s="23">
        <v>1</v>
      </c>
      <c r="H37" s="22">
        <v>476</v>
      </c>
      <c r="I37" s="22">
        <v>233</v>
      </c>
      <c r="J37" s="22">
        <v>243</v>
      </c>
      <c r="K37" s="21">
        <v>456</v>
      </c>
      <c r="L37" s="53">
        <v>239</v>
      </c>
      <c r="M37" s="54">
        <v>217</v>
      </c>
    </row>
    <row r="38" spans="1:13">
      <c r="A38" s="20" t="s">
        <v>45</v>
      </c>
      <c r="B38" s="21">
        <v>-55</v>
      </c>
      <c r="C38" s="22">
        <v>-19</v>
      </c>
      <c r="D38" s="22">
        <v>-36</v>
      </c>
      <c r="E38" s="21">
        <v>0</v>
      </c>
      <c r="F38" s="22">
        <v>0</v>
      </c>
      <c r="G38" s="23">
        <v>0</v>
      </c>
      <c r="H38" s="22">
        <v>385</v>
      </c>
      <c r="I38" s="22">
        <v>207</v>
      </c>
      <c r="J38" s="22">
        <v>178</v>
      </c>
      <c r="K38" s="21">
        <v>440</v>
      </c>
      <c r="L38" s="53">
        <v>226</v>
      </c>
      <c r="M38" s="54">
        <v>214</v>
      </c>
    </row>
    <row r="39" spans="1:13">
      <c r="A39" s="20" t="s">
        <v>46</v>
      </c>
      <c r="B39" s="21">
        <v>-18</v>
      </c>
      <c r="C39" s="22">
        <v>3</v>
      </c>
      <c r="D39" s="22">
        <v>-21</v>
      </c>
      <c r="E39" s="21">
        <v>0</v>
      </c>
      <c r="F39" s="22">
        <v>0</v>
      </c>
      <c r="G39" s="23">
        <v>0</v>
      </c>
      <c r="H39" s="22">
        <v>405</v>
      </c>
      <c r="I39" s="22">
        <v>209</v>
      </c>
      <c r="J39" s="22">
        <v>196</v>
      </c>
      <c r="K39" s="21">
        <v>423</v>
      </c>
      <c r="L39" s="53">
        <v>206</v>
      </c>
      <c r="M39" s="54">
        <v>217</v>
      </c>
    </row>
    <row r="40" spans="1:13">
      <c r="A40" s="20" t="s">
        <v>47</v>
      </c>
      <c r="B40" s="21">
        <v>14</v>
      </c>
      <c r="C40" s="22">
        <v>12</v>
      </c>
      <c r="D40" s="22">
        <v>2</v>
      </c>
      <c r="E40" s="21">
        <v>0</v>
      </c>
      <c r="F40" s="22">
        <v>0</v>
      </c>
      <c r="G40" s="23">
        <v>0</v>
      </c>
      <c r="H40" s="22">
        <v>382</v>
      </c>
      <c r="I40" s="22">
        <v>197</v>
      </c>
      <c r="J40" s="22">
        <v>185</v>
      </c>
      <c r="K40" s="21">
        <v>368</v>
      </c>
      <c r="L40" s="53">
        <v>185</v>
      </c>
      <c r="M40" s="54">
        <v>183</v>
      </c>
    </row>
    <row r="41" spans="1:13">
      <c r="A41" s="20" t="s">
        <v>48</v>
      </c>
      <c r="B41" s="21">
        <v>20</v>
      </c>
      <c r="C41" s="22">
        <v>-10</v>
      </c>
      <c r="D41" s="22">
        <v>30</v>
      </c>
      <c r="E41" s="21">
        <v>0</v>
      </c>
      <c r="F41" s="22">
        <v>0</v>
      </c>
      <c r="G41" s="23">
        <v>0</v>
      </c>
      <c r="H41" s="22">
        <v>380</v>
      </c>
      <c r="I41" s="22">
        <v>198</v>
      </c>
      <c r="J41" s="22">
        <v>182</v>
      </c>
      <c r="K41" s="21">
        <v>360</v>
      </c>
      <c r="L41" s="53">
        <v>208</v>
      </c>
      <c r="M41" s="54">
        <v>152</v>
      </c>
    </row>
    <row r="42" spans="1:13" ht="20.100000000000001" customHeight="1">
      <c r="A42" s="16" t="s">
        <v>49</v>
      </c>
      <c r="B42" s="17">
        <v>90</v>
      </c>
      <c r="C42" s="18">
        <v>82</v>
      </c>
      <c r="D42" s="18">
        <v>8</v>
      </c>
      <c r="E42" s="17">
        <v>3</v>
      </c>
      <c r="F42" s="18">
        <v>2</v>
      </c>
      <c r="G42" s="19">
        <v>1</v>
      </c>
      <c r="H42" s="18">
        <v>1438</v>
      </c>
      <c r="I42" s="18">
        <v>794</v>
      </c>
      <c r="J42" s="18">
        <v>644</v>
      </c>
      <c r="K42" s="17">
        <v>1345</v>
      </c>
      <c r="L42" s="51">
        <v>710</v>
      </c>
      <c r="M42" s="52">
        <v>635</v>
      </c>
    </row>
    <row r="43" spans="1:13">
      <c r="A43" s="20" t="s">
        <v>50</v>
      </c>
      <c r="B43" s="21">
        <v>5</v>
      </c>
      <c r="C43" s="22">
        <v>6</v>
      </c>
      <c r="D43" s="22">
        <v>-1</v>
      </c>
      <c r="E43" s="21">
        <v>2</v>
      </c>
      <c r="F43" s="22">
        <v>2</v>
      </c>
      <c r="G43" s="23">
        <v>0</v>
      </c>
      <c r="H43" s="22">
        <v>338</v>
      </c>
      <c r="I43" s="22">
        <v>181</v>
      </c>
      <c r="J43" s="22">
        <v>157</v>
      </c>
      <c r="K43" s="21">
        <v>331</v>
      </c>
      <c r="L43" s="53">
        <v>173</v>
      </c>
      <c r="M43" s="54">
        <v>158</v>
      </c>
    </row>
    <row r="44" spans="1:13">
      <c r="A44" s="20" t="s">
        <v>51</v>
      </c>
      <c r="B44" s="21">
        <v>13</v>
      </c>
      <c r="C44" s="22">
        <v>1</v>
      </c>
      <c r="D44" s="22">
        <v>12</v>
      </c>
      <c r="E44" s="21">
        <v>0</v>
      </c>
      <c r="F44" s="22">
        <v>0</v>
      </c>
      <c r="G44" s="23">
        <v>0</v>
      </c>
      <c r="H44" s="22">
        <v>323</v>
      </c>
      <c r="I44" s="22">
        <v>174</v>
      </c>
      <c r="J44" s="22">
        <v>149</v>
      </c>
      <c r="K44" s="21">
        <v>310</v>
      </c>
      <c r="L44" s="53">
        <v>173</v>
      </c>
      <c r="M44" s="54">
        <v>137</v>
      </c>
    </row>
    <row r="45" spans="1:13">
      <c r="A45" s="20" t="s">
        <v>52</v>
      </c>
      <c r="B45" s="21">
        <v>24</v>
      </c>
      <c r="C45" s="22">
        <v>20</v>
      </c>
      <c r="D45" s="22">
        <v>4</v>
      </c>
      <c r="E45" s="21">
        <v>1</v>
      </c>
      <c r="F45" s="22">
        <v>0</v>
      </c>
      <c r="G45" s="23">
        <v>1</v>
      </c>
      <c r="H45" s="22">
        <v>284</v>
      </c>
      <c r="I45" s="22">
        <v>159</v>
      </c>
      <c r="J45" s="22">
        <v>125</v>
      </c>
      <c r="K45" s="21">
        <v>259</v>
      </c>
      <c r="L45" s="53">
        <v>139</v>
      </c>
      <c r="M45" s="54">
        <v>120</v>
      </c>
    </row>
    <row r="46" spans="1:13">
      <c r="A46" s="20" t="s">
        <v>53</v>
      </c>
      <c r="B46" s="21">
        <v>36</v>
      </c>
      <c r="C46" s="22">
        <v>29</v>
      </c>
      <c r="D46" s="22">
        <v>7</v>
      </c>
      <c r="E46" s="21">
        <v>0</v>
      </c>
      <c r="F46" s="22">
        <v>0</v>
      </c>
      <c r="G46" s="23">
        <v>0</v>
      </c>
      <c r="H46" s="22">
        <v>278</v>
      </c>
      <c r="I46" s="22">
        <v>160</v>
      </c>
      <c r="J46" s="22">
        <v>118</v>
      </c>
      <c r="K46" s="21">
        <v>242</v>
      </c>
      <c r="L46" s="53">
        <v>131</v>
      </c>
      <c r="M46" s="54">
        <v>111</v>
      </c>
    </row>
    <row r="47" spans="1:13">
      <c r="A47" s="20" t="s">
        <v>54</v>
      </c>
      <c r="B47" s="21">
        <v>12</v>
      </c>
      <c r="C47" s="22">
        <v>26</v>
      </c>
      <c r="D47" s="22">
        <v>-14</v>
      </c>
      <c r="E47" s="21">
        <v>0</v>
      </c>
      <c r="F47" s="22">
        <v>0</v>
      </c>
      <c r="G47" s="23">
        <v>0</v>
      </c>
      <c r="H47" s="22">
        <v>215</v>
      </c>
      <c r="I47" s="22">
        <v>120</v>
      </c>
      <c r="J47" s="22">
        <v>95</v>
      </c>
      <c r="K47" s="21">
        <v>203</v>
      </c>
      <c r="L47" s="53">
        <v>94</v>
      </c>
      <c r="M47" s="54">
        <v>109</v>
      </c>
    </row>
    <row r="48" spans="1:13" ht="20.100000000000001" customHeight="1">
      <c r="A48" s="16" t="s">
        <v>55</v>
      </c>
      <c r="B48" s="17">
        <v>67</v>
      </c>
      <c r="C48" s="18">
        <v>55</v>
      </c>
      <c r="D48" s="18">
        <v>12</v>
      </c>
      <c r="E48" s="17">
        <v>6</v>
      </c>
      <c r="F48" s="18">
        <v>4</v>
      </c>
      <c r="G48" s="19">
        <v>2</v>
      </c>
      <c r="H48" s="18">
        <v>949</v>
      </c>
      <c r="I48" s="18">
        <v>535</v>
      </c>
      <c r="J48" s="18">
        <v>414</v>
      </c>
      <c r="K48" s="17">
        <v>876</v>
      </c>
      <c r="L48" s="51">
        <v>476</v>
      </c>
      <c r="M48" s="52">
        <v>400</v>
      </c>
    </row>
    <row r="49" spans="1:13">
      <c r="A49" s="20" t="s">
        <v>56</v>
      </c>
      <c r="B49" s="21">
        <v>27</v>
      </c>
      <c r="C49" s="22">
        <v>25</v>
      </c>
      <c r="D49" s="22">
        <v>2</v>
      </c>
      <c r="E49" s="21">
        <v>2</v>
      </c>
      <c r="F49" s="22">
        <v>1</v>
      </c>
      <c r="G49" s="23">
        <v>1</v>
      </c>
      <c r="H49" s="22">
        <v>237</v>
      </c>
      <c r="I49" s="22">
        <v>133</v>
      </c>
      <c r="J49" s="22">
        <v>104</v>
      </c>
      <c r="K49" s="21">
        <v>208</v>
      </c>
      <c r="L49" s="53">
        <v>107</v>
      </c>
      <c r="M49" s="54">
        <v>101</v>
      </c>
    </row>
    <row r="50" spans="1:13">
      <c r="A50" s="20" t="s">
        <v>57</v>
      </c>
      <c r="B50" s="21">
        <v>-15</v>
      </c>
      <c r="C50" s="22">
        <v>-4</v>
      </c>
      <c r="D50" s="22">
        <v>-11</v>
      </c>
      <c r="E50" s="21">
        <v>0</v>
      </c>
      <c r="F50" s="22">
        <v>0</v>
      </c>
      <c r="G50" s="23">
        <v>0</v>
      </c>
      <c r="H50" s="22">
        <v>190</v>
      </c>
      <c r="I50" s="22">
        <v>103</v>
      </c>
      <c r="J50" s="22">
        <v>87</v>
      </c>
      <c r="K50" s="21">
        <v>205</v>
      </c>
      <c r="L50" s="53">
        <v>107</v>
      </c>
      <c r="M50" s="54">
        <v>98</v>
      </c>
    </row>
    <row r="51" spans="1:13">
      <c r="A51" s="20" t="s">
        <v>58</v>
      </c>
      <c r="B51" s="21">
        <v>15</v>
      </c>
      <c r="C51" s="22">
        <v>21</v>
      </c>
      <c r="D51" s="22">
        <v>-6</v>
      </c>
      <c r="E51" s="21">
        <v>0</v>
      </c>
      <c r="F51" s="22">
        <v>0</v>
      </c>
      <c r="G51" s="23">
        <v>0</v>
      </c>
      <c r="H51" s="22">
        <v>184</v>
      </c>
      <c r="I51" s="22">
        <v>111</v>
      </c>
      <c r="J51" s="22">
        <v>73</v>
      </c>
      <c r="K51" s="21">
        <v>169</v>
      </c>
      <c r="L51" s="53">
        <v>90</v>
      </c>
      <c r="M51" s="54">
        <v>79</v>
      </c>
    </row>
    <row r="52" spans="1:13">
      <c r="A52" s="20" t="s">
        <v>59</v>
      </c>
      <c r="B52" s="21">
        <v>29</v>
      </c>
      <c r="C52" s="22">
        <v>5</v>
      </c>
      <c r="D52" s="22">
        <v>24</v>
      </c>
      <c r="E52" s="21">
        <v>2</v>
      </c>
      <c r="F52" s="22">
        <v>1</v>
      </c>
      <c r="G52" s="23">
        <v>1</v>
      </c>
      <c r="H52" s="22">
        <v>176</v>
      </c>
      <c r="I52" s="22">
        <v>102</v>
      </c>
      <c r="J52" s="22">
        <v>74</v>
      </c>
      <c r="K52" s="21">
        <v>145</v>
      </c>
      <c r="L52" s="53">
        <v>96</v>
      </c>
      <c r="M52" s="54">
        <v>49</v>
      </c>
    </row>
    <row r="53" spans="1:13">
      <c r="A53" s="20" t="s">
        <v>60</v>
      </c>
      <c r="B53" s="21">
        <v>11</v>
      </c>
      <c r="C53" s="22">
        <v>8</v>
      </c>
      <c r="D53" s="22">
        <v>3</v>
      </c>
      <c r="E53" s="21">
        <v>2</v>
      </c>
      <c r="F53" s="22">
        <v>2</v>
      </c>
      <c r="G53" s="23">
        <v>0</v>
      </c>
      <c r="H53" s="22">
        <v>162</v>
      </c>
      <c r="I53" s="22">
        <v>86</v>
      </c>
      <c r="J53" s="22">
        <v>76</v>
      </c>
      <c r="K53" s="21">
        <v>149</v>
      </c>
      <c r="L53" s="53">
        <v>76</v>
      </c>
      <c r="M53" s="54">
        <v>73</v>
      </c>
    </row>
    <row r="54" spans="1:13" ht="20.100000000000001" customHeight="1">
      <c r="A54" s="16" t="s">
        <v>61</v>
      </c>
      <c r="B54" s="17">
        <v>18</v>
      </c>
      <c r="C54" s="18">
        <v>-1</v>
      </c>
      <c r="D54" s="18">
        <v>19</v>
      </c>
      <c r="E54" s="17">
        <v>17</v>
      </c>
      <c r="F54" s="18">
        <v>9</v>
      </c>
      <c r="G54" s="19">
        <v>8</v>
      </c>
      <c r="H54" s="18">
        <v>675</v>
      </c>
      <c r="I54" s="18">
        <v>378</v>
      </c>
      <c r="J54" s="18">
        <v>297</v>
      </c>
      <c r="K54" s="17">
        <v>640</v>
      </c>
      <c r="L54" s="51">
        <v>370</v>
      </c>
      <c r="M54" s="52">
        <v>270</v>
      </c>
    </row>
    <row r="55" spans="1:13">
      <c r="A55" s="20" t="s">
        <v>62</v>
      </c>
      <c r="B55" s="21">
        <v>9</v>
      </c>
      <c r="C55" s="22">
        <v>4</v>
      </c>
      <c r="D55" s="22">
        <v>5</v>
      </c>
      <c r="E55" s="21">
        <v>5</v>
      </c>
      <c r="F55" s="22">
        <v>4</v>
      </c>
      <c r="G55" s="23">
        <v>1</v>
      </c>
      <c r="H55" s="22">
        <v>169</v>
      </c>
      <c r="I55" s="22">
        <v>98</v>
      </c>
      <c r="J55" s="22">
        <v>71</v>
      </c>
      <c r="K55" s="21">
        <v>155</v>
      </c>
      <c r="L55" s="53">
        <v>90</v>
      </c>
      <c r="M55" s="54">
        <v>65</v>
      </c>
    </row>
    <row r="56" spans="1:13">
      <c r="A56" s="20" t="s">
        <v>63</v>
      </c>
      <c r="B56" s="21">
        <v>-9</v>
      </c>
      <c r="C56" s="22">
        <v>2</v>
      </c>
      <c r="D56" s="22">
        <v>-11</v>
      </c>
      <c r="E56" s="21">
        <v>1</v>
      </c>
      <c r="F56" s="22">
        <v>0</v>
      </c>
      <c r="G56" s="23">
        <v>1</v>
      </c>
      <c r="H56" s="22">
        <v>127</v>
      </c>
      <c r="I56" s="22">
        <v>75</v>
      </c>
      <c r="J56" s="22">
        <v>52</v>
      </c>
      <c r="K56" s="21">
        <v>135</v>
      </c>
      <c r="L56" s="53">
        <v>73</v>
      </c>
      <c r="M56" s="54">
        <v>62</v>
      </c>
    </row>
    <row r="57" spans="1:13">
      <c r="A57" s="20" t="s">
        <v>64</v>
      </c>
      <c r="B57" s="21">
        <v>0</v>
      </c>
      <c r="C57" s="22">
        <v>4</v>
      </c>
      <c r="D57" s="22">
        <v>-4</v>
      </c>
      <c r="E57" s="21">
        <v>4</v>
      </c>
      <c r="F57" s="22">
        <v>1</v>
      </c>
      <c r="G57" s="23">
        <v>3</v>
      </c>
      <c r="H57" s="22">
        <v>120</v>
      </c>
      <c r="I57" s="22">
        <v>70</v>
      </c>
      <c r="J57" s="22">
        <v>50</v>
      </c>
      <c r="K57" s="21">
        <v>116</v>
      </c>
      <c r="L57" s="53">
        <v>65</v>
      </c>
      <c r="M57" s="54">
        <v>51</v>
      </c>
    </row>
    <row r="58" spans="1:13">
      <c r="A58" s="20" t="s">
        <v>65</v>
      </c>
      <c r="B58" s="21">
        <v>15</v>
      </c>
      <c r="C58" s="22">
        <v>-1</v>
      </c>
      <c r="D58" s="22">
        <v>16</v>
      </c>
      <c r="E58" s="21">
        <v>4</v>
      </c>
      <c r="F58" s="22">
        <v>2</v>
      </c>
      <c r="G58" s="23">
        <v>2</v>
      </c>
      <c r="H58" s="22">
        <v>140</v>
      </c>
      <c r="I58" s="22">
        <v>72</v>
      </c>
      <c r="J58" s="22">
        <v>68</v>
      </c>
      <c r="K58" s="21">
        <v>121</v>
      </c>
      <c r="L58" s="53">
        <v>71</v>
      </c>
      <c r="M58" s="54">
        <v>50</v>
      </c>
    </row>
    <row r="59" spans="1:13">
      <c r="A59" s="20" t="s">
        <v>66</v>
      </c>
      <c r="B59" s="21">
        <v>3</v>
      </c>
      <c r="C59" s="22">
        <v>-10</v>
      </c>
      <c r="D59" s="22">
        <v>13</v>
      </c>
      <c r="E59" s="21">
        <v>3</v>
      </c>
      <c r="F59" s="22">
        <v>2</v>
      </c>
      <c r="G59" s="23">
        <v>1</v>
      </c>
      <c r="H59" s="22">
        <v>119</v>
      </c>
      <c r="I59" s="22">
        <v>63</v>
      </c>
      <c r="J59" s="22">
        <v>56</v>
      </c>
      <c r="K59" s="21">
        <v>113</v>
      </c>
      <c r="L59" s="53">
        <v>71</v>
      </c>
      <c r="M59" s="54">
        <v>42</v>
      </c>
    </row>
    <row r="60" spans="1:13" ht="20.100000000000001" customHeight="1">
      <c r="A60" s="16" t="s">
        <v>67</v>
      </c>
      <c r="B60" s="17">
        <v>-3</v>
      </c>
      <c r="C60" s="18">
        <v>4</v>
      </c>
      <c r="D60" s="18">
        <v>-7</v>
      </c>
      <c r="E60" s="17">
        <v>29</v>
      </c>
      <c r="F60" s="18">
        <v>16</v>
      </c>
      <c r="G60" s="19">
        <v>13</v>
      </c>
      <c r="H60" s="18">
        <v>564</v>
      </c>
      <c r="I60" s="18">
        <v>320</v>
      </c>
      <c r="J60" s="18">
        <v>244</v>
      </c>
      <c r="K60" s="17">
        <v>538</v>
      </c>
      <c r="L60" s="51">
        <v>300</v>
      </c>
      <c r="M60" s="52">
        <v>238</v>
      </c>
    </row>
    <row r="61" spans="1:13">
      <c r="A61" s="20" t="s">
        <v>68</v>
      </c>
      <c r="B61" s="21">
        <v>-12</v>
      </c>
      <c r="C61" s="22">
        <v>-2</v>
      </c>
      <c r="D61" s="22">
        <v>-10</v>
      </c>
      <c r="E61" s="21">
        <v>3</v>
      </c>
      <c r="F61" s="22">
        <v>0</v>
      </c>
      <c r="G61" s="23">
        <v>3</v>
      </c>
      <c r="H61" s="22">
        <v>119</v>
      </c>
      <c r="I61" s="22">
        <v>70</v>
      </c>
      <c r="J61" s="22">
        <v>49</v>
      </c>
      <c r="K61" s="21">
        <v>128</v>
      </c>
      <c r="L61" s="53">
        <v>72</v>
      </c>
      <c r="M61" s="54">
        <v>56</v>
      </c>
    </row>
    <row r="62" spans="1:13">
      <c r="A62" s="20" t="s">
        <v>69</v>
      </c>
      <c r="B62" s="21">
        <v>-20</v>
      </c>
      <c r="C62" s="22">
        <v>-18</v>
      </c>
      <c r="D62" s="22">
        <v>-2</v>
      </c>
      <c r="E62" s="21">
        <v>4</v>
      </c>
      <c r="F62" s="22">
        <v>3</v>
      </c>
      <c r="G62" s="23">
        <v>1</v>
      </c>
      <c r="H62" s="22">
        <v>105</v>
      </c>
      <c r="I62" s="22">
        <v>51</v>
      </c>
      <c r="J62" s="22">
        <v>54</v>
      </c>
      <c r="K62" s="21">
        <v>121</v>
      </c>
      <c r="L62" s="53">
        <v>66</v>
      </c>
      <c r="M62" s="54">
        <v>55</v>
      </c>
    </row>
    <row r="63" spans="1:13">
      <c r="A63" s="20" t="s">
        <v>70</v>
      </c>
      <c r="B63" s="21">
        <v>20</v>
      </c>
      <c r="C63" s="22">
        <v>15</v>
      </c>
      <c r="D63" s="22">
        <v>5</v>
      </c>
      <c r="E63" s="21">
        <v>5</v>
      </c>
      <c r="F63" s="22">
        <v>3</v>
      </c>
      <c r="G63" s="23">
        <v>2</v>
      </c>
      <c r="H63" s="22">
        <v>117</v>
      </c>
      <c r="I63" s="22">
        <v>72</v>
      </c>
      <c r="J63" s="22">
        <v>45</v>
      </c>
      <c r="K63" s="21">
        <v>92</v>
      </c>
      <c r="L63" s="53">
        <v>54</v>
      </c>
      <c r="M63" s="54">
        <v>38</v>
      </c>
    </row>
    <row r="64" spans="1:13">
      <c r="A64" s="20" t="s">
        <v>71</v>
      </c>
      <c r="B64" s="21">
        <v>6</v>
      </c>
      <c r="C64" s="22">
        <v>-5</v>
      </c>
      <c r="D64" s="22">
        <v>11</v>
      </c>
      <c r="E64" s="21">
        <v>9</v>
      </c>
      <c r="F64" s="22">
        <v>6</v>
      </c>
      <c r="G64" s="23">
        <v>3</v>
      </c>
      <c r="H64" s="22">
        <v>107</v>
      </c>
      <c r="I64" s="22">
        <v>53</v>
      </c>
      <c r="J64" s="22">
        <v>54</v>
      </c>
      <c r="K64" s="21">
        <v>92</v>
      </c>
      <c r="L64" s="53">
        <v>52</v>
      </c>
      <c r="M64" s="54">
        <v>40</v>
      </c>
    </row>
    <row r="65" spans="1:13">
      <c r="A65" s="24" t="s">
        <v>72</v>
      </c>
      <c r="B65" s="25">
        <v>3</v>
      </c>
      <c r="C65" s="26">
        <v>14</v>
      </c>
      <c r="D65" s="26">
        <v>-11</v>
      </c>
      <c r="E65" s="25">
        <v>8</v>
      </c>
      <c r="F65" s="26">
        <v>4</v>
      </c>
      <c r="G65" s="27">
        <v>4</v>
      </c>
      <c r="H65" s="26">
        <v>116</v>
      </c>
      <c r="I65" s="26">
        <v>74</v>
      </c>
      <c r="J65" s="26">
        <v>42</v>
      </c>
      <c r="K65" s="25">
        <v>105</v>
      </c>
      <c r="L65" s="55">
        <v>56</v>
      </c>
      <c r="M65" s="56">
        <v>4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511</v>
      </c>
      <c r="C69" s="58">
        <v>758</v>
      </c>
      <c r="D69" s="59">
        <v>75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511</v>
      </c>
      <c r="C70" s="61">
        <v>758</v>
      </c>
      <c r="D70" s="62">
        <v>753</v>
      </c>
    </row>
    <row r="71" spans="1:13">
      <c r="A71" s="24" t="s">
        <v>14</v>
      </c>
      <c r="B71" s="63">
        <v>1511</v>
      </c>
      <c r="C71" s="64">
        <v>758</v>
      </c>
      <c r="D71" s="65">
        <v>753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6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81</v>
      </c>
      <c r="C77" s="18">
        <v>-26</v>
      </c>
      <c r="D77" s="18">
        <v>-55</v>
      </c>
      <c r="E77" s="17">
        <v>35</v>
      </c>
      <c r="F77" s="18">
        <v>24</v>
      </c>
      <c r="G77" s="19">
        <v>11</v>
      </c>
      <c r="H77" s="18">
        <v>383</v>
      </c>
      <c r="I77" s="18">
        <v>220</v>
      </c>
      <c r="J77" s="18">
        <v>163</v>
      </c>
      <c r="K77" s="17">
        <v>429</v>
      </c>
      <c r="L77" s="51">
        <v>222</v>
      </c>
      <c r="M77" s="52">
        <v>207</v>
      </c>
    </row>
    <row r="78" spans="1:13">
      <c r="A78" s="40" t="s">
        <v>81</v>
      </c>
      <c r="B78" s="21">
        <v>-15</v>
      </c>
      <c r="C78" s="22">
        <v>-9</v>
      </c>
      <c r="D78" s="22">
        <v>-6</v>
      </c>
      <c r="E78" s="21">
        <v>11</v>
      </c>
      <c r="F78" s="22">
        <v>9</v>
      </c>
      <c r="G78" s="23">
        <v>2</v>
      </c>
      <c r="H78" s="22">
        <v>91</v>
      </c>
      <c r="I78" s="22">
        <v>47</v>
      </c>
      <c r="J78" s="22">
        <v>44</v>
      </c>
      <c r="K78" s="21">
        <v>95</v>
      </c>
      <c r="L78" s="53">
        <v>47</v>
      </c>
      <c r="M78" s="54">
        <v>48</v>
      </c>
    </row>
    <row r="79" spans="1:13">
      <c r="A79" s="40" t="s">
        <v>82</v>
      </c>
      <c r="B79" s="21">
        <v>-18</v>
      </c>
      <c r="C79" s="22">
        <v>-1</v>
      </c>
      <c r="D79" s="22">
        <v>-17</v>
      </c>
      <c r="E79" s="21">
        <v>4</v>
      </c>
      <c r="F79" s="22">
        <v>0</v>
      </c>
      <c r="G79" s="23">
        <v>4</v>
      </c>
      <c r="H79" s="22">
        <v>93</v>
      </c>
      <c r="I79" s="22">
        <v>56</v>
      </c>
      <c r="J79" s="22">
        <v>37</v>
      </c>
      <c r="K79" s="21">
        <v>107</v>
      </c>
      <c r="L79" s="53">
        <v>57</v>
      </c>
      <c r="M79" s="54">
        <v>50</v>
      </c>
    </row>
    <row r="80" spans="1:13">
      <c r="A80" s="40" t="s">
        <v>83</v>
      </c>
      <c r="B80" s="21">
        <v>-11</v>
      </c>
      <c r="C80" s="22">
        <v>-5</v>
      </c>
      <c r="D80" s="22">
        <v>-6</v>
      </c>
      <c r="E80" s="21">
        <v>3</v>
      </c>
      <c r="F80" s="22">
        <v>1</v>
      </c>
      <c r="G80" s="23">
        <v>2</v>
      </c>
      <c r="H80" s="22">
        <v>71</v>
      </c>
      <c r="I80" s="22">
        <v>40</v>
      </c>
      <c r="J80" s="22">
        <v>31</v>
      </c>
      <c r="K80" s="21">
        <v>79</v>
      </c>
      <c r="L80" s="53">
        <v>44</v>
      </c>
      <c r="M80" s="54">
        <v>35</v>
      </c>
    </row>
    <row r="81" spans="1:13">
      <c r="A81" s="40" t="s">
        <v>84</v>
      </c>
      <c r="B81" s="21">
        <v>-16</v>
      </c>
      <c r="C81" s="22">
        <v>-7</v>
      </c>
      <c r="D81" s="22">
        <v>-9</v>
      </c>
      <c r="E81" s="21">
        <v>7</v>
      </c>
      <c r="F81" s="22">
        <v>4</v>
      </c>
      <c r="G81" s="23">
        <v>3</v>
      </c>
      <c r="H81" s="22">
        <v>59</v>
      </c>
      <c r="I81" s="22">
        <v>35</v>
      </c>
      <c r="J81" s="22">
        <v>24</v>
      </c>
      <c r="K81" s="21">
        <v>68</v>
      </c>
      <c r="L81" s="53">
        <v>38</v>
      </c>
      <c r="M81" s="54">
        <v>30</v>
      </c>
    </row>
    <row r="82" spans="1:13">
      <c r="A82" s="40" t="s">
        <v>85</v>
      </c>
      <c r="B82" s="21">
        <v>-21</v>
      </c>
      <c r="C82" s="22">
        <v>-4</v>
      </c>
      <c r="D82" s="22">
        <v>-17</v>
      </c>
      <c r="E82" s="21">
        <v>10</v>
      </c>
      <c r="F82" s="22">
        <v>10</v>
      </c>
      <c r="G82" s="23">
        <v>0</v>
      </c>
      <c r="H82" s="22">
        <v>69</v>
      </c>
      <c r="I82" s="22">
        <v>42</v>
      </c>
      <c r="J82" s="22">
        <v>27</v>
      </c>
      <c r="K82" s="21">
        <v>80</v>
      </c>
      <c r="L82" s="53">
        <v>36</v>
      </c>
      <c r="M82" s="54">
        <v>44</v>
      </c>
    </row>
    <row r="83" spans="1:13" ht="19.5" customHeight="1">
      <c r="A83" s="34" t="s">
        <v>86</v>
      </c>
      <c r="B83" s="17">
        <v>-55</v>
      </c>
      <c r="C83" s="18">
        <v>-26</v>
      </c>
      <c r="D83" s="18">
        <v>-29</v>
      </c>
      <c r="E83" s="17">
        <v>48</v>
      </c>
      <c r="F83" s="18">
        <v>29</v>
      </c>
      <c r="G83" s="19">
        <v>19</v>
      </c>
      <c r="H83" s="18">
        <v>328</v>
      </c>
      <c r="I83" s="18">
        <v>182</v>
      </c>
      <c r="J83" s="18">
        <v>146</v>
      </c>
      <c r="K83" s="17">
        <v>335</v>
      </c>
      <c r="L83" s="51">
        <v>179</v>
      </c>
      <c r="M83" s="52">
        <v>156</v>
      </c>
    </row>
    <row r="84" spans="1:13">
      <c r="A84" s="40" t="s">
        <v>87</v>
      </c>
      <c r="B84" s="21">
        <v>-2</v>
      </c>
      <c r="C84" s="22">
        <v>8</v>
      </c>
      <c r="D84" s="22">
        <v>-10</v>
      </c>
      <c r="E84" s="21">
        <v>4</v>
      </c>
      <c r="F84" s="22">
        <v>3</v>
      </c>
      <c r="G84" s="23">
        <v>1</v>
      </c>
      <c r="H84" s="22">
        <v>75</v>
      </c>
      <c r="I84" s="22">
        <v>48</v>
      </c>
      <c r="J84" s="22">
        <v>27</v>
      </c>
      <c r="K84" s="21">
        <v>73</v>
      </c>
      <c r="L84" s="53">
        <v>37</v>
      </c>
      <c r="M84" s="54">
        <v>36</v>
      </c>
    </row>
    <row r="85" spans="1:13">
      <c r="A85" s="40" t="s">
        <v>88</v>
      </c>
      <c r="B85" s="21">
        <v>-27</v>
      </c>
      <c r="C85" s="22">
        <v>-20</v>
      </c>
      <c r="D85" s="22">
        <v>-7</v>
      </c>
      <c r="E85" s="21">
        <v>17</v>
      </c>
      <c r="F85" s="22">
        <v>12</v>
      </c>
      <c r="G85" s="23">
        <v>5</v>
      </c>
      <c r="H85" s="22">
        <v>66</v>
      </c>
      <c r="I85" s="22">
        <v>33</v>
      </c>
      <c r="J85" s="22">
        <v>33</v>
      </c>
      <c r="K85" s="21">
        <v>76</v>
      </c>
      <c r="L85" s="53">
        <v>41</v>
      </c>
      <c r="M85" s="54">
        <v>35</v>
      </c>
    </row>
    <row r="86" spans="1:13">
      <c r="A86" s="40" t="s">
        <v>89</v>
      </c>
      <c r="B86" s="21">
        <v>4</v>
      </c>
      <c r="C86" s="22">
        <v>-1</v>
      </c>
      <c r="D86" s="22">
        <v>5</v>
      </c>
      <c r="E86" s="21">
        <v>7</v>
      </c>
      <c r="F86" s="22">
        <v>3</v>
      </c>
      <c r="G86" s="23">
        <v>4</v>
      </c>
      <c r="H86" s="22">
        <v>70</v>
      </c>
      <c r="I86" s="22">
        <v>38</v>
      </c>
      <c r="J86" s="22">
        <v>32</v>
      </c>
      <c r="K86" s="21">
        <v>59</v>
      </c>
      <c r="L86" s="53">
        <v>36</v>
      </c>
      <c r="M86" s="54">
        <v>23</v>
      </c>
    </row>
    <row r="87" spans="1:13">
      <c r="A87" s="40" t="s">
        <v>90</v>
      </c>
      <c r="B87" s="21">
        <v>-7</v>
      </c>
      <c r="C87" s="22">
        <v>0</v>
      </c>
      <c r="D87" s="22">
        <v>-7</v>
      </c>
      <c r="E87" s="21">
        <v>9</v>
      </c>
      <c r="F87" s="22">
        <v>3</v>
      </c>
      <c r="G87" s="23">
        <v>6</v>
      </c>
      <c r="H87" s="22">
        <v>64</v>
      </c>
      <c r="I87" s="22">
        <v>35</v>
      </c>
      <c r="J87" s="22">
        <v>29</v>
      </c>
      <c r="K87" s="21">
        <v>62</v>
      </c>
      <c r="L87" s="53">
        <v>32</v>
      </c>
      <c r="M87" s="54">
        <v>30</v>
      </c>
    </row>
    <row r="88" spans="1:13">
      <c r="A88" s="40" t="s">
        <v>91</v>
      </c>
      <c r="B88" s="21">
        <v>-23</v>
      </c>
      <c r="C88" s="22">
        <v>-13</v>
      </c>
      <c r="D88" s="22">
        <v>-10</v>
      </c>
      <c r="E88" s="21">
        <v>11</v>
      </c>
      <c r="F88" s="22">
        <v>8</v>
      </c>
      <c r="G88" s="23">
        <v>3</v>
      </c>
      <c r="H88" s="22">
        <v>53</v>
      </c>
      <c r="I88" s="22">
        <v>28</v>
      </c>
      <c r="J88" s="22">
        <v>25</v>
      </c>
      <c r="K88" s="21">
        <v>65</v>
      </c>
      <c r="L88" s="53">
        <v>33</v>
      </c>
      <c r="M88" s="54">
        <v>32</v>
      </c>
    </row>
    <row r="89" spans="1:13" ht="19.5" customHeight="1">
      <c r="A89" s="34" t="s">
        <v>92</v>
      </c>
      <c r="B89" s="17">
        <v>-88</v>
      </c>
      <c r="C89" s="18">
        <v>-59</v>
      </c>
      <c r="D89" s="18">
        <v>-29</v>
      </c>
      <c r="E89" s="17">
        <v>62</v>
      </c>
      <c r="F89" s="18">
        <v>40</v>
      </c>
      <c r="G89" s="19">
        <v>22</v>
      </c>
      <c r="H89" s="18">
        <v>229</v>
      </c>
      <c r="I89" s="18">
        <v>124</v>
      </c>
      <c r="J89" s="18">
        <v>105</v>
      </c>
      <c r="K89" s="17">
        <v>255</v>
      </c>
      <c r="L89" s="51">
        <v>143</v>
      </c>
      <c r="M89" s="52">
        <v>112</v>
      </c>
    </row>
    <row r="90" spans="1:13">
      <c r="A90" s="40" t="s">
        <v>93</v>
      </c>
      <c r="B90" s="21">
        <v>-14</v>
      </c>
      <c r="C90" s="22">
        <v>-12</v>
      </c>
      <c r="D90" s="22">
        <v>-2</v>
      </c>
      <c r="E90" s="21">
        <v>11</v>
      </c>
      <c r="F90" s="22">
        <v>10</v>
      </c>
      <c r="G90" s="23">
        <v>1</v>
      </c>
      <c r="H90" s="22">
        <v>55</v>
      </c>
      <c r="I90" s="22">
        <v>34</v>
      </c>
      <c r="J90" s="22">
        <v>21</v>
      </c>
      <c r="K90" s="21">
        <v>58</v>
      </c>
      <c r="L90" s="53">
        <v>36</v>
      </c>
      <c r="M90" s="54">
        <v>22</v>
      </c>
    </row>
    <row r="91" spans="1:13">
      <c r="A91" s="40" t="s">
        <v>94</v>
      </c>
      <c r="B91" s="21">
        <v>-3</v>
      </c>
      <c r="C91" s="22">
        <v>-3</v>
      </c>
      <c r="D91" s="22">
        <v>0</v>
      </c>
      <c r="E91" s="21">
        <v>10</v>
      </c>
      <c r="F91" s="22">
        <v>6</v>
      </c>
      <c r="G91" s="23">
        <v>4</v>
      </c>
      <c r="H91" s="22">
        <v>55</v>
      </c>
      <c r="I91" s="22">
        <v>32</v>
      </c>
      <c r="J91" s="22">
        <v>23</v>
      </c>
      <c r="K91" s="21">
        <v>48</v>
      </c>
      <c r="L91" s="53">
        <v>29</v>
      </c>
      <c r="M91" s="54">
        <v>19</v>
      </c>
    </row>
    <row r="92" spans="1:13">
      <c r="A92" s="40" t="s">
        <v>95</v>
      </c>
      <c r="B92" s="21">
        <v>-21</v>
      </c>
      <c r="C92" s="22">
        <v>-18</v>
      </c>
      <c r="D92" s="22">
        <v>-3</v>
      </c>
      <c r="E92" s="21">
        <v>15</v>
      </c>
      <c r="F92" s="22">
        <v>9</v>
      </c>
      <c r="G92" s="23">
        <v>6</v>
      </c>
      <c r="H92" s="22">
        <v>44</v>
      </c>
      <c r="I92" s="22">
        <v>20</v>
      </c>
      <c r="J92" s="22">
        <v>24</v>
      </c>
      <c r="K92" s="21">
        <v>50</v>
      </c>
      <c r="L92" s="53">
        <v>29</v>
      </c>
      <c r="M92" s="54">
        <v>21</v>
      </c>
    </row>
    <row r="93" spans="1:13">
      <c r="A93" s="40" t="s">
        <v>96</v>
      </c>
      <c r="B93" s="21">
        <v>-31</v>
      </c>
      <c r="C93" s="22">
        <v>-11</v>
      </c>
      <c r="D93" s="22">
        <v>-20</v>
      </c>
      <c r="E93" s="21">
        <v>13</v>
      </c>
      <c r="F93" s="22">
        <v>4</v>
      </c>
      <c r="G93" s="23">
        <v>9</v>
      </c>
      <c r="H93" s="22">
        <v>32</v>
      </c>
      <c r="I93" s="22">
        <v>17</v>
      </c>
      <c r="J93" s="22">
        <v>15</v>
      </c>
      <c r="K93" s="21">
        <v>50</v>
      </c>
      <c r="L93" s="53">
        <v>24</v>
      </c>
      <c r="M93" s="54">
        <v>26</v>
      </c>
    </row>
    <row r="94" spans="1:13">
      <c r="A94" s="40" t="s">
        <v>97</v>
      </c>
      <c r="B94" s="21">
        <v>-19</v>
      </c>
      <c r="C94" s="22">
        <v>-15</v>
      </c>
      <c r="D94" s="22">
        <v>-4</v>
      </c>
      <c r="E94" s="21">
        <v>13</v>
      </c>
      <c r="F94" s="22">
        <v>11</v>
      </c>
      <c r="G94" s="23">
        <v>2</v>
      </c>
      <c r="H94" s="22">
        <v>43</v>
      </c>
      <c r="I94" s="22">
        <v>21</v>
      </c>
      <c r="J94" s="22">
        <v>22</v>
      </c>
      <c r="K94" s="21">
        <v>49</v>
      </c>
      <c r="L94" s="53">
        <v>25</v>
      </c>
      <c r="M94" s="54">
        <v>24</v>
      </c>
    </row>
    <row r="95" spans="1:13" ht="19.5" customHeight="1">
      <c r="A95" s="34" t="s">
        <v>98</v>
      </c>
      <c r="B95" s="17">
        <v>-132</v>
      </c>
      <c r="C95" s="18">
        <v>-85</v>
      </c>
      <c r="D95" s="18">
        <v>-47</v>
      </c>
      <c r="E95" s="17">
        <v>131</v>
      </c>
      <c r="F95" s="18">
        <v>94</v>
      </c>
      <c r="G95" s="19">
        <v>37</v>
      </c>
      <c r="H95" s="18">
        <v>202</v>
      </c>
      <c r="I95" s="18">
        <v>112</v>
      </c>
      <c r="J95" s="18">
        <v>90</v>
      </c>
      <c r="K95" s="17">
        <v>203</v>
      </c>
      <c r="L95" s="51">
        <v>103</v>
      </c>
      <c r="M95" s="52">
        <v>100</v>
      </c>
    </row>
    <row r="96" spans="1:13">
      <c r="A96" s="40" t="s">
        <v>99</v>
      </c>
      <c r="B96" s="21">
        <v>-35</v>
      </c>
      <c r="C96" s="22">
        <v>-19</v>
      </c>
      <c r="D96" s="22">
        <v>-16</v>
      </c>
      <c r="E96" s="21">
        <v>17</v>
      </c>
      <c r="F96" s="22">
        <v>14</v>
      </c>
      <c r="G96" s="23">
        <v>3</v>
      </c>
      <c r="H96" s="22">
        <v>33</v>
      </c>
      <c r="I96" s="22">
        <v>18</v>
      </c>
      <c r="J96" s="22">
        <v>15</v>
      </c>
      <c r="K96" s="21">
        <v>51</v>
      </c>
      <c r="L96" s="53">
        <v>23</v>
      </c>
      <c r="M96" s="54">
        <v>28</v>
      </c>
    </row>
    <row r="97" spans="1:13">
      <c r="A97" s="40" t="s">
        <v>100</v>
      </c>
      <c r="B97" s="21">
        <v>-29</v>
      </c>
      <c r="C97" s="22">
        <v>-25</v>
      </c>
      <c r="D97" s="22">
        <v>-4</v>
      </c>
      <c r="E97" s="21">
        <v>16</v>
      </c>
      <c r="F97" s="22">
        <v>11</v>
      </c>
      <c r="G97" s="23">
        <v>5</v>
      </c>
      <c r="H97" s="22">
        <v>32</v>
      </c>
      <c r="I97" s="22">
        <v>18</v>
      </c>
      <c r="J97" s="22">
        <v>14</v>
      </c>
      <c r="K97" s="21">
        <v>45</v>
      </c>
      <c r="L97" s="53">
        <v>32</v>
      </c>
      <c r="M97" s="54">
        <v>13</v>
      </c>
    </row>
    <row r="98" spans="1:13">
      <c r="A98" s="40" t="s">
        <v>101</v>
      </c>
      <c r="B98" s="21">
        <v>-20</v>
      </c>
      <c r="C98" s="22">
        <v>-13</v>
      </c>
      <c r="D98" s="22">
        <v>-7</v>
      </c>
      <c r="E98" s="21">
        <v>28</v>
      </c>
      <c r="F98" s="22">
        <v>22</v>
      </c>
      <c r="G98" s="23">
        <v>6</v>
      </c>
      <c r="H98" s="22">
        <v>49</v>
      </c>
      <c r="I98" s="22">
        <v>30</v>
      </c>
      <c r="J98" s="22">
        <v>19</v>
      </c>
      <c r="K98" s="21">
        <v>41</v>
      </c>
      <c r="L98" s="53">
        <v>21</v>
      </c>
      <c r="M98" s="54">
        <v>20</v>
      </c>
    </row>
    <row r="99" spans="1:13">
      <c r="A99" s="40" t="s">
        <v>102</v>
      </c>
      <c r="B99" s="21">
        <v>-16</v>
      </c>
      <c r="C99" s="22">
        <v>-13</v>
      </c>
      <c r="D99" s="22">
        <v>-3</v>
      </c>
      <c r="E99" s="21">
        <v>27</v>
      </c>
      <c r="F99" s="22">
        <v>18</v>
      </c>
      <c r="G99" s="23">
        <v>9</v>
      </c>
      <c r="H99" s="22">
        <v>46</v>
      </c>
      <c r="I99" s="22">
        <v>20</v>
      </c>
      <c r="J99" s="22">
        <v>26</v>
      </c>
      <c r="K99" s="21">
        <v>35</v>
      </c>
      <c r="L99" s="53">
        <v>15</v>
      </c>
      <c r="M99" s="54">
        <v>20</v>
      </c>
    </row>
    <row r="100" spans="1:13">
      <c r="A100" s="40" t="s">
        <v>103</v>
      </c>
      <c r="B100" s="21">
        <v>-32</v>
      </c>
      <c r="C100" s="22">
        <v>-15</v>
      </c>
      <c r="D100" s="22">
        <v>-17</v>
      </c>
      <c r="E100" s="21">
        <v>43</v>
      </c>
      <c r="F100" s="22">
        <v>29</v>
      </c>
      <c r="G100" s="23">
        <v>14</v>
      </c>
      <c r="H100" s="22">
        <v>42</v>
      </c>
      <c r="I100" s="22">
        <v>26</v>
      </c>
      <c r="J100" s="22">
        <v>16</v>
      </c>
      <c r="K100" s="21">
        <v>31</v>
      </c>
      <c r="L100" s="53">
        <v>12</v>
      </c>
      <c r="M100" s="54">
        <v>19</v>
      </c>
    </row>
    <row r="101" spans="1:13" ht="19.5" customHeight="1">
      <c r="A101" s="34" t="s">
        <v>104</v>
      </c>
      <c r="B101" s="17">
        <v>-205</v>
      </c>
      <c r="C101" s="18">
        <v>-153</v>
      </c>
      <c r="D101" s="18">
        <v>-52</v>
      </c>
      <c r="E101" s="17">
        <v>218</v>
      </c>
      <c r="F101" s="18">
        <v>141</v>
      </c>
      <c r="G101" s="19">
        <v>77</v>
      </c>
      <c r="H101" s="18">
        <v>196</v>
      </c>
      <c r="I101" s="18">
        <v>85</v>
      </c>
      <c r="J101" s="18">
        <v>111</v>
      </c>
      <c r="K101" s="17">
        <v>183</v>
      </c>
      <c r="L101" s="51">
        <v>97</v>
      </c>
      <c r="M101" s="52">
        <v>86</v>
      </c>
    </row>
    <row r="102" spans="1:13">
      <c r="A102" s="40" t="s">
        <v>105</v>
      </c>
      <c r="B102" s="21">
        <v>-39</v>
      </c>
      <c r="C102" s="22">
        <v>-30</v>
      </c>
      <c r="D102" s="22">
        <v>-9</v>
      </c>
      <c r="E102" s="21">
        <v>40</v>
      </c>
      <c r="F102" s="22">
        <v>27</v>
      </c>
      <c r="G102" s="23">
        <v>13</v>
      </c>
      <c r="H102" s="22">
        <v>45</v>
      </c>
      <c r="I102" s="22">
        <v>21</v>
      </c>
      <c r="J102" s="22">
        <v>24</v>
      </c>
      <c r="K102" s="21">
        <v>44</v>
      </c>
      <c r="L102" s="53">
        <v>24</v>
      </c>
      <c r="M102" s="54">
        <v>20</v>
      </c>
    </row>
    <row r="103" spans="1:13">
      <c r="A103" s="40" t="s">
        <v>106</v>
      </c>
      <c r="B103" s="21">
        <v>-54</v>
      </c>
      <c r="C103" s="22">
        <v>-38</v>
      </c>
      <c r="D103" s="22">
        <v>-16</v>
      </c>
      <c r="E103" s="21">
        <v>52</v>
      </c>
      <c r="F103" s="22">
        <v>37</v>
      </c>
      <c r="G103" s="23">
        <v>15</v>
      </c>
      <c r="H103" s="22">
        <v>44</v>
      </c>
      <c r="I103" s="22">
        <v>22</v>
      </c>
      <c r="J103" s="22">
        <v>22</v>
      </c>
      <c r="K103" s="21">
        <v>46</v>
      </c>
      <c r="L103" s="53">
        <v>23</v>
      </c>
      <c r="M103" s="54">
        <v>23</v>
      </c>
    </row>
    <row r="104" spans="1:13">
      <c r="A104" s="40" t="s">
        <v>107</v>
      </c>
      <c r="B104" s="21">
        <v>-34</v>
      </c>
      <c r="C104" s="22">
        <v>-22</v>
      </c>
      <c r="D104" s="22">
        <v>-12</v>
      </c>
      <c r="E104" s="21">
        <v>41</v>
      </c>
      <c r="F104" s="22">
        <v>28</v>
      </c>
      <c r="G104" s="23">
        <v>13</v>
      </c>
      <c r="H104" s="22">
        <v>41</v>
      </c>
      <c r="I104" s="22">
        <v>21</v>
      </c>
      <c r="J104" s="22">
        <v>20</v>
      </c>
      <c r="K104" s="21">
        <v>34</v>
      </c>
      <c r="L104" s="53">
        <v>15</v>
      </c>
      <c r="M104" s="54">
        <v>19</v>
      </c>
    </row>
    <row r="105" spans="1:13">
      <c r="A105" s="40" t="s">
        <v>108</v>
      </c>
      <c r="B105" s="21">
        <v>-37</v>
      </c>
      <c r="C105" s="22">
        <v>-34</v>
      </c>
      <c r="D105" s="22">
        <v>-3</v>
      </c>
      <c r="E105" s="21">
        <v>38</v>
      </c>
      <c r="F105" s="22">
        <v>24</v>
      </c>
      <c r="G105" s="23">
        <v>14</v>
      </c>
      <c r="H105" s="22">
        <v>40</v>
      </c>
      <c r="I105" s="22">
        <v>13</v>
      </c>
      <c r="J105" s="22">
        <v>27</v>
      </c>
      <c r="K105" s="21">
        <v>39</v>
      </c>
      <c r="L105" s="53">
        <v>23</v>
      </c>
      <c r="M105" s="54">
        <v>16</v>
      </c>
    </row>
    <row r="106" spans="1:13">
      <c r="A106" s="40" t="s">
        <v>109</v>
      </c>
      <c r="B106" s="21">
        <v>-41</v>
      </c>
      <c r="C106" s="22">
        <v>-29</v>
      </c>
      <c r="D106" s="22">
        <v>-12</v>
      </c>
      <c r="E106" s="21">
        <v>47</v>
      </c>
      <c r="F106" s="22">
        <v>25</v>
      </c>
      <c r="G106" s="23">
        <v>22</v>
      </c>
      <c r="H106" s="22">
        <v>26</v>
      </c>
      <c r="I106" s="22">
        <v>8</v>
      </c>
      <c r="J106" s="22">
        <v>18</v>
      </c>
      <c r="K106" s="21">
        <v>20</v>
      </c>
      <c r="L106" s="53">
        <v>12</v>
      </c>
      <c r="M106" s="54">
        <v>8</v>
      </c>
    </row>
    <row r="107" spans="1:13" ht="19.5" customHeight="1">
      <c r="A107" s="34" t="s">
        <v>110</v>
      </c>
      <c r="B107" s="17">
        <v>-297</v>
      </c>
      <c r="C107" s="18">
        <v>-203</v>
      </c>
      <c r="D107" s="18">
        <v>-94</v>
      </c>
      <c r="E107" s="17">
        <v>331</v>
      </c>
      <c r="F107" s="18">
        <v>215</v>
      </c>
      <c r="G107" s="19">
        <v>116</v>
      </c>
      <c r="H107" s="18">
        <v>197</v>
      </c>
      <c r="I107" s="18">
        <v>74</v>
      </c>
      <c r="J107" s="18">
        <v>123</v>
      </c>
      <c r="K107" s="17">
        <v>163</v>
      </c>
      <c r="L107" s="51">
        <v>62</v>
      </c>
      <c r="M107" s="52">
        <v>101</v>
      </c>
    </row>
    <row r="108" spans="1:13">
      <c r="A108" s="40" t="s">
        <v>111</v>
      </c>
      <c r="B108" s="21">
        <v>-44</v>
      </c>
      <c r="C108" s="22">
        <v>-46</v>
      </c>
      <c r="D108" s="22">
        <v>2</v>
      </c>
      <c r="E108" s="21">
        <v>55</v>
      </c>
      <c r="F108" s="22">
        <v>40</v>
      </c>
      <c r="G108" s="23">
        <v>15</v>
      </c>
      <c r="H108" s="22">
        <v>43</v>
      </c>
      <c r="I108" s="22">
        <v>12</v>
      </c>
      <c r="J108" s="22">
        <v>31</v>
      </c>
      <c r="K108" s="21">
        <v>32</v>
      </c>
      <c r="L108" s="53">
        <v>18</v>
      </c>
      <c r="M108" s="54">
        <v>14</v>
      </c>
    </row>
    <row r="109" spans="1:13">
      <c r="A109" s="40" t="s">
        <v>112</v>
      </c>
      <c r="B109" s="21">
        <v>-64</v>
      </c>
      <c r="C109" s="22">
        <v>-48</v>
      </c>
      <c r="D109" s="22">
        <v>-16</v>
      </c>
      <c r="E109" s="21">
        <v>59</v>
      </c>
      <c r="F109" s="22">
        <v>43</v>
      </c>
      <c r="G109" s="23">
        <v>16</v>
      </c>
      <c r="H109" s="22">
        <v>26</v>
      </c>
      <c r="I109" s="22">
        <v>10</v>
      </c>
      <c r="J109" s="22">
        <v>16</v>
      </c>
      <c r="K109" s="21">
        <v>31</v>
      </c>
      <c r="L109" s="53">
        <v>15</v>
      </c>
      <c r="M109" s="54">
        <v>16</v>
      </c>
    </row>
    <row r="110" spans="1:13">
      <c r="A110" s="40" t="s">
        <v>113</v>
      </c>
      <c r="B110" s="21">
        <v>-70</v>
      </c>
      <c r="C110" s="22">
        <v>-38</v>
      </c>
      <c r="D110" s="22">
        <v>-32</v>
      </c>
      <c r="E110" s="21">
        <v>71</v>
      </c>
      <c r="F110" s="22">
        <v>44</v>
      </c>
      <c r="G110" s="23">
        <v>27</v>
      </c>
      <c r="H110" s="22">
        <v>34</v>
      </c>
      <c r="I110" s="22">
        <v>16</v>
      </c>
      <c r="J110" s="22">
        <v>18</v>
      </c>
      <c r="K110" s="21">
        <v>33</v>
      </c>
      <c r="L110" s="53">
        <v>10</v>
      </c>
      <c r="M110" s="54">
        <v>23</v>
      </c>
    </row>
    <row r="111" spans="1:13">
      <c r="A111" s="40" t="s">
        <v>114</v>
      </c>
      <c r="B111" s="21">
        <v>-60</v>
      </c>
      <c r="C111" s="22">
        <v>-36</v>
      </c>
      <c r="D111" s="22">
        <v>-24</v>
      </c>
      <c r="E111" s="21">
        <v>71</v>
      </c>
      <c r="F111" s="22">
        <v>44</v>
      </c>
      <c r="G111" s="23">
        <v>27</v>
      </c>
      <c r="H111" s="22">
        <v>41</v>
      </c>
      <c r="I111" s="22">
        <v>17</v>
      </c>
      <c r="J111" s="22">
        <v>24</v>
      </c>
      <c r="K111" s="21">
        <v>30</v>
      </c>
      <c r="L111" s="53">
        <v>9</v>
      </c>
      <c r="M111" s="54">
        <v>21</v>
      </c>
    </row>
    <row r="112" spans="1:13">
      <c r="A112" s="40" t="s">
        <v>115</v>
      </c>
      <c r="B112" s="21">
        <v>-59</v>
      </c>
      <c r="C112" s="22">
        <v>-35</v>
      </c>
      <c r="D112" s="22">
        <v>-24</v>
      </c>
      <c r="E112" s="21">
        <v>75</v>
      </c>
      <c r="F112" s="22">
        <v>44</v>
      </c>
      <c r="G112" s="23">
        <v>31</v>
      </c>
      <c r="H112" s="22">
        <v>53</v>
      </c>
      <c r="I112" s="22">
        <v>19</v>
      </c>
      <c r="J112" s="22">
        <v>34</v>
      </c>
      <c r="K112" s="21">
        <v>37</v>
      </c>
      <c r="L112" s="53">
        <v>10</v>
      </c>
      <c r="M112" s="54">
        <v>27</v>
      </c>
    </row>
    <row r="113" spans="1:13" ht="19.5" customHeight="1">
      <c r="A113" s="34" t="s">
        <v>116</v>
      </c>
      <c r="B113" s="17">
        <v>-435</v>
      </c>
      <c r="C113" s="18">
        <v>-272</v>
      </c>
      <c r="D113" s="18">
        <v>-163</v>
      </c>
      <c r="E113" s="17">
        <v>480</v>
      </c>
      <c r="F113" s="18">
        <v>287</v>
      </c>
      <c r="G113" s="19">
        <v>193</v>
      </c>
      <c r="H113" s="18">
        <v>163</v>
      </c>
      <c r="I113" s="18">
        <v>62</v>
      </c>
      <c r="J113" s="18">
        <v>101</v>
      </c>
      <c r="K113" s="17">
        <v>118</v>
      </c>
      <c r="L113" s="51">
        <v>47</v>
      </c>
      <c r="M113" s="52">
        <v>71</v>
      </c>
    </row>
    <row r="114" spans="1:13">
      <c r="A114" s="40" t="s">
        <v>117</v>
      </c>
      <c r="B114" s="21">
        <v>-77</v>
      </c>
      <c r="C114" s="22">
        <v>-43</v>
      </c>
      <c r="D114" s="22">
        <v>-34</v>
      </c>
      <c r="E114" s="21">
        <v>75</v>
      </c>
      <c r="F114" s="22">
        <v>45</v>
      </c>
      <c r="G114" s="23">
        <v>30</v>
      </c>
      <c r="H114" s="22">
        <v>30</v>
      </c>
      <c r="I114" s="22">
        <v>16</v>
      </c>
      <c r="J114" s="22">
        <v>14</v>
      </c>
      <c r="K114" s="21">
        <v>32</v>
      </c>
      <c r="L114" s="53">
        <v>14</v>
      </c>
      <c r="M114" s="54">
        <v>18</v>
      </c>
    </row>
    <row r="115" spans="1:13">
      <c r="A115" s="40" t="s">
        <v>118</v>
      </c>
      <c r="B115" s="21">
        <v>-75</v>
      </c>
      <c r="C115" s="22">
        <v>-45</v>
      </c>
      <c r="D115" s="22">
        <v>-30</v>
      </c>
      <c r="E115" s="21">
        <v>83</v>
      </c>
      <c r="F115" s="22">
        <v>44</v>
      </c>
      <c r="G115" s="23">
        <v>39</v>
      </c>
      <c r="H115" s="22">
        <v>32</v>
      </c>
      <c r="I115" s="22">
        <v>10</v>
      </c>
      <c r="J115" s="22">
        <v>22</v>
      </c>
      <c r="K115" s="21">
        <v>24</v>
      </c>
      <c r="L115" s="53">
        <v>11</v>
      </c>
      <c r="M115" s="54">
        <v>13</v>
      </c>
    </row>
    <row r="116" spans="1:13">
      <c r="A116" s="40" t="s">
        <v>119</v>
      </c>
      <c r="B116" s="21">
        <v>-108</v>
      </c>
      <c r="C116" s="22">
        <v>-66</v>
      </c>
      <c r="D116" s="22">
        <v>-42</v>
      </c>
      <c r="E116" s="21">
        <v>108</v>
      </c>
      <c r="F116" s="22">
        <v>67</v>
      </c>
      <c r="G116" s="23">
        <v>41</v>
      </c>
      <c r="H116" s="22">
        <v>25</v>
      </c>
      <c r="I116" s="22">
        <v>11</v>
      </c>
      <c r="J116" s="22">
        <v>14</v>
      </c>
      <c r="K116" s="21">
        <v>25</v>
      </c>
      <c r="L116" s="53">
        <v>10</v>
      </c>
      <c r="M116" s="54">
        <v>15</v>
      </c>
    </row>
    <row r="117" spans="1:13">
      <c r="A117" s="40" t="s">
        <v>120</v>
      </c>
      <c r="B117" s="21">
        <v>-86</v>
      </c>
      <c r="C117" s="22">
        <v>-57</v>
      </c>
      <c r="D117" s="22">
        <v>-29</v>
      </c>
      <c r="E117" s="21">
        <v>99</v>
      </c>
      <c r="F117" s="22">
        <v>60</v>
      </c>
      <c r="G117" s="23">
        <v>39</v>
      </c>
      <c r="H117" s="22">
        <v>35</v>
      </c>
      <c r="I117" s="22">
        <v>11</v>
      </c>
      <c r="J117" s="22">
        <v>24</v>
      </c>
      <c r="K117" s="21">
        <v>22</v>
      </c>
      <c r="L117" s="53">
        <v>8</v>
      </c>
      <c r="M117" s="54">
        <v>14</v>
      </c>
    </row>
    <row r="118" spans="1:13">
      <c r="A118" s="40" t="s">
        <v>121</v>
      </c>
      <c r="B118" s="21">
        <v>-89</v>
      </c>
      <c r="C118" s="22">
        <v>-61</v>
      </c>
      <c r="D118" s="22">
        <v>-28</v>
      </c>
      <c r="E118" s="21">
        <v>115</v>
      </c>
      <c r="F118" s="22">
        <v>71</v>
      </c>
      <c r="G118" s="23">
        <v>44</v>
      </c>
      <c r="H118" s="22">
        <v>41</v>
      </c>
      <c r="I118" s="22">
        <v>14</v>
      </c>
      <c r="J118" s="22">
        <v>27</v>
      </c>
      <c r="K118" s="21">
        <v>15</v>
      </c>
      <c r="L118" s="53">
        <v>4</v>
      </c>
      <c r="M118" s="54">
        <v>11</v>
      </c>
    </row>
    <row r="119" spans="1:13" ht="19.5" customHeight="1">
      <c r="A119" s="34" t="s">
        <v>122</v>
      </c>
      <c r="B119" s="17">
        <v>-528</v>
      </c>
      <c r="C119" s="18">
        <v>-272</v>
      </c>
      <c r="D119" s="18">
        <v>-256</v>
      </c>
      <c r="E119" s="17">
        <v>545</v>
      </c>
      <c r="F119" s="18">
        <v>278</v>
      </c>
      <c r="G119" s="19">
        <v>267</v>
      </c>
      <c r="H119" s="18">
        <v>143</v>
      </c>
      <c r="I119" s="18">
        <v>50</v>
      </c>
      <c r="J119" s="18">
        <v>93</v>
      </c>
      <c r="K119" s="17">
        <v>126</v>
      </c>
      <c r="L119" s="51">
        <v>44</v>
      </c>
      <c r="M119" s="52">
        <v>82</v>
      </c>
    </row>
    <row r="120" spans="1:13">
      <c r="A120" s="40" t="s">
        <v>123</v>
      </c>
      <c r="B120" s="21">
        <v>-82</v>
      </c>
      <c r="C120" s="22">
        <v>-48</v>
      </c>
      <c r="D120" s="22">
        <v>-34</v>
      </c>
      <c r="E120" s="21">
        <v>98</v>
      </c>
      <c r="F120" s="22">
        <v>53</v>
      </c>
      <c r="G120" s="23">
        <v>45</v>
      </c>
      <c r="H120" s="22">
        <v>36</v>
      </c>
      <c r="I120" s="22">
        <v>13</v>
      </c>
      <c r="J120" s="22">
        <v>23</v>
      </c>
      <c r="K120" s="21">
        <v>20</v>
      </c>
      <c r="L120" s="53">
        <v>8</v>
      </c>
      <c r="M120" s="54">
        <v>12</v>
      </c>
    </row>
    <row r="121" spans="1:13">
      <c r="A121" s="40" t="s">
        <v>124</v>
      </c>
      <c r="B121" s="21">
        <v>-106</v>
      </c>
      <c r="C121" s="22">
        <v>-61</v>
      </c>
      <c r="D121" s="22">
        <v>-45</v>
      </c>
      <c r="E121" s="21">
        <v>112</v>
      </c>
      <c r="F121" s="22">
        <v>64</v>
      </c>
      <c r="G121" s="23">
        <v>48</v>
      </c>
      <c r="H121" s="22">
        <v>30</v>
      </c>
      <c r="I121" s="22">
        <v>12</v>
      </c>
      <c r="J121" s="22">
        <v>18</v>
      </c>
      <c r="K121" s="21">
        <v>24</v>
      </c>
      <c r="L121" s="53">
        <v>9</v>
      </c>
      <c r="M121" s="54">
        <v>15</v>
      </c>
    </row>
    <row r="122" spans="1:13">
      <c r="A122" s="40" t="s">
        <v>125</v>
      </c>
      <c r="B122" s="21">
        <v>-123</v>
      </c>
      <c r="C122" s="22">
        <v>-61</v>
      </c>
      <c r="D122" s="22">
        <v>-62</v>
      </c>
      <c r="E122" s="21">
        <v>122</v>
      </c>
      <c r="F122" s="22">
        <v>60</v>
      </c>
      <c r="G122" s="23">
        <v>62</v>
      </c>
      <c r="H122" s="22">
        <v>33</v>
      </c>
      <c r="I122" s="22">
        <v>11</v>
      </c>
      <c r="J122" s="22">
        <v>22</v>
      </c>
      <c r="K122" s="21">
        <v>34</v>
      </c>
      <c r="L122" s="53">
        <v>12</v>
      </c>
      <c r="M122" s="54">
        <v>22</v>
      </c>
    </row>
    <row r="123" spans="1:13">
      <c r="A123" s="40" t="s">
        <v>126</v>
      </c>
      <c r="B123" s="21">
        <v>-105</v>
      </c>
      <c r="C123" s="22">
        <v>-53</v>
      </c>
      <c r="D123" s="22">
        <v>-52</v>
      </c>
      <c r="E123" s="21">
        <v>107</v>
      </c>
      <c r="F123" s="22">
        <v>56</v>
      </c>
      <c r="G123" s="23">
        <v>51</v>
      </c>
      <c r="H123" s="22">
        <v>26</v>
      </c>
      <c r="I123" s="22">
        <v>9</v>
      </c>
      <c r="J123" s="22">
        <v>17</v>
      </c>
      <c r="K123" s="21">
        <v>24</v>
      </c>
      <c r="L123" s="53">
        <v>6</v>
      </c>
      <c r="M123" s="54">
        <v>18</v>
      </c>
    </row>
    <row r="124" spans="1:13">
      <c r="A124" s="40" t="s">
        <v>127</v>
      </c>
      <c r="B124" s="21">
        <v>-112</v>
      </c>
      <c r="C124" s="22">
        <v>-49</v>
      </c>
      <c r="D124" s="22">
        <v>-63</v>
      </c>
      <c r="E124" s="21">
        <v>106</v>
      </c>
      <c r="F124" s="22">
        <v>45</v>
      </c>
      <c r="G124" s="23">
        <v>61</v>
      </c>
      <c r="H124" s="22">
        <v>18</v>
      </c>
      <c r="I124" s="22">
        <v>5</v>
      </c>
      <c r="J124" s="22">
        <v>13</v>
      </c>
      <c r="K124" s="21">
        <v>24</v>
      </c>
      <c r="L124" s="53">
        <v>9</v>
      </c>
      <c r="M124" s="54">
        <v>15</v>
      </c>
    </row>
    <row r="125" spans="1:13" ht="19.5" customHeight="1">
      <c r="A125" s="34" t="s">
        <v>128</v>
      </c>
      <c r="B125" s="17">
        <v>-484</v>
      </c>
      <c r="C125" s="18">
        <v>-212</v>
      </c>
      <c r="D125" s="18">
        <v>-272</v>
      </c>
      <c r="E125" s="17">
        <v>480</v>
      </c>
      <c r="F125" s="18">
        <v>206</v>
      </c>
      <c r="G125" s="19">
        <v>274</v>
      </c>
      <c r="H125" s="18">
        <v>65</v>
      </c>
      <c r="I125" s="18">
        <v>11</v>
      </c>
      <c r="J125" s="18">
        <v>54</v>
      </c>
      <c r="K125" s="17">
        <v>69</v>
      </c>
      <c r="L125" s="51">
        <v>17</v>
      </c>
      <c r="M125" s="52">
        <v>52</v>
      </c>
    </row>
    <row r="126" spans="1:13">
      <c r="A126" s="40" t="s">
        <v>129</v>
      </c>
      <c r="B126" s="21">
        <v>-101</v>
      </c>
      <c r="C126" s="22">
        <v>-50</v>
      </c>
      <c r="D126" s="22">
        <v>-51</v>
      </c>
      <c r="E126" s="21">
        <v>109</v>
      </c>
      <c r="F126" s="22">
        <v>50</v>
      </c>
      <c r="G126" s="23">
        <v>59</v>
      </c>
      <c r="H126" s="22">
        <v>23</v>
      </c>
      <c r="I126" s="22">
        <v>4</v>
      </c>
      <c r="J126" s="22">
        <v>19</v>
      </c>
      <c r="K126" s="21">
        <v>15</v>
      </c>
      <c r="L126" s="53">
        <v>4</v>
      </c>
      <c r="M126" s="54">
        <v>11</v>
      </c>
    </row>
    <row r="127" spans="1:13">
      <c r="A127" s="40" t="s">
        <v>130</v>
      </c>
      <c r="B127" s="21">
        <v>-104</v>
      </c>
      <c r="C127" s="22">
        <v>-48</v>
      </c>
      <c r="D127" s="22">
        <v>-56</v>
      </c>
      <c r="E127" s="21">
        <v>98</v>
      </c>
      <c r="F127" s="22">
        <v>46</v>
      </c>
      <c r="G127" s="23">
        <v>52</v>
      </c>
      <c r="H127" s="22">
        <v>11</v>
      </c>
      <c r="I127" s="22">
        <v>4</v>
      </c>
      <c r="J127" s="22">
        <v>7</v>
      </c>
      <c r="K127" s="21">
        <v>17</v>
      </c>
      <c r="L127" s="53">
        <v>6</v>
      </c>
      <c r="M127" s="54">
        <v>11</v>
      </c>
    </row>
    <row r="128" spans="1:13">
      <c r="A128" s="40" t="s">
        <v>131</v>
      </c>
      <c r="B128" s="21">
        <v>-110</v>
      </c>
      <c r="C128" s="22">
        <v>-55</v>
      </c>
      <c r="D128" s="22">
        <v>-55</v>
      </c>
      <c r="E128" s="21">
        <v>109</v>
      </c>
      <c r="F128" s="22">
        <v>55</v>
      </c>
      <c r="G128" s="23">
        <v>54</v>
      </c>
      <c r="H128" s="22">
        <v>12</v>
      </c>
      <c r="I128" s="22">
        <v>3</v>
      </c>
      <c r="J128" s="22">
        <v>9</v>
      </c>
      <c r="K128" s="21">
        <v>13</v>
      </c>
      <c r="L128" s="53">
        <v>3</v>
      </c>
      <c r="M128" s="54">
        <v>10</v>
      </c>
    </row>
    <row r="129" spans="1:13">
      <c r="A129" s="40" t="s">
        <v>132</v>
      </c>
      <c r="B129" s="21">
        <v>-91</v>
      </c>
      <c r="C129" s="22">
        <v>-27</v>
      </c>
      <c r="D129" s="22">
        <v>-64</v>
      </c>
      <c r="E129" s="21">
        <v>87</v>
      </c>
      <c r="F129" s="22">
        <v>25</v>
      </c>
      <c r="G129" s="23">
        <v>62</v>
      </c>
      <c r="H129" s="22">
        <v>10</v>
      </c>
      <c r="I129" s="22">
        <v>0</v>
      </c>
      <c r="J129" s="22">
        <v>10</v>
      </c>
      <c r="K129" s="21">
        <v>14</v>
      </c>
      <c r="L129" s="53">
        <v>2</v>
      </c>
      <c r="M129" s="54">
        <v>12</v>
      </c>
    </row>
    <row r="130" spans="1:13">
      <c r="A130" s="40" t="s">
        <v>133</v>
      </c>
      <c r="B130" s="21">
        <v>-78</v>
      </c>
      <c r="C130" s="22">
        <v>-32</v>
      </c>
      <c r="D130" s="22">
        <v>-46</v>
      </c>
      <c r="E130" s="21">
        <v>77</v>
      </c>
      <c r="F130" s="22">
        <v>30</v>
      </c>
      <c r="G130" s="23">
        <v>47</v>
      </c>
      <c r="H130" s="22">
        <v>9</v>
      </c>
      <c r="I130" s="22">
        <v>0</v>
      </c>
      <c r="J130" s="22">
        <v>9</v>
      </c>
      <c r="K130" s="21">
        <v>10</v>
      </c>
      <c r="L130" s="53">
        <v>2</v>
      </c>
      <c r="M130" s="54">
        <v>8</v>
      </c>
    </row>
    <row r="131" spans="1:13" ht="19.5" customHeight="1">
      <c r="A131" s="34" t="s">
        <v>134</v>
      </c>
      <c r="B131" s="17">
        <v>-197</v>
      </c>
      <c r="C131" s="18">
        <v>-61</v>
      </c>
      <c r="D131" s="18">
        <v>-136</v>
      </c>
      <c r="E131" s="17">
        <v>210</v>
      </c>
      <c r="F131" s="18">
        <v>62</v>
      </c>
      <c r="G131" s="19">
        <v>148</v>
      </c>
      <c r="H131" s="18">
        <v>30</v>
      </c>
      <c r="I131" s="18">
        <v>2</v>
      </c>
      <c r="J131" s="18">
        <v>28</v>
      </c>
      <c r="K131" s="17">
        <v>17</v>
      </c>
      <c r="L131" s="51">
        <v>1</v>
      </c>
      <c r="M131" s="52">
        <v>16</v>
      </c>
    </row>
    <row r="132" spans="1:13">
      <c r="A132" s="40" t="s">
        <v>135</v>
      </c>
      <c r="B132" s="21">
        <v>-39</v>
      </c>
      <c r="C132" s="22">
        <v>-20</v>
      </c>
      <c r="D132" s="22">
        <v>-19</v>
      </c>
      <c r="E132" s="21">
        <v>53</v>
      </c>
      <c r="F132" s="22">
        <v>21</v>
      </c>
      <c r="G132" s="23">
        <v>32</v>
      </c>
      <c r="H132" s="22">
        <v>19</v>
      </c>
      <c r="I132" s="22">
        <v>1</v>
      </c>
      <c r="J132" s="22">
        <v>18</v>
      </c>
      <c r="K132" s="21">
        <v>5</v>
      </c>
      <c r="L132" s="53">
        <v>0</v>
      </c>
      <c r="M132" s="54">
        <v>5</v>
      </c>
    </row>
    <row r="133" spans="1:13">
      <c r="A133" s="40" t="s">
        <v>136</v>
      </c>
      <c r="B133" s="21">
        <v>-56</v>
      </c>
      <c r="C133" s="22">
        <v>-20</v>
      </c>
      <c r="D133" s="22">
        <v>-36</v>
      </c>
      <c r="E133" s="21">
        <v>56</v>
      </c>
      <c r="F133" s="22">
        <v>19</v>
      </c>
      <c r="G133" s="23">
        <v>37</v>
      </c>
      <c r="H133" s="22">
        <v>3</v>
      </c>
      <c r="I133" s="22">
        <v>0</v>
      </c>
      <c r="J133" s="22">
        <v>3</v>
      </c>
      <c r="K133" s="21">
        <v>3</v>
      </c>
      <c r="L133" s="53">
        <v>1</v>
      </c>
      <c r="M133" s="54">
        <v>2</v>
      </c>
    </row>
    <row r="134" spans="1:13">
      <c r="A134" s="40" t="s">
        <v>137</v>
      </c>
      <c r="B134" s="21">
        <v>-40</v>
      </c>
      <c r="C134" s="22">
        <v>-8</v>
      </c>
      <c r="D134" s="22">
        <v>-32</v>
      </c>
      <c r="E134" s="21">
        <v>38</v>
      </c>
      <c r="F134" s="22">
        <v>9</v>
      </c>
      <c r="G134" s="23">
        <v>29</v>
      </c>
      <c r="H134" s="22">
        <v>6</v>
      </c>
      <c r="I134" s="22">
        <v>1</v>
      </c>
      <c r="J134" s="22">
        <v>5</v>
      </c>
      <c r="K134" s="21">
        <v>8</v>
      </c>
      <c r="L134" s="53">
        <v>0</v>
      </c>
      <c r="M134" s="54">
        <v>8</v>
      </c>
    </row>
    <row r="135" spans="1:13">
      <c r="A135" s="40" t="s">
        <v>138</v>
      </c>
      <c r="B135" s="21">
        <v>-34</v>
      </c>
      <c r="C135" s="22">
        <v>-8</v>
      </c>
      <c r="D135" s="22">
        <v>-26</v>
      </c>
      <c r="E135" s="21">
        <v>35</v>
      </c>
      <c r="F135" s="22">
        <v>8</v>
      </c>
      <c r="G135" s="23">
        <v>27</v>
      </c>
      <c r="H135" s="22">
        <v>2</v>
      </c>
      <c r="I135" s="22">
        <v>0</v>
      </c>
      <c r="J135" s="22">
        <v>2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28</v>
      </c>
      <c r="C136" s="22">
        <v>-5</v>
      </c>
      <c r="D136" s="22">
        <v>-23</v>
      </c>
      <c r="E136" s="21">
        <v>28</v>
      </c>
      <c r="F136" s="22">
        <v>5</v>
      </c>
      <c r="G136" s="23">
        <v>23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56</v>
      </c>
      <c r="C137" s="43">
        <v>-11</v>
      </c>
      <c r="D137" s="43">
        <v>-45</v>
      </c>
      <c r="E137" s="42">
        <v>59</v>
      </c>
      <c r="F137" s="43">
        <v>11</v>
      </c>
      <c r="G137" s="44">
        <v>48</v>
      </c>
      <c r="H137" s="43">
        <v>4</v>
      </c>
      <c r="I137" s="43">
        <v>0</v>
      </c>
      <c r="J137" s="43">
        <v>4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5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913</v>
      </c>
      <c r="C5" s="14">
        <v>448</v>
      </c>
      <c r="D5" s="14">
        <v>465</v>
      </c>
      <c r="E5" s="13">
        <v>1534</v>
      </c>
      <c r="F5" s="14">
        <v>795</v>
      </c>
      <c r="G5" s="15">
        <v>739</v>
      </c>
      <c r="H5" s="14">
        <v>10656</v>
      </c>
      <c r="I5" s="14">
        <v>5490</v>
      </c>
      <c r="J5" s="14">
        <v>5166</v>
      </c>
      <c r="K5" s="13">
        <v>9580</v>
      </c>
      <c r="L5" s="49">
        <v>4953</v>
      </c>
      <c r="M5" s="50">
        <v>4627</v>
      </c>
    </row>
    <row r="6" spans="1:13" ht="19.5" customHeight="1">
      <c r="A6" s="16" t="s">
        <v>13</v>
      </c>
      <c r="B6" s="17">
        <v>1409</v>
      </c>
      <c r="C6" s="18">
        <v>755</v>
      </c>
      <c r="D6" s="18">
        <v>654</v>
      </c>
      <c r="E6" s="17">
        <v>4</v>
      </c>
      <c r="F6" s="18">
        <v>0</v>
      </c>
      <c r="G6" s="19">
        <v>4</v>
      </c>
      <c r="H6" s="18">
        <v>702</v>
      </c>
      <c r="I6" s="18">
        <v>376</v>
      </c>
      <c r="J6" s="18">
        <v>326</v>
      </c>
      <c r="K6" s="17">
        <v>660</v>
      </c>
      <c r="L6" s="51">
        <v>327</v>
      </c>
      <c r="M6" s="52">
        <v>333</v>
      </c>
    </row>
    <row r="7" spans="1:13">
      <c r="A7" s="20" t="s">
        <v>14</v>
      </c>
      <c r="B7" s="21">
        <v>1388</v>
      </c>
      <c r="C7" s="22">
        <v>734</v>
      </c>
      <c r="D7" s="22">
        <v>654</v>
      </c>
      <c r="E7" s="21">
        <v>3</v>
      </c>
      <c r="F7" s="22">
        <v>0</v>
      </c>
      <c r="G7" s="23">
        <v>3</v>
      </c>
      <c r="H7" s="22">
        <v>114</v>
      </c>
      <c r="I7" s="22">
        <v>64</v>
      </c>
      <c r="J7" s="22">
        <v>50</v>
      </c>
      <c r="K7" s="21">
        <v>94</v>
      </c>
      <c r="L7" s="53">
        <v>36</v>
      </c>
      <c r="M7" s="54">
        <v>58</v>
      </c>
    </row>
    <row r="8" spans="1:13">
      <c r="A8" s="20" t="s">
        <v>15</v>
      </c>
      <c r="B8" s="21">
        <v>20</v>
      </c>
      <c r="C8" s="22">
        <v>19</v>
      </c>
      <c r="D8" s="22">
        <v>1</v>
      </c>
      <c r="E8" s="21">
        <v>1</v>
      </c>
      <c r="F8" s="22">
        <v>0</v>
      </c>
      <c r="G8" s="23">
        <v>1</v>
      </c>
      <c r="H8" s="22">
        <v>212</v>
      </c>
      <c r="I8" s="22">
        <v>115</v>
      </c>
      <c r="J8" s="22">
        <v>97</v>
      </c>
      <c r="K8" s="21">
        <v>191</v>
      </c>
      <c r="L8" s="53">
        <v>96</v>
      </c>
      <c r="M8" s="54">
        <v>95</v>
      </c>
    </row>
    <row r="9" spans="1:13">
      <c r="A9" s="20" t="s">
        <v>16</v>
      </c>
      <c r="B9" s="21">
        <v>-9</v>
      </c>
      <c r="C9" s="22">
        <v>0</v>
      </c>
      <c r="D9" s="22">
        <v>-9</v>
      </c>
      <c r="E9" s="21">
        <v>0</v>
      </c>
      <c r="F9" s="22">
        <v>0</v>
      </c>
      <c r="G9" s="23">
        <v>0</v>
      </c>
      <c r="H9" s="22">
        <v>134</v>
      </c>
      <c r="I9" s="22">
        <v>73</v>
      </c>
      <c r="J9" s="22">
        <v>61</v>
      </c>
      <c r="K9" s="21">
        <v>143</v>
      </c>
      <c r="L9" s="53">
        <v>73</v>
      </c>
      <c r="M9" s="54">
        <v>70</v>
      </c>
    </row>
    <row r="10" spans="1:13">
      <c r="A10" s="20" t="s">
        <v>17</v>
      </c>
      <c r="B10" s="21">
        <v>13</v>
      </c>
      <c r="C10" s="22">
        <v>9</v>
      </c>
      <c r="D10" s="22">
        <v>4</v>
      </c>
      <c r="E10" s="21">
        <v>0</v>
      </c>
      <c r="F10" s="22">
        <v>0</v>
      </c>
      <c r="G10" s="23">
        <v>0</v>
      </c>
      <c r="H10" s="22">
        <v>144</v>
      </c>
      <c r="I10" s="22">
        <v>75</v>
      </c>
      <c r="J10" s="22">
        <v>69</v>
      </c>
      <c r="K10" s="21">
        <v>131</v>
      </c>
      <c r="L10" s="53">
        <v>66</v>
      </c>
      <c r="M10" s="54">
        <v>65</v>
      </c>
    </row>
    <row r="11" spans="1:13">
      <c r="A11" s="20" t="s">
        <v>18</v>
      </c>
      <c r="B11" s="21">
        <v>-3</v>
      </c>
      <c r="C11" s="22">
        <v>-7</v>
      </c>
      <c r="D11" s="22">
        <v>4</v>
      </c>
      <c r="E11" s="21">
        <v>0</v>
      </c>
      <c r="F11" s="22">
        <v>0</v>
      </c>
      <c r="G11" s="23">
        <v>0</v>
      </c>
      <c r="H11" s="22">
        <v>98</v>
      </c>
      <c r="I11" s="22">
        <v>49</v>
      </c>
      <c r="J11" s="22">
        <v>49</v>
      </c>
      <c r="K11" s="21">
        <v>101</v>
      </c>
      <c r="L11" s="53">
        <v>56</v>
      </c>
      <c r="M11" s="54">
        <v>45</v>
      </c>
    </row>
    <row r="12" spans="1:13" ht="20.100000000000001" customHeight="1">
      <c r="A12" s="16" t="s">
        <v>19</v>
      </c>
      <c r="B12" s="17">
        <v>44</v>
      </c>
      <c r="C12" s="18">
        <v>19</v>
      </c>
      <c r="D12" s="18">
        <v>25</v>
      </c>
      <c r="E12" s="17">
        <v>1</v>
      </c>
      <c r="F12" s="18">
        <v>1</v>
      </c>
      <c r="G12" s="19">
        <v>0</v>
      </c>
      <c r="H12" s="18">
        <v>365</v>
      </c>
      <c r="I12" s="18">
        <v>182</v>
      </c>
      <c r="J12" s="18">
        <v>183</v>
      </c>
      <c r="K12" s="17">
        <v>320</v>
      </c>
      <c r="L12" s="51">
        <v>162</v>
      </c>
      <c r="M12" s="52">
        <v>158</v>
      </c>
    </row>
    <row r="13" spans="1:13">
      <c r="A13" s="20" t="s">
        <v>20</v>
      </c>
      <c r="B13" s="21">
        <v>29</v>
      </c>
      <c r="C13" s="22">
        <v>6</v>
      </c>
      <c r="D13" s="22">
        <v>23</v>
      </c>
      <c r="E13" s="21">
        <v>0</v>
      </c>
      <c r="F13" s="22">
        <v>0</v>
      </c>
      <c r="G13" s="23">
        <v>0</v>
      </c>
      <c r="H13" s="22">
        <v>106</v>
      </c>
      <c r="I13" s="22">
        <v>49</v>
      </c>
      <c r="J13" s="22">
        <v>57</v>
      </c>
      <c r="K13" s="21">
        <v>77</v>
      </c>
      <c r="L13" s="53">
        <v>43</v>
      </c>
      <c r="M13" s="54">
        <v>34</v>
      </c>
    </row>
    <row r="14" spans="1:13">
      <c r="A14" s="20" t="s">
        <v>21</v>
      </c>
      <c r="B14" s="21">
        <v>-1</v>
      </c>
      <c r="C14" s="22">
        <v>-4</v>
      </c>
      <c r="D14" s="22">
        <v>3</v>
      </c>
      <c r="E14" s="21">
        <v>0</v>
      </c>
      <c r="F14" s="22">
        <v>0</v>
      </c>
      <c r="G14" s="23">
        <v>0</v>
      </c>
      <c r="H14" s="22">
        <v>89</v>
      </c>
      <c r="I14" s="22">
        <v>44</v>
      </c>
      <c r="J14" s="22">
        <v>45</v>
      </c>
      <c r="K14" s="21">
        <v>90</v>
      </c>
      <c r="L14" s="53">
        <v>48</v>
      </c>
      <c r="M14" s="54">
        <v>42</v>
      </c>
    </row>
    <row r="15" spans="1:13">
      <c r="A15" s="20" t="s">
        <v>22</v>
      </c>
      <c r="B15" s="21">
        <v>1</v>
      </c>
      <c r="C15" s="22">
        <v>14</v>
      </c>
      <c r="D15" s="22">
        <v>-13</v>
      </c>
      <c r="E15" s="21">
        <v>1</v>
      </c>
      <c r="F15" s="22">
        <v>1</v>
      </c>
      <c r="G15" s="23">
        <v>0</v>
      </c>
      <c r="H15" s="22">
        <v>75</v>
      </c>
      <c r="I15" s="22">
        <v>43</v>
      </c>
      <c r="J15" s="22">
        <v>32</v>
      </c>
      <c r="K15" s="21">
        <v>73</v>
      </c>
      <c r="L15" s="53">
        <v>28</v>
      </c>
      <c r="M15" s="54">
        <v>45</v>
      </c>
    </row>
    <row r="16" spans="1:13">
      <c r="A16" s="20" t="s">
        <v>23</v>
      </c>
      <c r="B16" s="21">
        <v>25</v>
      </c>
      <c r="C16" s="22">
        <v>15</v>
      </c>
      <c r="D16" s="22">
        <v>10</v>
      </c>
      <c r="E16" s="21">
        <v>0</v>
      </c>
      <c r="F16" s="22">
        <v>0</v>
      </c>
      <c r="G16" s="23">
        <v>0</v>
      </c>
      <c r="H16" s="22">
        <v>63</v>
      </c>
      <c r="I16" s="22">
        <v>34</v>
      </c>
      <c r="J16" s="22">
        <v>29</v>
      </c>
      <c r="K16" s="21">
        <v>38</v>
      </c>
      <c r="L16" s="53">
        <v>19</v>
      </c>
      <c r="M16" s="54">
        <v>19</v>
      </c>
    </row>
    <row r="17" spans="1:13">
      <c r="A17" s="20" t="s">
        <v>24</v>
      </c>
      <c r="B17" s="21">
        <v>-10</v>
      </c>
      <c r="C17" s="22">
        <v>-12</v>
      </c>
      <c r="D17" s="22">
        <v>2</v>
      </c>
      <c r="E17" s="21">
        <v>0</v>
      </c>
      <c r="F17" s="22">
        <v>0</v>
      </c>
      <c r="G17" s="23">
        <v>0</v>
      </c>
      <c r="H17" s="22">
        <v>32</v>
      </c>
      <c r="I17" s="22">
        <v>12</v>
      </c>
      <c r="J17" s="22">
        <v>20</v>
      </c>
      <c r="K17" s="21">
        <v>42</v>
      </c>
      <c r="L17" s="53">
        <v>24</v>
      </c>
      <c r="M17" s="54">
        <v>18</v>
      </c>
    </row>
    <row r="18" spans="1:13" ht="20.100000000000001" customHeight="1">
      <c r="A18" s="16" t="s">
        <v>25</v>
      </c>
      <c r="B18" s="17">
        <v>12</v>
      </c>
      <c r="C18" s="18">
        <v>21</v>
      </c>
      <c r="D18" s="18">
        <v>-9</v>
      </c>
      <c r="E18" s="17">
        <v>0</v>
      </c>
      <c r="F18" s="18">
        <v>0</v>
      </c>
      <c r="G18" s="19">
        <v>0</v>
      </c>
      <c r="H18" s="18">
        <v>184</v>
      </c>
      <c r="I18" s="18">
        <v>103</v>
      </c>
      <c r="J18" s="18">
        <v>81</v>
      </c>
      <c r="K18" s="17">
        <v>172</v>
      </c>
      <c r="L18" s="51">
        <v>82</v>
      </c>
      <c r="M18" s="52">
        <v>90</v>
      </c>
    </row>
    <row r="19" spans="1:13">
      <c r="A19" s="20" t="s">
        <v>26</v>
      </c>
      <c r="B19" s="21">
        <v>9</v>
      </c>
      <c r="C19" s="22">
        <v>2</v>
      </c>
      <c r="D19" s="22">
        <v>7</v>
      </c>
      <c r="E19" s="21">
        <v>0</v>
      </c>
      <c r="F19" s="22">
        <v>0</v>
      </c>
      <c r="G19" s="23">
        <v>0</v>
      </c>
      <c r="H19" s="22">
        <v>46</v>
      </c>
      <c r="I19" s="22">
        <v>26</v>
      </c>
      <c r="J19" s="22">
        <v>20</v>
      </c>
      <c r="K19" s="21">
        <v>37</v>
      </c>
      <c r="L19" s="53">
        <v>24</v>
      </c>
      <c r="M19" s="54">
        <v>13</v>
      </c>
    </row>
    <row r="20" spans="1:13">
      <c r="A20" s="20" t="s">
        <v>27</v>
      </c>
      <c r="B20" s="21">
        <v>1</v>
      </c>
      <c r="C20" s="22">
        <v>9</v>
      </c>
      <c r="D20" s="22">
        <v>-8</v>
      </c>
      <c r="E20" s="21">
        <v>0</v>
      </c>
      <c r="F20" s="22">
        <v>0</v>
      </c>
      <c r="G20" s="23">
        <v>0</v>
      </c>
      <c r="H20" s="22">
        <v>38</v>
      </c>
      <c r="I20" s="22">
        <v>22</v>
      </c>
      <c r="J20" s="22">
        <v>16</v>
      </c>
      <c r="K20" s="21">
        <v>37</v>
      </c>
      <c r="L20" s="53">
        <v>13</v>
      </c>
      <c r="M20" s="54">
        <v>24</v>
      </c>
    </row>
    <row r="21" spans="1:13">
      <c r="A21" s="20" t="s">
        <v>28</v>
      </c>
      <c r="B21" s="21">
        <v>3</v>
      </c>
      <c r="C21" s="22">
        <v>8</v>
      </c>
      <c r="D21" s="22">
        <v>-5</v>
      </c>
      <c r="E21" s="21">
        <v>0</v>
      </c>
      <c r="F21" s="22">
        <v>0</v>
      </c>
      <c r="G21" s="23">
        <v>0</v>
      </c>
      <c r="H21" s="22">
        <v>26</v>
      </c>
      <c r="I21" s="22">
        <v>16</v>
      </c>
      <c r="J21" s="22">
        <v>10</v>
      </c>
      <c r="K21" s="21">
        <v>23</v>
      </c>
      <c r="L21" s="53">
        <v>8</v>
      </c>
      <c r="M21" s="54">
        <v>15</v>
      </c>
    </row>
    <row r="22" spans="1:13">
      <c r="A22" s="20" t="s">
        <v>29</v>
      </c>
      <c r="B22" s="21">
        <v>-3</v>
      </c>
      <c r="C22" s="22">
        <v>2</v>
      </c>
      <c r="D22" s="22">
        <v>-5</v>
      </c>
      <c r="E22" s="21">
        <v>0</v>
      </c>
      <c r="F22" s="22">
        <v>0</v>
      </c>
      <c r="G22" s="23">
        <v>0</v>
      </c>
      <c r="H22" s="22">
        <v>43</v>
      </c>
      <c r="I22" s="22">
        <v>22</v>
      </c>
      <c r="J22" s="22">
        <v>21</v>
      </c>
      <c r="K22" s="21">
        <v>46</v>
      </c>
      <c r="L22" s="53">
        <v>20</v>
      </c>
      <c r="M22" s="54">
        <v>26</v>
      </c>
    </row>
    <row r="23" spans="1:13">
      <c r="A23" s="20" t="s">
        <v>30</v>
      </c>
      <c r="B23" s="21">
        <v>2</v>
      </c>
      <c r="C23" s="22">
        <v>0</v>
      </c>
      <c r="D23" s="22">
        <v>2</v>
      </c>
      <c r="E23" s="21">
        <v>0</v>
      </c>
      <c r="F23" s="22">
        <v>0</v>
      </c>
      <c r="G23" s="23">
        <v>0</v>
      </c>
      <c r="H23" s="22">
        <v>31</v>
      </c>
      <c r="I23" s="22">
        <v>17</v>
      </c>
      <c r="J23" s="22">
        <v>14</v>
      </c>
      <c r="K23" s="21">
        <v>29</v>
      </c>
      <c r="L23" s="53">
        <v>17</v>
      </c>
      <c r="M23" s="54">
        <v>12</v>
      </c>
    </row>
    <row r="24" spans="1:13" ht="20.100000000000001" customHeight="1">
      <c r="A24" s="16" t="s">
        <v>31</v>
      </c>
      <c r="B24" s="17">
        <v>145</v>
      </c>
      <c r="C24" s="18">
        <v>58</v>
      </c>
      <c r="D24" s="18">
        <v>87</v>
      </c>
      <c r="E24" s="17">
        <v>2</v>
      </c>
      <c r="F24" s="18">
        <v>2</v>
      </c>
      <c r="G24" s="19">
        <v>0</v>
      </c>
      <c r="H24" s="18">
        <v>397</v>
      </c>
      <c r="I24" s="18">
        <v>185</v>
      </c>
      <c r="J24" s="18">
        <v>212</v>
      </c>
      <c r="K24" s="17">
        <v>250</v>
      </c>
      <c r="L24" s="51">
        <v>125</v>
      </c>
      <c r="M24" s="52">
        <v>125</v>
      </c>
    </row>
    <row r="25" spans="1:13">
      <c r="A25" s="20" t="s">
        <v>32</v>
      </c>
      <c r="B25" s="21">
        <v>9</v>
      </c>
      <c r="C25" s="22">
        <v>0</v>
      </c>
      <c r="D25" s="22">
        <v>9</v>
      </c>
      <c r="E25" s="21">
        <v>0</v>
      </c>
      <c r="F25" s="22">
        <v>0</v>
      </c>
      <c r="G25" s="23">
        <v>0</v>
      </c>
      <c r="H25" s="22">
        <v>40</v>
      </c>
      <c r="I25" s="22">
        <v>16</v>
      </c>
      <c r="J25" s="22">
        <v>24</v>
      </c>
      <c r="K25" s="21">
        <v>31</v>
      </c>
      <c r="L25" s="53">
        <v>16</v>
      </c>
      <c r="M25" s="54">
        <v>15</v>
      </c>
    </row>
    <row r="26" spans="1:13">
      <c r="A26" s="20" t="s">
        <v>33</v>
      </c>
      <c r="B26" s="21">
        <v>18</v>
      </c>
      <c r="C26" s="22">
        <v>11</v>
      </c>
      <c r="D26" s="22">
        <v>7</v>
      </c>
      <c r="E26" s="21">
        <v>0</v>
      </c>
      <c r="F26" s="22">
        <v>0</v>
      </c>
      <c r="G26" s="23">
        <v>0</v>
      </c>
      <c r="H26" s="22">
        <v>65</v>
      </c>
      <c r="I26" s="22">
        <v>33</v>
      </c>
      <c r="J26" s="22">
        <v>32</v>
      </c>
      <c r="K26" s="21">
        <v>47</v>
      </c>
      <c r="L26" s="53">
        <v>22</v>
      </c>
      <c r="M26" s="54">
        <v>25</v>
      </c>
    </row>
    <row r="27" spans="1:13">
      <c r="A27" s="20" t="s">
        <v>34</v>
      </c>
      <c r="B27" s="21">
        <v>17</v>
      </c>
      <c r="C27" s="22">
        <v>7</v>
      </c>
      <c r="D27" s="22">
        <v>10</v>
      </c>
      <c r="E27" s="21">
        <v>0</v>
      </c>
      <c r="F27" s="22">
        <v>0</v>
      </c>
      <c r="G27" s="23">
        <v>0</v>
      </c>
      <c r="H27" s="22">
        <v>42</v>
      </c>
      <c r="I27" s="22">
        <v>19</v>
      </c>
      <c r="J27" s="22">
        <v>23</v>
      </c>
      <c r="K27" s="21">
        <v>25</v>
      </c>
      <c r="L27" s="53">
        <v>12</v>
      </c>
      <c r="M27" s="54">
        <v>13</v>
      </c>
    </row>
    <row r="28" spans="1:13">
      <c r="A28" s="20" t="s">
        <v>35</v>
      </c>
      <c r="B28" s="21">
        <v>17</v>
      </c>
      <c r="C28" s="22">
        <v>-4</v>
      </c>
      <c r="D28" s="22">
        <v>21</v>
      </c>
      <c r="E28" s="21">
        <v>1</v>
      </c>
      <c r="F28" s="22">
        <v>1</v>
      </c>
      <c r="G28" s="23">
        <v>0</v>
      </c>
      <c r="H28" s="22">
        <v>75</v>
      </c>
      <c r="I28" s="22">
        <v>29</v>
      </c>
      <c r="J28" s="22">
        <v>46</v>
      </c>
      <c r="K28" s="21">
        <v>57</v>
      </c>
      <c r="L28" s="53">
        <v>32</v>
      </c>
      <c r="M28" s="54">
        <v>25</v>
      </c>
    </row>
    <row r="29" spans="1:13">
      <c r="A29" s="20" t="s">
        <v>36</v>
      </c>
      <c r="B29" s="21">
        <v>84</v>
      </c>
      <c r="C29" s="22">
        <v>44</v>
      </c>
      <c r="D29" s="22">
        <v>40</v>
      </c>
      <c r="E29" s="21">
        <v>1</v>
      </c>
      <c r="F29" s="22">
        <v>1</v>
      </c>
      <c r="G29" s="23">
        <v>0</v>
      </c>
      <c r="H29" s="22">
        <v>175</v>
      </c>
      <c r="I29" s="22">
        <v>88</v>
      </c>
      <c r="J29" s="22">
        <v>87</v>
      </c>
      <c r="K29" s="21">
        <v>90</v>
      </c>
      <c r="L29" s="53">
        <v>43</v>
      </c>
      <c r="M29" s="54">
        <v>47</v>
      </c>
    </row>
    <row r="30" spans="1:13" ht="20.100000000000001" customHeight="1">
      <c r="A30" s="16" t="s">
        <v>37</v>
      </c>
      <c r="B30" s="17">
        <v>220</v>
      </c>
      <c r="C30" s="18">
        <v>126</v>
      </c>
      <c r="D30" s="18">
        <v>94</v>
      </c>
      <c r="E30" s="17">
        <v>6</v>
      </c>
      <c r="F30" s="18">
        <v>5</v>
      </c>
      <c r="G30" s="19">
        <v>1</v>
      </c>
      <c r="H30" s="18">
        <v>1450</v>
      </c>
      <c r="I30" s="18">
        <v>754</v>
      </c>
      <c r="J30" s="18">
        <v>696</v>
      </c>
      <c r="K30" s="17">
        <v>1224</v>
      </c>
      <c r="L30" s="51">
        <v>623</v>
      </c>
      <c r="M30" s="52">
        <v>601</v>
      </c>
    </row>
    <row r="31" spans="1:13">
      <c r="A31" s="20" t="s">
        <v>38</v>
      </c>
      <c r="B31" s="21">
        <v>54</v>
      </c>
      <c r="C31" s="22">
        <v>37</v>
      </c>
      <c r="D31" s="22">
        <v>17</v>
      </c>
      <c r="E31" s="21">
        <v>0</v>
      </c>
      <c r="F31" s="22">
        <v>0</v>
      </c>
      <c r="G31" s="23">
        <v>0</v>
      </c>
      <c r="H31" s="22">
        <v>148</v>
      </c>
      <c r="I31" s="22">
        <v>83</v>
      </c>
      <c r="J31" s="22">
        <v>65</v>
      </c>
      <c r="K31" s="21">
        <v>94</v>
      </c>
      <c r="L31" s="53">
        <v>46</v>
      </c>
      <c r="M31" s="54">
        <v>48</v>
      </c>
    </row>
    <row r="32" spans="1:13">
      <c r="A32" s="20" t="s">
        <v>39</v>
      </c>
      <c r="B32" s="21">
        <v>38</v>
      </c>
      <c r="C32" s="22">
        <v>8</v>
      </c>
      <c r="D32" s="22">
        <v>30</v>
      </c>
      <c r="E32" s="21">
        <v>2</v>
      </c>
      <c r="F32" s="22">
        <v>2</v>
      </c>
      <c r="G32" s="23">
        <v>0</v>
      </c>
      <c r="H32" s="22">
        <v>205</v>
      </c>
      <c r="I32" s="22">
        <v>85</v>
      </c>
      <c r="J32" s="22">
        <v>120</v>
      </c>
      <c r="K32" s="21">
        <v>165</v>
      </c>
      <c r="L32" s="53">
        <v>75</v>
      </c>
      <c r="M32" s="54">
        <v>90</v>
      </c>
    </row>
    <row r="33" spans="1:13">
      <c r="A33" s="20" t="s">
        <v>40</v>
      </c>
      <c r="B33" s="21">
        <v>37</v>
      </c>
      <c r="C33" s="22">
        <v>26</v>
      </c>
      <c r="D33" s="22">
        <v>11</v>
      </c>
      <c r="E33" s="21">
        <v>1</v>
      </c>
      <c r="F33" s="22">
        <v>1</v>
      </c>
      <c r="G33" s="23">
        <v>0</v>
      </c>
      <c r="H33" s="22">
        <v>273</v>
      </c>
      <c r="I33" s="22">
        <v>144</v>
      </c>
      <c r="J33" s="22">
        <v>129</v>
      </c>
      <c r="K33" s="21">
        <v>235</v>
      </c>
      <c r="L33" s="53">
        <v>117</v>
      </c>
      <c r="M33" s="54">
        <v>118</v>
      </c>
    </row>
    <row r="34" spans="1:13">
      <c r="A34" s="20" t="s">
        <v>41</v>
      </c>
      <c r="B34" s="21">
        <v>47</v>
      </c>
      <c r="C34" s="22">
        <v>17</v>
      </c>
      <c r="D34" s="22">
        <v>30</v>
      </c>
      <c r="E34" s="21">
        <v>3</v>
      </c>
      <c r="F34" s="22">
        <v>2</v>
      </c>
      <c r="G34" s="23">
        <v>1</v>
      </c>
      <c r="H34" s="22">
        <v>440</v>
      </c>
      <c r="I34" s="22">
        <v>234</v>
      </c>
      <c r="J34" s="22">
        <v>206</v>
      </c>
      <c r="K34" s="21">
        <v>390</v>
      </c>
      <c r="L34" s="53">
        <v>215</v>
      </c>
      <c r="M34" s="54">
        <v>175</v>
      </c>
    </row>
    <row r="35" spans="1:13">
      <c r="A35" s="20" t="s">
        <v>42</v>
      </c>
      <c r="B35" s="21">
        <v>44</v>
      </c>
      <c r="C35" s="22">
        <v>38</v>
      </c>
      <c r="D35" s="22">
        <v>6</v>
      </c>
      <c r="E35" s="21">
        <v>0</v>
      </c>
      <c r="F35" s="22">
        <v>0</v>
      </c>
      <c r="G35" s="23">
        <v>0</v>
      </c>
      <c r="H35" s="22">
        <v>384</v>
      </c>
      <c r="I35" s="22">
        <v>208</v>
      </c>
      <c r="J35" s="22">
        <v>176</v>
      </c>
      <c r="K35" s="21">
        <v>340</v>
      </c>
      <c r="L35" s="53">
        <v>170</v>
      </c>
      <c r="M35" s="54">
        <v>170</v>
      </c>
    </row>
    <row r="36" spans="1:13" ht="20.100000000000001" customHeight="1">
      <c r="A36" s="16" t="s">
        <v>43</v>
      </c>
      <c r="B36" s="17">
        <v>24</v>
      </c>
      <c r="C36" s="18">
        <v>24</v>
      </c>
      <c r="D36" s="18">
        <v>0</v>
      </c>
      <c r="E36" s="17">
        <v>1</v>
      </c>
      <c r="F36" s="18">
        <v>0</v>
      </c>
      <c r="G36" s="19">
        <v>1</v>
      </c>
      <c r="H36" s="18">
        <v>1956</v>
      </c>
      <c r="I36" s="18">
        <v>995</v>
      </c>
      <c r="J36" s="18">
        <v>961</v>
      </c>
      <c r="K36" s="17">
        <v>1931</v>
      </c>
      <c r="L36" s="51">
        <v>971</v>
      </c>
      <c r="M36" s="52">
        <v>960</v>
      </c>
    </row>
    <row r="37" spans="1:13">
      <c r="A37" s="20" t="s">
        <v>44</v>
      </c>
      <c r="B37" s="21">
        <v>-16</v>
      </c>
      <c r="C37" s="22">
        <v>-6</v>
      </c>
      <c r="D37" s="22">
        <v>-10</v>
      </c>
      <c r="E37" s="21">
        <v>1</v>
      </c>
      <c r="F37" s="22">
        <v>0</v>
      </c>
      <c r="G37" s="23">
        <v>1</v>
      </c>
      <c r="H37" s="22">
        <v>410</v>
      </c>
      <c r="I37" s="22">
        <v>204</v>
      </c>
      <c r="J37" s="22">
        <v>206</v>
      </c>
      <c r="K37" s="21">
        <v>425</v>
      </c>
      <c r="L37" s="53">
        <v>210</v>
      </c>
      <c r="M37" s="54">
        <v>215</v>
      </c>
    </row>
    <row r="38" spans="1:13">
      <c r="A38" s="20" t="s">
        <v>45</v>
      </c>
      <c r="B38" s="21">
        <v>41</v>
      </c>
      <c r="C38" s="22">
        <v>42</v>
      </c>
      <c r="D38" s="22">
        <v>-1</v>
      </c>
      <c r="E38" s="21">
        <v>0</v>
      </c>
      <c r="F38" s="22">
        <v>0</v>
      </c>
      <c r="G38" s="23">
        <v>0</v>
      </c>
      <c r="H38" s="22">
        <v>384</v>
      </c>
      <c r="I38" s="22">
        <v>202</v>
      </c>
      <c r="J38" s="22">
        <v>182</v>
      </c>
      <c r="K38" s="21">
        <v>343</v>
      </c>
      <c r="L38" s="53">
        <v>160</v>
      </c>
      <c r="M38" s="54">
        <v>183</v>
      </c>
    </row>
    <row r="39" spans="1:13">
      <c r="A39" s="20" t="s">
        <v>46</v>
      </c>
      <c r="B39" s="21">
        <v>-15</v>
      </c>
      <c r="C39" s="22">
        <v>-8</v>
      </c>
      <c r="D39" s="22">
        <v>-7</v>
      </c>
      <c r="E39" s="21">
        <v>0</v>
      </c>
      <c r="F39" s="22">
        <v>0</v>
      </c>
      <c r="G39" s="23">
        <v>0</v>
      </c>
      <c r="H39" s="22">
        <v>403</v>
      </c>
      <c r="I39" s="22">
        <v>210</v>
      </c>
      <c r="J39" s="22">
        <v>193</v>
      </c>
      <c r="K39" s="21">
        <v>418</v>
      </c>
      <c r="L39" s="53">
        <v>218</v>
      </c>
      <c r="M39" s="54">
        <v>200</v>
      </c>
    </row>
    <row r="40" spans="1:13">
      <c r="A40" s="20" t="s">
        <v>47</v>
      </c>
      <c r="B40" s="21">
        <v>-33</v>
      </c>
      <c r="C40" s="22">
        <v>-23</v>
      </c>
      <c r="D40" s="22">
        <v>-10</v>
      </c>
      <c r="E40" s="21">
        <v>0</v>
      </c>
      <c r="F40" s="22">
        <v>0</v>
      </c>
      <c r="G40" s="23">
        <v>0</v>
      </c>
      <c r="H40" s="22">
        <v>368</v>
      </c>
      <c r="I40" s="22">
        <v>177</v>
      </c>
      <c r="J40" s="22">
        <v>191</v>
      </c>
      <c r="K40" s="21">
        <v>401</v>
      </c>
      <c r="L40" s="53">
        <v>200</v>
      </c>
      <c r="M40" s="54">
        <v>201</v>
      </c>
    </row>
    <row r="41" spans="1:13">
      <c r="A41" s="20" t="s">
        <v>48</v>
      </c>
      <c r="B41" s="21">
        <v>47</v>
      </c>
      <c r="C41" s="22">
        <v>19</v>
      </c>
      <c r="D41" s="22">
        <v>28</v>
      </c>
      <c r="E41" s="21">
        <v>0</v>
      </c>
      <c r="F41" s="22">
        <v>0</v>
      </c>
      <c r="G41" s="23">
        <v>0</v>
      </c>
      <c r="H41" s="22">
        <v>391</v>
      </c>
      <c r="I41" s="22">
        <v>202</v>
      </c>
      <c r="J41" s="22">
        <v>189</v>
      </c>
      <c r="K41" s="21">
        <v>344</v>
      </c>
      <c r="L41" s="53">
        <v>183</v>
      </c>
      <c r="M41" s="54">
        <v>161</v>
      </c>
    </row>
    <row r="42" spans="1:13" ht="20.100000000000001" customHeight="1">
      <c r="A42" s="16" t="s">
        <v>49</v>
      </c>
      <c r="B42" s="17">
        <v>142</v>
      </c>
      <c r="C42" s="18">
        <v>89</v>
      </c>
      <c r="D42" s="18">
        <v>53</v>
      </c>
      <c r="E42" s="17">
        <v>4</v>
      </c>
      <c r="F42" s="18">
        <v>1</v>
      </c>
      <c r="G42" s="19">
        <v>3</v>
      </c>
      <c r="H42" s="18">
        <v>1603</v>
      </c>
      <c r="I42" s="18">
        <v>844</v>
      </c>
      <c r="J42" s="18">
        <v>759</v>
      </c>
      <c r="K42" s="17">
        <v>1457</v>
      </c>
      <c r="L42" s="51">
        <v>754</v>
      </c>
      <c r="M42" s="52">
        <v>703</v>
      </c>
    </row>
    <row r="43" spans="1:13">
      <c r="A43" s="20" t="s">
        <v>50</v>
      </c>
      <c r="B43" s="21">
        <v>26</v>
      </c>
      <c r="C43" s="22">
        <v>16</v>
      </c>
      <c r="D43" s="22">
        <v>10</v>
      </c>
      <c r="E43" s="21">
        <v>2</v>
      </c>
      <c r="F43" s="22">
        <v>0</v>
      </c>
      <c r="G43" s="23">
        <v>2</v>
      </c>
      <c r="H43" s="22">
        <v>366</v>
      </c>
      <c r="I43" s="22">
        <v>187</v>
      </c>
      <c r="J43" s="22">
        <v>179</v>
      </c>
      <c r="K43" s="21">
        <v>338</v>
      </c>
      <c r="L43" s="53">
        <v>171</v>
      </c>
      <c r="M43" s="54">
        <v>167</v>
      </c>
    </row>
    <row r="44" spans="1:13">
      <c r="A44" s="20" t="s">
        <v>51</v>
      </c>
      <c r="B44" s="21">
        <v>42</v>
      </c>
      <c r="C44" s="22">
        <v>28</v>
      </c>
      <c r="D44" s="22">
        <v>14</v>
      </c>
      <c r="E44" s="21">
        <v>2</v>
      </c>
      <c r="F44" s="22">
        <v>1</v>
      </c>
      <c r="G44" s="23">
        <v>1</v>
      </c>
      <c r="H44" s="22">
        <v>361</v>
      </c>
      <c r="I44" s="22">
        <v>198</v>
      </c>
      <c r="J44" s="22">
        <v>163</v>
      </c>
      <c r="K44" s="21">
        <v>317</v>
      </c>
      <c r="L44" s="53">
        <v>169</v>
      </c>
      <c r="M44" s="54">
        <v>148</v>
      </c>
    </row>
    <row r="45" spans="1:13">
      <c r="A45" s="20" t="s">
        <v>52</v>
      </c>
      <c r="B45" s="21">
        <v>25</v>
      </c>
      <c r="C45" s="22">
        <v>10</v>
      </c>
      <c r="D45" s="22">
        <v>15</v>
      </c>
      <c r="E45" s="21">
        <v>0</v>
      </c>
      <c r="F45" s="22">
        <v>0</v>
      </c>
      <c r="G45" s="23">
        <v>0</v>
      </c>
      <c r="H45" s="22">
        <v>296</v>
      </c>
      <c r="I45" s="22">
        <v>148</v>
      </c>
      <c r="J45" s="22">
        <v>148</v>
      </c>
      <c r="K45" s="21">
        <v>271</v>
      </c>
      <c r="L45" s="53">
        <v>138</v>
      </c>
      <c r="M45" s="54">
        <v>133</v>
      </c>
    </row>
    <row r="46" spans="1:13">
      <c r="A46" s="20" t="s">
        <v>53</v>
      </c>
      <c r="B46" s="21">
        <v>-20</v>
      </c>
      <c r="C46" s="22">
        <v>-21</v>
      </c>
      <c r="D46" s="22">
        <v>1</v>
      </c>
      <c r="E46" s="21">
        <v>0</v>
      </c>
      <c r="F46" s="22">
        <v>0</v>
      </c>
      <c r="G46" s="23">
        <v>0</v>
      </c>
      <c r="H46" s="22">
        <v>290</v>
      </c>
      <c r="I46" s="22">
        <v>135</v>
      </c>
      <c r="J46" s="22">
        <v>155</v>
      </c>
      <c r="K46" s="21">
        <v>310</v>
      </c>
      <c r="L46" s="53">
        <v>156</v>
      </c>
      <c r="M46" s="54">
        <v>154</v>
      </c>
    </row>
    <row r="47" spans="1:13">
      <c r="A47" s="20" t="s">
        <v>54</v>
      </c>
      <c r="B47" s="21">
        <v>69</v>
      </c>
      <c r="C47" s="22">
        <v>56</v>
      </c>
      <c r="D47" s="22">
        <v>13</v>
      </c>
      <c r="E47" s="21">
        <v>0</v>
      </c>
      <c r="F47" s="22">
        <v>0</v>
      </c>
      <c r="G47" s="23">
        <v>0</v>
      </c>
      <c r="H47" s="22">
        <v>290</v>
      </c>
      <c r="I47" s="22">
        <v>176</v>
      </c>
      <c r="J47" s="22">
        <v>114</v>
      </c>
      <c r="K47" s="21">
        <v>221</v>
      </c>
      <c r="L47" s="53">
        <v>120</v>
      </c>
      <c r="M47" s="54">
        <v>101</v>
      </c>
    </row>
    <row r="48" spans="1:13" ht="20.100000000000001" customHeight="1">
      <c r="A48" s="16" t="s">
        <v>55</v>
      </c>
      <c r="B48" s="17">
        <v>90</v>
      </c>
      <c r="C48" s="18">
        <v>56</v>
      </c>
      <c r="D48" s="18">
        <v>34</v>
      </c>
      <c r="E48" s="17">
        <v>6</v>
      </c>
      <c r="F48" s="18">
        <v>4</v>
      </c>
      <c r="G48" s="19">
        <v>2</v>
      </c>
      <c r="H48" s="18">
        <v>1056</v>
      </c>
      <c r="I48" s="18">
        <v>586</v>
      </c>
      <c r="J48" s="18">
        <v>470</v>
      </c>
      <c r="K48" s="17">
        <v>960</v>
      </c>
      <c r="L48" s="51">
        <v>526</v>
      </c>
      <c r="M48" s="52">
        <v>434</v>
      </c>
    </row>
    <row r="49" spans="1:13">
      <c r="A49" s="20" t="s">
        <v>56</v>
      </c>
      <c r="B49" s="21">
        <v>26</v>
      </c>
      <c r="C49" s="22">
        <v>2</v>
      </c>
      <c r="D49" s="22">
        <v>24</v>
      </c>
      <c r="E49" s="21">
        <v>2</v>
      </c>
      <c r="F49" s="22">
        <v>2</v>
      </c>
      <c r="G49" s="23">
        <v>0</v>
      </c>
      <c r="H49" s="22">
        <v>264</v>
      </c>
      <c r="I49" s="22">
        <v>139</v>
      </c>
      <c r="J49" s="22">
        <v>125</v>
      </c>
      <c r="K49" s="21">
        <v>236</v>
      </c>
      <c r="L49" s="53">
        <v>135</v>
      </c>
      <c r="M49" s="54">
        <v>101</v>
      </c>
    </row>
    <row r="50" spans="1:13">
      <c r="A50" s="20" t="s">
        <v>57</v>
      </c>
      <c r="B50" s="21">
        <v>36</v>
      </c>
      <c r="C50" s="22">
        <v>17</v>
      </c>
      <c r="D50" s="22">
        <v>19</v>
      </c>
      <c r="E50" s="21">
        <v>1</v>
      </c>
      <c r="F50" s="22">
        <v>0</v>
      </c>
      <c r="G50" s="23">
        <v>1</v>
      </c>
      <c r="H50" s="22">
        <v>242</v>
      </c>
      <c r="I50" s="22">
        <v>133</v>
      </c>
      <c r="J50" s="22">
        <v>109</v>
      </c>
      <c r="K50" s="21">
        <v>205</v>
      </c>
      <c r="L50" s="53">
        <v>116</v>
      </c>
      <c r="M50" s="54">
        <v>89</v>
      </c>
    </row>
    <row r="51" spans="1:13">
      <c r="A51" s="20" t="s">
        <v>58</v>
      </c>
      <c r="B51" s="21">
        <v>13</v>
      </c>
      <c r="C51" s="22">
        <v>15</v>
      </c>
      <c r="D51" s="22">
        <v>-2</v>
      </c>
      <c r="E51" s="21">
        <v>3</v>
      </c>
      <c r="F51" s="22">
        <v>2</v>
      </c>
      <c r="G51" s="23">
        <v>1</v>
      </c>
      <c r="H51" s="22">
        <v>204</v>
      </c>
      <c r="I51" s="22">
        <v>112</v>
      </c>
      <c r="J51" s="22">
        <v>92</v>
      </c>
      <c r="K51" s="21">
        <v>188</v>
      </c>
      <c r="L51" s="53">
        <v>95</v>
      </c>
      <c r="M51" s="54">
        <v>93</v>
      </c>
    </row>
    <row r="52" spans="1:13">
      <c r="A52" s="20" t="s">
        <v>59</v>
      </c>
      <c r="B52" s="21">
        <v>10</v>
      </c>
      <c r="C52" s="22">
        <v>8</v>
      </c>
      <c r="D52" s="22">
        <v>2</v>
      </c>
      <c r="E52" s="21">
        <v>0</v>
      </c>
      <c r="F52" s="22">
        <v>0</v>
      </c>
      <c r="G52" s="23">
        <v>0</v>
      </c>
      <c r="H52" s="22">
        <v>179</v>
      </c>
      <c r="I52" s="22">
        <v>105</v>
      </c>
      <c r="J52" s="22">
        <v>74</v>
      </c>
      <c r="K52" s="21">
        <v>169</v>
      </c>
      <c r="L52" s="53">
        <v>97</v>
      </c>
      <c r="M52" s="54">
        <v>72</v>
      </c>
    </row>
    <row r="53" spans="1:13">
      <c r="A53" s="20" t="s">
        <v>60</v>
      </c>
      <c r="B53" s="21">
        <v>5</v>
      </c>
      <c r="C53" s="22">
        <v>14</v>
      </c>
      <c r="D53" s="22">
        <v>-9</v>
      </c>
      <c r="E53" s="21">
        <v>0</v>
      </c>
      <c r="F53" s="22">
        <v>0</v>
      </c>
      <c r="G53" s="23">
        <v>0</v>
      </c>
      <c r="H53" s="22">
        <v>167</v>
      </c>
      <c r="I53" s="22">
        <v>97</v>
      </c>
      <c r="J53" s="22">
        <v>70</v>
      </c>
      <c r="K53" s="21">
        <v>162</v>
      </c>
      <c r="L53" s="53">
        <v>83</v>
      </c>
      <c r="M53" s="54">
        <v>79</v>
      </c>
    </row>
    <row r="54" spans="1:13" ht="20.100000000000001" customHeight="1">
      <c r="A54" s="16" t="s">
        <v>61</v>
      </c>
      <c r="B54" s="17">
        <v>-4</v>
      </c>
      <c r="C54" s="18">
        <v>-18</v>
      </c>
      <c r="D54" s="18">
        <v>14</v>
      </c>
      <c r="E54" s="17">
        <v>6</v>
      </c>
      <c r="F54" s="18">
        <v>3</v>
      </c>
      <c r="G54" s="19">
        <v>3</v>
      </c>
      <c r="H54" s="18">
        <v>639</v>
      </c>
      <c r="I54" s="18">
        <v>353</v>
      </c>
      <c r="J54" s="18">
        <v>286</v>
      </c>
      <c r="K54" s="17">
        <v>637</v>
      </c>
      <c r="L54" s="51">
        <v>368</v>
      </c>
      <c r="M54" s="52">
        <v>269</v>
      </c>
    </row>
    <row r="55" spans="1:13">
      <c r="A55" s="20" t="s">
        <v>62</v>
      </c>
      <c r="B55" s="21">
        <v>13</v>
      </c>
      <c r="C55" s="22">
        <v>2</v>
      </c>
      <c r="D55" s="22">
        <v>11</v>
      </c>
      <c r="E55" s="21">
        <v>2</v>
      </c>
      <c r="F55" s="22">
        <v>0</v>
      </c>
      <c r="G55" s="23">
        <v>2</v>
      </c>
      <c r="H55" s="22">
        <v>142</v>
      </c>
      <c r="I55" s="22">
        <v>87</v>
      </c>
      <c r="J55" s="22">
        <v>55</v>
      </c>
      <c r="K55" s="21">
        <v>127</v>
      </c>
      <c r="L55" s="53">
        <v>85</v>
      </c>
      <c r="M55" s="54">
        <v>42</v>
      </c>
    </row>
    <row r="56" spans="1:13">
      <c r="A56" s="20" t="s">
        <v>63</v>
      </c>
      <c r="B56" s="21">
        <v>16</v>
      </c>
      <c r="C56" s="22">
        <v>-3</v>
      </c>
      <c r="D56" s="22">
        <v>19</v>
      </c>
      <c r="E56" s="21">
        <v>0</v>
      </c>
      <c r="F56" s="22">
        <v>0</v>
      </c>
      <c r="G56" s="23">
        <v>0</v>
      </c>
      <c r="H56" s="22">
        <v>149</v>
      </c>
      <c r="I56" s="22">
        <v>71</v>
      </c>
      <c r="J56" s="22">
        <v>78</v>
      </c>
      <c r="K56" s="21">
        <v>133</v>
      </c>
      <c r="L56" s="53">
        <v>74</v>
      </c>
      <c r="M56" s="54">
        <v>59</v>
      </c>
    </row>
    <row r="57" spans="1:13">
      <c r="A57" s="20" t="s">
        <v>64</v>
      </c>
      <c r="B57" s="21">
        <v>2</v>
      </c>
      <c r="C57" s="22">
        <v>-4</v>
      </c>
      <c r="D57" s="22">
        <v>6</v>
      </c>
      <c r="E57" s="21">
        <v>1</v>
      </c>
      <c r="F57" s="22">
        <v>1</v>
      </c>
      <c r="G57" s="23">
        <v>0</v>
      </c>
      <c r="H57" s="22">
        <v>129</v>
      </c>
      <c r="I57" s="22">
        <v>70</v>
      </c>
      <c r="J57" s="22">
        <v>59</v>
      </c>
      <c r="K57" s="21">
        <v>126</v>
      </c>
      <c r="L57" s="53">
        <v>73</v>
      </c>
      <c r="M57" s="54">
        <v>53</v>
      </c>
    </row>
    <row r="58" spans="1:13">
      <c r="A58" s="20" t="s">
        <v>65</v>
      </c>
      <c r="B58" s="21">
        <v>-13</v>
      </c>
      <c r="C58" s="22">
        <v>-7</v>
      </c>
      <c r="D58" s="22">
        <v>-6</v>
      </c>
      <c r="E58" s="21">
        <v>1</v>
      </c>
      <c r="F58" s="22">
        <v>1</v>
      </c>
      <c r="G58" s="23">
        <v>0</v>
      </c>
      <c r="H58" s="22">
        <v>92</v>
      </c>
      <c r="I58" s="22">
        <v>52</v>
      </c>
      <c r="J58" s="22">
        <v>40</v>
      </c>
      <c r="K58" s="21">
        <v>104</v>
      </c>
      <c r="L58" s="53">
        <v>58</v>
      </c>
      <c r="M58" s="54">
        <v>46</v>
      </c>
    </row>
    <row r="59" spans="1:13">
      <c r="A59" s="20" t="s">
        <v>66</v>
      </c>
      <c r="B59" s="21">
        <v>-22</v>
      </c>
      <c r="C59" s="22">
        <v>-6</v>
      </c>
      <c r="D59" s="22">
        <v>-16</v>
      </c>
      <c r="E59" s="21">
        <v>2</v>
      </c>
      <c r="F59" s="22">
        <v>1</v>
      </c>
      <c r="G59" s="23">
        <v>1</v>
      </c>
      <c r="H59" s="22">
        <v>127</v>
      </c>
      <c r="I59" s="22">
        <v>73</v>
      </c>
      <c r="J59" s="22">
        <v>54</v>
      </c>
      <c r="K59" s="21">
        <v>147</v>
      </c>
      <c r="L59" s="53">
        <v>78</v>
      </c>
      <c r="M59" s="54">
        <v>69</v>
      </c>
    </row>
    <row r="60" spans="1:13" ht="20.100000000000001" customHeight="1">
      <c r="A60" s="16" t="s">
        <v>67</v>
      </c>
      <c r="B60" s="17">
        <v>-4</v>
      </c>
      <c r="C60" s="18">
        <v>11</v>
      </c>
      <c r="D60" s="18">
        <v>-15</v>
      </c>
      <c r="E60" s="17">
        <v>17</v>
      </c>
      <c r="F60" s="18">
        <v>8</v>
      </c>
      <c r="G60" s="19">
        <v>9</v>
      </c>
      <c r="H60" s="18">
        <v>544</v>
      </c>
      <c r="I60" s="18">
        <v>307</v>
      </c>
      <c r="J60" s="18">
        <v>237</v>
      </c>
      <c r="K60" s="17">
        <v>531</v>
      </c>
      <c r="L60" s="51">
        <v>288</v>
      </c>
      <c r="M60" s="52">
        <v>243</v>
      </c>
    </row>
    <row r="61" spans="1:13">
      <c r="A61" s="20" t="s">
        <v>68</v>
      </c>
      <c r="B61" s="21">
        <v>12</v>
      </c>
      <c r="C61" s="22">
        <v>11</v>
      </c>
      <c r="D61" s="22">
        <v>1</v>
      </c>
      <c r="E61" s="21">
        <v>4</v>
      </c>
      <c r="F61" s="22">
        <v>2</v>
      </c>
      <c r="G61" s="23">
        <v>2</v>
      </c>
      <c r="H61" s="22">
        <v>123</v>
      </c>
      <c r="I61" s="22">
        <v>72</v>
      </c>
      <c r="J61" s="22">
        <v>51</v>
      </c>
      <c r="K61" s="21">
        <v>107</v>
      </c>
      <c r="L61" s="53">
        <v>59</v>
      </c>
      <c r="M61" s="54">
        <v>48</v>
      </c>
    </row>
    <row r="62" spans="1:13">
      <c r="A62" s="20" t="s">
        <v>69</v>
      </c>
      <c r="B62" s="21">
        <v>-4</v>
      </c>
      <c r="C62" s="22">
        <v>-5</v>
      </c>
      <c r="D62" s="22">
        <v>1</v>
      </c>
      <c r="E62" s="21">
        <v>2</v>
      </c>
      <c r="F62" s="22">
        <v>0</v>
      </c>
      <c r="G62" s="23">
        <v>2</v>
      </c>
      <c r="H62" s="22">
        <v>100</v>
      </c>
      <c r="I62" s="22">
        <v>52</v>
      </c>
      <c r="J62" s="22">
        <v>48</v>
      </c>
      <c r="K62" s="21">
        <v>102</v>
      </c>
      <c r="L62" s="53">
        <v>57</v>
      </c>
      <c r="M62" s="54">
        <v>45</v>
      </c>
    </row>
    <row r="63" spans="1:13">
      <c r="A63" s="20" t="s">
        <v>70</v>
      </c>
      <c r="B63" s="21">
        <v>13</v>
      </c>
      <c r="C63" s="22">
        <v>7</v>
      </c>
      <c r="D63" s="22">
        <v>6</v>
      </c>
      <c r="E63" s="21">
        <v>5</v>
      </c>
      <c r="F63" s="22">
        <v>1</v>
      </c>
      <c r="G63" s="23">
        <v>4</v>
      </c>
      <c r="H63" s="22">
        <v>117</v>
      </c>
      <c r="I63" s="22">
        <v>68</v>
      </c>
      <c r="J63" s="22">
        <v>49</v>
      </c>
      <c r="K63" s="21">
        <v>99</v>
      </c>
      <c r="L63" s="53">
        <v>60</v>
      </c>
      <c r="M63" s="54">
        <v>39</v>
      </c>
    </row>
    <row r="64" spans="1:13">
      <c r="A64" s="20" t="s">
        <v>71</v>
      </c>
      <c r="B64" s="21">
        <v>-5</v>
      </c>
      <c r="C64" s="22">
        <v>5</v>
      </c>
      <c r="D64" s="22">
        <v>-10</v>
      </c>
      <c r="E64" s="21">
        <v>4</v>
      </c>
      <c r="F64" s="22">
        <v>4</v>
      </c>
      <c r="G64" s="23">
        <v>0</v>
      </c>
      <c r="H64" s="22">
        <v>111</v>
      </c>
      <c r="I64" s="22">
        <v>66</v>
      </c>
      <c r="J64" s="22">
        <v>45</v>
      </c>
      <c r="K64" s="21">
        <v>112</v>
      </c>
      <c r="L64" s="53">
        <v>57</v>
      </c>
      <c r="M64" s="54">
        <v>55</v>
      </c>
    </row>
    <row r="65" spans="1:13">
      <c r="A65" s="24" t="s">
        <v>72</v>
      </c>
      <c r="B65" s="25">
        <v>-20</v>
      </c>
      <c r="C65" s="26">
        <v>-7</v>
      </c>
      <c r="D65" s="26">
        <v>-13</v>
      </c>
      <c r="E65" s="25">
        <v>2</v>
      </c>
      <c r="F65" s="26">
        <v>1</v>
      </c>
      <c r="G65" s="27">
        <v>1</v>
      </c>
      <c r="H65" s="26">
        <v>93</v>
      </c>
      <c r="I65" s="26">
        <v>49</v>
      </c>
      <c r="J65" s="26">
        <v>44</v>
      </c>
      <c r="K65" s="25">
        <v>111</v>
      </c>
      <c r="L65" s="55">
        <v>55</v>
      </c>
      <c r="M65" s="56">
        <v>56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371</v>
      </c>
      <c r="C69" s="58">
        <v>706</v>
      </c>
      <c r="D69" s="59">
        <v>665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371</v>
      </c>
      <c r="C70" s="61">
        <v>706</v>
      </c>
      <c r="D70" s="62">
        <v>665</v>
      </c>
    </row>
    <row r="71" spans="1:13">
      <c r="A71" s="24" t="s">
        <v>14</v>
      </c>
      <c r="B71" s="63">
        <v>1371</v>
      </c>
      <c r="C71" s="64">
        <v>706</v>
      </c>
      <c r="D71" s="65">
        <v>665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6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8</v>
      </c>
      <c r="C77" s="18">
        <v>-10</v>
      </c>
      <c r="D77" s="18">
        <v>18</v>
      </c>
      <c r="E77" s="17">
        <v>24</v>
      </c>
      <c r="F77" s="18">
        <v>12</v>
      </c>
      <c r="G77" s="19">
        <v>12</v>
      </c>
      <c r="H77" s="18">
        <v>411</v>
      </c>
      <c r="I77" s="18">
        <v>221</v>
      </c>
      <c r="J77" s="18">
        <v>190</v>
      </c>
      <c r="K77" s="17">
        <v>379</v>
      </c>
      <c r="L77" s="51">
        <v>219</v>
      </c>
      <c r="M77" s="52">
        <v>160</v>
      </c>
    </row>
    <row r="78" spans="1:13">
      <c r="A78" s="40" t="s">
        <v>81</v>
      </c>
      <c r="B78" s="21">
        <v>-3</v>
      </c>
      <c r="C78" s="22">
        <v>9</v>
      </c>
      <c r="D78" s="22">
        <v>-12</v>
      </c>
      <c r="E78" s="21">
        <v>3</v>
      </c>
      <c r="F78" s="22">
        <v>2</v>
      </c>
      <c r="G78" s="23">
        <v>1</v>
      </c>
      <c r="H78" s="22">
        <v>86</v>
      </c>
      <c r="I78" s="22">
        <v>58</v>
      </c>
      <c r="J78" s="22">
        <v>28</v>
      </c>
      <c r="K78" s="21">
        <v>86</v>
      </c>
      <c r="L78" s="53">
        <v>47</v>
      </c>
      <c r="M78" s="54">
        <v>39</v>
      </c>
    </row>
    <row r="79" spans="1:13">
      <c r="A79" s="40" t="s">
        <v>82</v>
      </c>
      <c r="B79" s="21">
        <v>34</v>
      </c>
      <c r="C79" s="22">
        <v>11</v>
      </c>
      <c r="D79" s="22">
        <v>23</v>
      </c>
      <c r="E79" s="21">
        <v>4</v>
      </c>
      <c r="F79" s="22">
        <v>2</v>
      </c>
      <c r="G79" s="23">
        <v>2</v>
      </c>
      <c r="H79" s="22">
        <v>99</v>
      </c>
      <c r="I79" s="22">
        <v>49</v>
      </c>
      <c r="J79" s="22">
        <v>50</v>
      </c>
      <c r="K79" s="21">
        <v>61</v>
      </c>
      <c r="L79" s="53">
        <v>36</v>
      </c>
      <c r="M79" s="54">
        <v>25</v>
      </c>
    </row>
    <row r="80" spans="1:13">
      <c r="A80" s="40" t="s">
        <v>83</v>
      </c>
      <c r="B80" s="21">
        <v>-24</v>
      </c>
      <c r="C80" s="22">
        <v>-25</v>
      </c>
      <c r="D80" s="22">
        <v>1</v>
      </c>
      <c r="E80" s="21">
        <v>7</v>
      </c>
      <c r="F80" s="22">
        <v>3</v>
      </c>
      <c r="G80" s="23">
        <v>4</v>
      </c>
      <c r="H80" s="22">
        <v>83</v>
      </c>
      <c r="I80" s="22">
        <v>41</v>
      </c>
      <c r="J80" s="22">
        <v>42</v>
      </c>
      <c r="K80" s="21">
        <v>100</v>
      </c>
      <c r="L80" s="53">
        <v>63</v>
      </c>
      <c r="M80" s="54">
        <v>37</v>
      </c>
    </row>
    <row r="81" spans="1:13">
      <c r="A81" s="40" t="s">
        <v>84</v>
      </c>
      <c r="B81" s="21">
        <v>5</v>
      </c>
      <c r="C81" s="22">
        <v>3</v>
      </c>
      <c r="D81" s="22">
        <v>2</v>
      </c>
      <c r="E81" s="21">
        <v>3</v>
      </c>
      <c r="F81" s="22">
        <v>1</v>
      </c>
      <c r="G81" s="23">
        <v>2</v>
      </c>
      <c r="H81" s="22">
        <v>59</v>
      </c>
      <c r="I81" s="22">
        <v>34</v>
      </c>
      <c r="J81" s="22">
        <v>25</v>
      </c>
      <c r="K81" s="21">
        <v>51</v>
      </c>
      <c r="L81" s="53">
        <v>30</v>
      </c>
      <c r="M81" s="54">
        <v>21</v>
      </c>
    </row>
    <row r="82" spans="1:13">
      <c r="A82" s="40" t="s">
        <v>85</v>
      </c>
      <c r="B82" s="21">
        <v>-4</v>
      </c>
      <c r="C82" s="22">
        <v>-8</v>
      </c>
      <c r="D82" s="22">
        <v>4</v>
      </c>
      <c r="E82" s="21">
        <v>7</v>
      </c>
      <c r="F82" s="22">
        <v>4</v>
      </c>
      <c r="G82" s="23">
        <v>3</v>
      </c>
      <c r="H82" s="22">
        <v>84</v>
      </c>
      <c r="I82" s="22">
        <v>39</v>
      </c>
      <c r="J82" s="22">
        <v>45</v>
      </c>
      <c r="K82" s="21">
        <v>81</v>
      </c>
      <c r="L82" s="53">
        <v>43</v>
      </c>
      <c r="M82" s="54">
        <v>38</v>
      </c>
    </row>
    <row r="83" spans="1:13" ht="19.5" customHeight="1">
      <c r="A83" s="34" t="s">
        <v>86</v>
      </c>
      <c r="B83" s="17">
        <v>-30</v>
      </c>
      <c r="C83" s="18">
        <v>-16</v>
      </c>
      <c r="D83" s="18">
        <v>-14</v>
      </c>
      <c r="E83" s="17">
        <v>36</v>
      </c>
      <c r="F83" s="18">
        <v>28</v>
      </c>
      <c r="G83" s="19">
        <v>8</v>
      </c>
      <c r="H83" s="18">
        <v>274</v>
      </c>
      <c r="I83" s="18">
        <v>148</v>
      </c>
      <c r="J83" s="18">
        <v>126</v>
      </c>
      <c r="K83" s="17">
        <v>268</v>
      </c>
      <c r="L83" s="51">
        <v>136</v>
      </c>
      <c r="M83" s="52">
        <v>132</v>
      </c>
    </row>
    <row r="84" spans="1:13">
      <c r="A84" s="40" t="s">
        <v>87</v>
      </c>
      <c r="B84" s="21">
        <v>3</v>
      </c>
      <c r="C84" s="22">
        <v>-3</v>
      </c>
      <c r="D84" s="22">
        <v>6</v>
      </c>
      <c r="E84" s="21">
        <v>4</v>
      </c>
      <c r="F84" s="22">
        <v>3</v>
      </c>
      <c r="G84" s="23">
        <v>1</v>
      </c>
      <c r="H84" s="22">
        <v>67</v>
      </c>
      <c r="I84" s="22">
        <v>30</v>
      </c>
      <c r="J84" s="22">
        <v>37</v>
      </c>
      <c r="K84" s="21">
        <v>60</v>
      </c>
      <c r="L84" s="53">
        <v>30</v>
      </c>
      <c r="M84" s="54">
        <v>30</v>
      </c>
    </row>
    <row r="85" spans="1:13">
      <c r="A85" s="40" t="s">
        <v>88</v>
      </c>
      <c r="B85" s="21">
        <v>-14</v>
      </c>
      <c r="C85" s="22">
        <v>-3</v>
      </c>
      <c r="D85" s="22">
        <v>-11</v>
      </c>
      <c r="E85" s="21">
        <v>10</v>
      </c>
      <c r="F85" s="22">
        <v>8</v>
      </c>
      <c r="G85" s="23">
        <v>2</v>
      </c>
      <c r="H85" s="22">
        <v>64</v>
      </c>
      <c r="I85" s="22">
        <v>42</v>
      </c>
      <c r="J85" s="22">
        <v>22</v>
      </c>
      <c r="K85" s="21">
        <v>68</v>
      </c>
      <c r="L85" s="53">
        <v>37</v>
      </c>
      <c r="M85" s="54">
        <v>31</v>
      </c>
    </row>
    <row r="86" spans="1:13">
      <c r="A86" s="40" t="s">
        <v>89</v>
      </c>
      <c r="B86" s="21">
        <v>-22</v>
      </c>
      <c r="C86" s="22">
        <v>-8</v>
      </c>
      <c r="D86" s="22">
        <v>-14</v>
      </c>
      <c r="E86" s="21">
        <v>11</v>
      </c>
      <c r="F86" s="22">
        <v>8</v>
      </c>
      <c r="G86" s="23">
        <v>3</v>
      </c>
      <c r="H86" s="22">
        <v>46</v>
      </c>
      <c r="I86" s="22">
        <v>26</v>
      </c>
      <c r="J86" s="22">
        <v>20</v>
      </c>
      <c r="K86" s="21">
        <v>57</v>
      </c>
      <c r="L86" s="53">
        <v>26</v>
      </c>
      <c r="M86" s="54">
        <v>31</v>
      </c>
    </row>
    <row r="87" spans="1:13">
      <c r="A87" s="40" t="s">
        <v>90</v>
      </c>
      <c r="B87" s="21">
        <v>-4</v>
      </c>
      <c r="C87" s="22">
        <v>-1</v>
      </c>
      <c r="D87" s="22">
        <v>-3</v>
      </c>
      <c r="E87" s="21">
        <v>7</v>
      </c>
      <c r="F87" s="22">
        <v>5</v>
      </c>
      <c r="G87" s="23">
        <v>2</v>
      </c>
      <c r="H87" s="22">
        <v>50</v>
      </c>
      <c r="I87" s="22">
        <v>28</v>
      </c>
      <c r="J87" s="22">
        <v>22</v>
      </c>
      <c r="K87" s="21">
        <v>47</v>
      </c>
      <c r="L87" s="53">
        <v>24</v>
      </c>
      <c r="M87" s="54">
        <v>23</v>
      </c>
    </row>
    <row r="88" spans="1:13">
      <c r="A88" s="40" t="s">
        <v>91</v>
      </c>
      <c r="B88" s="21">
        <v>7</v>
      </c>
      <c r="C88" s="22">
        <v>-1</v>
      </c>
      <c r="D88" s="22">
        <v>8</v>
      </c>
      <c r="E88" s="21">
        <v>4</v>
      </c>
      <c r="F88" s="22">
        <v>4</v>
      </c>
      <c r="G88" s="23">
        <v>0</v>
      </c>
      <c r="H88" s="22">
        <v>47</v>
      </c>
      <c r="I88" s="22">
        <v>22</v>
      </c>
      <c r="J88" s="22">
        <v>25</v>
      </c>
      <c r="K88" s="21">
        <v>36</v>
      </c>
      <c r="L88" s="53">
        <v>19</v>
      </c>
      <c r="M88" s="54">
        <v>17</v>
      </c>
    </row>
    <row r="89" spans="1:13" ht="19.5" customHeight="1">
      <c r="A89" s="34" t="s">
        <v>92</v>
      </c>
      <c r="B89" s="17">
        <v>-64</v>
      </c>
      <c r="C89" s="18">
        <v>-48</v>
      </c>
      <c r="D89" s="18">
        <v>-16</v>
      </c>
      <c r="E89" s="17">
        <v>54</v>
      </c>
      <c r="F89" s="18">
        <v>34</v>
      </c>
      <c r="G89" s="19">
        <v>20</v>
      </c>
      <c r="H89" s="18">
        <v>184</v>
      </c>
      <c r="I89" s="18">
        <v>100</v>
      </c>
      <c r="J89" s="18">
        <v>84</v>
      </c>
      <c r="K89" s="17">
        <v>194</v>
      </c>
      <c r="L89" s="51">
        <v>114</v>
      </c>
      <c r="M89" s="52">
        <v>80</v>
      </c>
    </row>
    <row r="90" spans="1:13">
      <c r="A90" s="40" t="s">
        <v>93</v>
      </c>
      <c r="B90" s="21">
        <v>-13</v>
      </c>
      <c r="C90" s="22">
        <v>-10</v>
      </c>
      <c r="D90" s="22">
        <v>-3</v>
      </c>
      <c r="E90" s="21">
        <v>12</v>
      </c>
      <c r="F90" s="22">
        <v>9</v>
      </c>
      <c r="G90" s="23">
        <v>3</v>
      </c>
      <c r="H90" s="22">
        <v>41</v>
      </c>
      <c r="I90" s="22">
        <v>28</v>
      </c>
      <c r="J90" s="22">
        <v>13</v>
      </c>
      <c r="K90" s="21">
        <v>42</v>
      </c>
      <c r="L90" s="53">
        <v>29</v>
      </c>
      <c r="M90" s="54">
        <v>13</v>
      </c>
    </row>
    <row r="91" spans="1:13">
      <c r="A91" s="40" t="s">
        <v>94</v>
      </c>
      <c r="B91" s="21">
        <v>-13</v>
      </c>
      <c r="C91" s="22">
        <v>-7</v>
      </c>
      <c r="D91" s="22">
        <v>-6</v>
      </c>
      <c r="E91" s="21">
        <v>11</v>
      </c>
      <c r="F91" s="22">
        <v>8</v>
      </c>
      <c r="G91" s="23">
        <v>3</v>
      </c>
      <c r="H91" s="22">
        <v>48</v>
      </c>
      <c r="I91" s="22">
        <v>29</v>
      </c>
      <c r="J91" s="22">
        <v>19</v>
      </c>
      <c r="K91" s="21">
        <v>50</v>
      </c>
      <c r="L91" s="53">
        <v>28</v>
      </c>
      <c r="M91" s="54">
        <v>22</v>
      </c>
    </row>
    <row r="92" spans="1:13">
      <c r="A92" s="40" t="s">
        <v>95</v>
      </c>
      <c r="B92" s="21">
        <v>-13</v>
      </c>
      <c r="C92" s="22">
        <v>-13</v>
      </c>
      <c r="D92" s="22">
        <v>0</v>
      </c>
      <c r="E92" s="21">
        <v>5</v>
      </c>
      <c r="F92" s="22">
        <v>3</v>
      </c>
      <c r="G92" s="23">
        <v>2</v>
      </c>
      <c r="H92" s="22">
        <v>36</v>
      </c>
      <c r="I92" s="22">
        <v>16</v>
      </c>
      <c r="J92" s="22">
        <v>20</v>
      </c>
      <c r="K92" s="21">
        <v>44</v>
      </c>
      <c r="L92" s="53">
        <v>26</v>
      </c>
      <c r="M92" s="54">
        <v>18</v>
      </c>
    </row>
    <row r="93" spans="1:13">
      <c r="A93" s="40" t="s">
        <v>96</v>
      </c>
      <c r="B93" s="21">
        <v>-22</v>
      </c>
      <c r="C93" s="22">
        <v>-11</v>
      </c>
      <c r="D93" s="22">
        <v>-11</v>
      </c>
      <c r="E93" s="21">
        <v>14</v>
      </c>
      <c r="F93" s="22">
        <v>5</v>
      </c>
      <c r="G93" s="23">
        <v>9</v>
      </c>
      <c r="H93" s="22">
        <v>29</v>
      </c>
      <c r="I93" s="22">
        <v>12</v>
      </c>
      <c r="J93" s="22">
        <v>17</v>
      </c>
      <c r="K93" s="21">
        <v>37</v>
      </c>
      <c r="L93" s="53">
        <v>18</v>
      </c>
      <c r="M93" s="54">
        <v>19</v>
      </c>
    </row>
    <row r="94" spans="1:13">
      <c r="A94" s="40" t="s">
        <v>97</v>
      </c>
      <c r="B94" s="21">
        <v>-3</v>
      </c>
      <c r="C94" s="22">
        <v>-7</v>
      </c>
      <c r="D94" s="22">
        <v>4</v>
      </c>
      <c r="E94" s="21">
        <v>12</v>
      </c>
      <c r="F94" s="22">
        <v>9</v>
      </c>
      <c r="G94" s="23">
        <v>3</v>
      </c>
      <c r="H94" s="22">
        <v>30</v>
      </c>
      <c r="I94" s="22">
        <v>15</v>
      </c>
      <c r="J94" s="22">
        <v>15</v>
      </c>
      <c r="K94" s="21">
        <v>21</v>
      </c>
      <c r="L94" s="53">
        <v>13</v>
      </c>
      <c r="M94" s="54">
        <v>8</v>
      </c>
    </row>
    <row r="95" spans="1:13" ht="19.5" customHeight="1">
      <c r="A95" s="34" t="s">
        <v>98</v>
      </c>
      <c r="B95" s="17">
        <v>-32</v>
      </c>
      <c r="C95" s="18">
        <v>-48</v>
      </c>
      <c r="D95" s="18">
        <v>16</v>
      </c>
      <c r="E95" s="17">
        <v>76</v>
      </c>
      <c r="F95" s="18">
        <v>56</v>
      </c>
      <c r="G95" s="19">
        <v>20</v>
      </c>
      <c r="H95" s="18">
        <v>204</v>
      </c>
      <c r="I95" s="18">
        <v>92</v>
      </c>
      <c r="J95" s="18">
        <v>112</v>
      </c>
      <c r="K95" s="17">
        <v>160</v>
      </c>
      <c r="L95" s="51">
        <v>84</v>
      </c>
      <c r="M95" s="52">
        <v>76</v>
      </c>
    </row>
    <row r="96" spans="1:13">
      <c r="A96" s="40" t="s">
        <v>99</v>
      </c>
      <c r="B96" s="21">
        <v>-1</v>
      </c>
      <c r="C96" s="22">
        <v>-3</v>
      </c>
      <c r="D96" s="22">
        <v>2</v>
      </c>
      <c r="E96" s="21">
        <v>15</v>
      </c>
      <c r="F96" s="22">
        <v>8</v>
      </c>
      <c r="G96" s="23">
        <v>7</v>
      </c>
      <c r="H96" s="22">
        <v>53</v>
      </c>
      <c r="I96" s="22">
        <v>26</v>
      </c>
      <c r="J96" s="22">
        <v>27</v>
      </c>
      <c r="K96" s="21">
        <v>39</v>
      </c>
      <c r="L96" s="53">
        <v>21</v>
      </c>
      <c r="M96" s="54">
        <v>18</v>
      </c>
    </row>
    <row r="97" spans="1:13">
      <c r="A97" s="40" t="s">
        <v>100</v>
      </c>
      <c r="B97" s="21">
        <v>8</v>
      </c>
      <c r="C97" s="22">
        <v>-5</v>
      </c>
      <c r="D97" s="22">
        <v>13</v>
      </c>
      <c r="E97" s="21">
        <v>8</v>
      </c>
      <c r="F97" s="22">
        <v>7</v>
      </c>
      <c r="G97" s="23">
        <v>1</v>
      </c>
      <c r="H97" s="22">
        <v>48</v>
      </c>
      <c r="I97" s="22">
        <v>19</v>
      </c>
      <c r="J97" s="22">
        <v>29</v>
      </c>
      <c r="K97" s="21">
        <v>32</v>
      </c>
      <c r="L97" s="53">
        <v>17</v>
      </c>
      <c r="M97" s="54">
        <v>15</v>
      </c>
    </row>
    <row r="98" spans="1:13">
      <c r="A98" s="40" t="s">
        <v>101</v>
      </c>
      <c r="B98" s="21">
        <v>-11</v>
      </c>
      <c r="C98" s="22">
        <v>-9</v>
      </c>
      <c r="D98" s="22">
        <v>-2</v>
      </c>
      <c r="E98" s="21">
        <v>15</v>
      </c>
      <c r="F98" s="22">
        <v>10</v>
      </c>
      <c r="G98" s="23">
        <v>5</v>
      </c>
      <c r="H98" s="22">
        <v>39</v>
      </c>
      <c r="I98" s="22">
        <v>21</v>
      </c>
      <c r="J98" s="22">
        <v>18</v>
      </c>
      <c r="K98" s="21">
        <v>35</v>
      </c>
      <c r="L98" s="53">
        <v>20</v>
      </c>
      <c r="M98" s="54">
        <v>15</v>
      </c>
    </row>
    <row r="99" spans="1:13">
      <c r="A99" s="40" t="s">
        <v>102</v>
      </c>
      <c r="B99" s="21">
        <v>-18</v>
      </c>
      <c r="C99" s="22">
        <v>-15</v>
      </c>
      <c r="D99" s="22">
        <v>-3</v>
      </c>
      <c r="E99" s="21">
        <v>18</v>
      </c>
      <c r="F99" s="22">
        <v>15</v>
      </c>
      <c r="G99" s="23">
        <v>3</v>
      </c>
      <c r="H99" s="22">
        <v>31</v>
      </c>
      <c r="I99" s="22">
        <v>13</v>
      </c>
      <c r="J99" s="22">
        <v>18</v>
      </c>
      <c r="K99" s="21">
        <v>31</v>
      </c>
      <c r="L99" s="53">
        <v>13</v>
      </c>
      <c r="M99" s="54">
        <v>18</v>
      </c>
    </row>
    <row r="100" spans="1:13">
      <c r="A100" s="40" t="s">
        <v>103</v>
      </c>
      <c r="B100" s="21">
        <v>-10</v>
      </c>
      <c r="C100" s="22">
        <v>-16</v>
      </c>
      <c r="D100" s="22">
        <v>6</v>
      </c>
      <c r="E100" s="21">
        <v>20</v>
      </c>
      <c r="F100" s="22">
        <v>16</v>
      </c>
      <c r="G100" s="23">
        <v>4</v>
      </c>
      <c r="H100" s="22">
        <v>33</v>
      </c>
      <c r="I100" s="22">
        <v>13</v>
      </c>
      <c r="J100" s="22">
        <v>20</v>
      </c>
      <c r="K100" s="21">
        <v>23</v>
      </c>
      <c r="L100" s="53">
        <v>13</v>
      </c>
      <c r="M100" s="54">
        <v>10</v>
      </c>
    </row>
    <row r="101" spans="1:13" ht="19.5" customHeight="1">
      <c r="A101" s="34" t="s">
        <v>104</v>
      </c>
      <c r="B101" s="17">
        <v>-96</v>
      </c>
      <c r="C101" s="18">
        <v>-66</v>
      </c>
      <c r="D101" s="18">
        <v>-30</v>
      </c>
      <c r="E101" s="17">
        <v>123</v>
      </c>
      <c r="F101" s="18">
        <v>77</v>
      </c>
      <c r="G101" s="19">
        <v>46</v>
      </c>
      <c r="H101" s="18">
        <v>163</v>
      </c>
      <c r="I101" s="18">
        <v>70</v>
      </c>
      <c r="J101" s="18">
        <v>93</v>
      </c>
      <c r="K101" s="17">
        <v>136</v>
      </c>
      <c r="L101" s="51">
        <v>59</v>
      </c>
      <c r="M101" s="52">
        <v>77</v>
      </c>
    </row>
    <row r="102" spans="1:13">
      <c r="A102" s="40" t="s">
        <v>105</v>
      </c>
      <c r="B102" s="21">
        <v>-16</v>
      </c>
      <c r="C102" s="22">
        <v>-15</v>
      </c>
      <c r="D102" s="22">
        <v>-1</v>
      </c>
      <c r="E102" s="21">
        <v>26</v>
      </c>
      <c r="F102" s="22">
        <v>16</v>
      </c>
      <c r="G102" s="23">
        <v>10</v>
      </c>
      <c r="H102" s="22">
        <v>49</v>
      </c>
      <c r="I102" s="22">
        <v>19</v>
      </c>
      <c r="J102" s="22">
        <v>30</v>
      </c>
      <c r="K102" s="21">
        <v>39</v>
      </c>
      <c r="L102" s="53">
        <v>18</v>
      </c>
      <c r="M102" s="54">
        <v>21</v>
      </c>
    </row>
    <row r="103" spans="1:13">
      <c r="A103" s="40" t="s">
        <v>106</v>
      </c>
      <c r="B103" s="21">
        <v>-14</v>
      </c>
      <c r="C103" s="22">
        <v>-10</v>
      </c>
      <c r="D103" s="22">
        <v>-4</v>
      </c>
      <c r="E103" s="21">
        <v>31</v>
      </c>
      <c r="F103" s="22">
        <v>24</v>
      </c>
      <c r="G103" s="23">
        <v>7</v>
      </c>
      <c r="H103" s="22">
        <v>36</v>
      </c>
      <c r="I103" s="22">
        <v>21</v>
      </c>
      <c r="J103" s="22">
        <v>15</v>
      </c>
      <c r="K103" s="21">
        <v>19</v>
      </c>
      <c r="L103" s="53">
        <v>7</v>
      </c>
      <c r="M103" s="54">
        <v>12</v>
      </c>
    </row>
    <row r="104" spans="1:13">
      <c r="A104" s="40" t="s">
        <v>107</v>
      </c>
      <c r="B104" s="21">
        <v>-30</v>
      </c>
      <c r="C104" s="22">
        <v>-24</v>
      </c>
      <c r="D104" s="22">
        <v>-6</v>
      </c>
      <c r="E104" s="21">
        <v>30</v>
      </c>
      <c r="F104" s="22">
        <v>17</v>
      </c>
      <c r="G104" s="23">
        <v>13</v>
      </c>
      <c r="H104" s="22">
        <v>39</v>
      </c>
      <c r="I104" s="22">
        <v>15</v>
      </c>
      <c r="J104" s="22">
        <v>24</v>
      </c>
      <c r="K104" s="21">
        <v>39</v>
      </c>
      <c r="L104" s="53">
        <v>22</v>
      </c>
      <c r="M104" s="54">
        <v>17</v>
      </c>
    </row>
    <row r="105" spans="1:13">
      <c r="A105" s="40" t="s">
        <v>108</v>
      </c>
      <c r="B105" s="21">
        <v>-12</v>
      </c>
      <c r="C105" s="22">
        <v>-1</v>
      </c>
      <c r="D105" s="22">
        <v>-11</v>
      </c>
      <c r="E105" s="21">
        <v>15</v>
      </c>
      <c r="F105" s="22">
        <v>7</v>
      </c>
      <c r="G105" s="23">
        <v>8</v>
      </c>
      <c r="H105" s="22">
        <v>18</v>
      </c>
      <c r="I105" s="22">
        <v>9</v>
      </c>
      <c r="J105" s="22">
        <v>9</v>
      </c>
      <c r="K105" s="21">
        <v>15</v>
      </c>
      <c r="L105" s="53">
        <v>3</v>
      </c>
      <c r="M105" s="54">
        <v>12</v>
      </c>
    </row>
    <row r="106" spans="1:13">
      <c r="A106" s="40" t="s">
        <v>109</v>
      </c>
      <c r="B106" s="21">
        <v>-24</v>
      </c>
      <c r="C106" s="22">
        <v>-16</v>
      </c>
      <c r="D106" s="22">
        <v>-8</v>
      </c>
      <c r="E106" s="21">
        <v>21</v>
      </c>
      <c r="F106" s="22">
        <v>13</v>
      </c>
      <c r="G106" s="23">
        <v>8</v>
      </c>
      <c r="H106" s="22">
        <v>21</v>
      </c>
      <c r="I106" s="22">
        <v>6</v>
      </c>
      <c r="J106" s="22">
        <v>15</v>
      </c>
      <c r="K106" s="21">
        <v>24</v>
      </c>
      <c r="L106" s="53">
        <v>9</v>
      </c>
      <c r="M106" s="54">
        <v>15</v>
      </c>
    </row>
    <row r="107" spans="1:13" ht="19.5" customHeight="1">
      <c r="A107" s="34" t="s">
        <v>110</v>
      </c>
      <c r="B107" s="17">
        <v>-143</v>
      </c>
      <c r="C107" s="18">
        <v>-111</v>
      </c>
      <c r="D107" s="18">
        <v>-32</v>
      </c>
      <c r="E107" s="17">
        <v>181</v>
      </c>
      <c r="F107" s="18">
        <v>117</v>
      </c>
      <c r="G107" s="19">
        <v>64</v>
      </c>
      <c r="H107" s="18">
        <v>150</v>
      </c>
      <c r="I107" s="18">
        <v>54</v>
      </c>
      <c r="J107" s="18">
        <v>96</v>
      </c>
      <c r="K107" s="17">
        <v>112</v>
      </c>
      <c r="L107" s="51">
        <v>48</v>
      </c>
      <c r="M107" s="52">
        <v>64</v>
      </c>
    </row>
    <row r="108" spans="1:13">
      <c r="A108" s="40" t="s">
        <v>111</v>
      </c>
      <c r="B108" s="21">
        <v>-26</v>
      </c>
      <c r="C108" s="22">
        <v>-23</v>
      </c>
      <c r="D108" s="22">
        <v>-3</v>
      </c>
      <c r="E108" s="21">
        <v>28</v>
      </c>
      <c r="F108" s="22">
        <v>22</v>
      </c>
      <c r="G108" s="23">
        <v>6</v>
      </c>
      <c r="H108" s="22">
        <v>32</v>
      </c>
      <c r="I108" s="22">
        <v>14</v>
      </c>
      <c r="J108" s="22">
        <v>18</v>
      </c>
      <c r="K108" s="21">
        <v>30</v>
      </c>
      <c r="L108" s="53">
        <v>15</v>
      </c>
      <c r="M108" s="54">
        <v>15</v>
      </c>
    </row>
    <row r="109" spans="1:13">
      <c r="A109" s="40" t="s">
        <v>112</v>
      </c>
      <c r="B109" s="21">
        <v>-22</v>
      </c>
      <c r="C109" s="22">
        <v>-19</v>
      </c>
      <c r="D109" s="22">
        <v>-3</v>
      </c>
      <c r="E109" s="21">
        <v>33</v>
      </c>
      <c r="F109" s="22">
        <v>25</v>
      </c>
      <c r="G109" s="23">
        <v>8</v>
      </c>
      <c r="H109" s="22">
        <v>31</v>
      </c>
      <c r="I109" s="22">
        <v>12</v>
      </c>
      <c r="J109" s="22">
        <v>19</v>
      </c>
      <c r="K109" s="21">
        <v>20</v>
      </c>
      <c r="L109" s="53">
        <v>6</v>
      </c>
      <c r="M109" s="54">
        <v>14</v>
      </c>
    </row>
    <row r="110" spans="1:13">
      <c r="A110" s="40" t="s">
        <v>113</v>
      </c>
      <c r="B110" s="21">
        <v>-20</v>
      </c>
      <c r="C110" s="22">
        <v>-22</v>
      </c>
      <c r="D110" s="22">
        <v>2</v>
      </c>
      <c r="E110" s="21">
        <v>28</v>
      </c>
      <c r="F110" s="22">
        <v>20</v>
      </c>
      <c r="G110" s="23">
        <v>8</v>
      </c>
      <c r="H110" s="22">
        <v>30</v>
      </c>
      <c r="I110" s="22">
        <v>9</v>
      </c>
      <c r="J110" s="22">
        <v>21</v>
      </c>
      <c r="K110" s="21">
        <v>22</v>
      </c>
      <c r="L110" s="53">
        <v>11</v>
      </c>
      <c r="M110" s="54">
        <v>11</v>
      </c>
    </row>
    <row r="111" spans="1:13">
      <c r="A111" s="40" t="s">
        <v>114</v>
      </c>
      <c r="B111" s="21">
        <v>-33</v>
      </c>
      <c r="C111" s="22">
        <v>-20</v>
      </c>
      <c r="D111" s="22">
        <v>-13</v>
      </c>
      <c r="E111" s="21">
        <v>41</v>
      </c>
      <c r="F111" s="22">
        <v>22</v>
      </c>
      <c r="G111" s="23">
        <v>19</v>
      </c>
      <c r="H111" s="22">
        <v>27</v>
      </c>
      <c r="I111" s="22">
        <v>10</v>
      </c>
      <c r="J111" s="22">
        <v>17</v>
      </c>
      <c r="K111" s="21">
        <v>19</v>
      </c>
      <c r="L111" s="53">
        <v>8</v>
      </c>
      <c r="M111" s="54">
        <v>11</v>
      </c>
    </row>
    <row r="112" spans="1:13">
      <c r="A112" s="40" t="s">
        <v>115</v>
      </c>
      <c r="B112" s="21">
        <v>-42</v>
      </c>
      <c r="C112" s="22">
        <v>-27</v>
      </c>
      <c r="D112" s="22">
        <v>-15</v>
      </c>
      <c r="E112" s="21">
        <v>51</v>
      </c>
      <c r="F112" s="22">
        <v>28</v>
      </c>
      <c r="G112" s="23">
        <v>23</v>
      </c>
      <c r="H112" s="22">
        <v>30</v>
      </c>
      <c r="I112" s="22">
        <v>9</v>
      </c>
      <c r="J112" s="22">
        <v>21</v>
      </c>
      <c r="K112" s="21">
        <v>21</v>
      </c>
      <c r="L112" s="53">
        <v>8</v>
      </c>
      <c r="M112" s="54">
        <v>13</v>
      </c>
    </row>
    <row r="113" spans="1:13" ht="19.5" customHeight="1">
      <c r="A113" s="34" t="s">
        <v>116</v>
      </c>
      <c r="B113" s="17">
        <v>-182</v>
      </c>
      <c r="C113" s="18">
        <v>-140</v>
      </c>
      <c r="D113" s="18">
        <v>-42</v>
      </c>
      <c r="E113" s="17">
        <v>260</v>
      </c>
      <c r="F113" s="18">
        <v>166</v>
      </c>
      <c r="G113" s="19">
        <v>94</v>
      </c>
      <c r="H113" s="18">
        <v>155</v>
      </c>
      <c r="I113" s="18">
        <v>59</v>
      </c>
      <c r="J113" s="18">
        <v>96</v>
      </c>
      <c r="K113" s="17">
        <v>77</v>
      </c>
      <c r="L113" s="51">
        <v>33</v>
      </c>
      <c r="M113" s="52">
        <v>44</v>
      </c>
    </row>
    <row r="114" spans="1:13">
      <c r="A114" s="40" t="s">
        <v>117</v>
      </c>
      <c r="B114" s="21">
        <v>-26</v>
      </c>
      <c r="C114" s="22">
        <v>-20</v>
      </c>
      <c r="D114" s="22">
        <v>-6</v>
      </c>
      <c r="E114" s="21">
        <v>53</v>
      </c>
      <c r="F114" s="22">
        <v>32</v>
      </c>
      <c r="G114" s="23">
        <v>21</v>
      </c>
      <c r="H114" s="22">
        <v>41</v>
      </c>
      <c r="I114" s="22">
        <v>17</v>
      </c>
      <c r="J114" s="22">
        <v>24</v>
      </c>
      <c r="K114" s="21">
        <v>14</v>
      </c>
      <c r="L114" s="53">
        <v>5</v>
      </c>
      <c r="M114" s="54">
        <v>9</v>
      </c>
    </row>
    <row r="115" spans="1:13">
      <c r="A115" s="40" t="s">
        <v>118</v>
      </c>
      <c r="B115" s="21">
        <v>-47</v>
      </c>
      <c r="C115" s="22">
        <v>-37</v>
      </c>
      <c r="D115" s="22">
        <v>-10</v>
      </c>
      <c r="E115" s="21">
        <v>57</v>
      </c>
      <c r="F115" s="22">
        <v>39</v>
      </c>
      <c r="G115" s="23">
        <v>18</v>
      </c>
      <c r="H115" s="22">
        <v>28</v>
      </c>
      <c r="I115" s="22">
        <v>11</v>
      </c>
      <c r="J115" s="22">
        <v>17</v>
      </c>
      <c r="K115" s="21">
        <v>18</v>
      </c>
      <c r="L115" s="53">
        <v>9</v>
      </c>
      <c r="M115" s="54">
        <v>9</v>
      </c>
    </row>
    <row r="116" spans="1:13">
      <c r="A116" s="40" t="s">
        <v>119</v>
      </c>
      <c r="B116" s="21">
        <v>-36</v>
      </c>
      <c r="C116" s="22">
        <v>-30</v>
      </c>
      <c r="D116" s="22">
        <v>-6</v>
      </c>
      <c r="E116" s="21">
        <v>44</v>
      </c>
      <c r="F116" s="22">
        <v>31</v>
      </c>
      <c r="G116" s="23">
        <v>13</v>
      </c>
      <c r="H116" s="22">
        <v>26</v>
      </c>
      <c r="I116" s="22">
        <v>10</v>
      </c>
      <c r="J116" s="22">
        <v>16</v>
      </c>
      <c r="K116" s="21">
        <v>18</v>
      </c>
      <c r="L116" s="53">
        <v>9</v>
      </c>
      <c r="M116" s="54">
        <v>9</v>
      </c>
    </row>
    <row r="117" spans="1:13">
      <c r="A117" s="40" t="s">
        <v>120</v>
      </c>
      <c r="B117" s="21">
        <v>-43</v>
      </c>
      <c r="C117" s="22">
        <v>-29</v>
      </c>
      <c r="D117" s="22">
        <v>-14</v>
      </c>
      <c r="E117" s="21">
        <v>54</v>
      </c>
      <c r="F117" s="22">
        <v>34</v>
      </c>
      <c r="G117" s="23">
        <v>20</v>
      </c>
      <c r="H117" s="22">
        <v>26</v>
      </c>
      <c r="I117" s="22">
        <v>12</v>
      </c>
      <c r="J117" s="22">
        <v>14</v>
      </c>
      <c r="K117" s="21">
        <v>15</v>
      </c>
      <c r="L117" s="53">
        <v>7</v>
      </c>
      <c r="M117" s="54">
        <v>8</v>
      </c>
    </row>
    <row r="118" spans="1:13">
      <c r="A118" s="40" t="s">
        <v>121</v>
      </c>
      <c r="B118" s="21">
        <v>-30</v>
      </c>
      <c r="C118" s="22">
        <v>-24</v>
      </c>
      <c r="D118" s="22">
        <v>-6</v>
      </c>
      <c r="E118" s="21">
        <v>52</v>
      </c>
      <c r="F118" s="22">
        <v>30</v>
      </c>
      <c r="G118" s="23">
        <v>22</v>
      </c>
      <c r="H118" s="22">
        <v>34</v>
      </c>
      <c r="I118" s="22">
        <v>9</v>
      </c>
      <c r="J118" s="22">
        <v>25</v>
      </c>
      <c r="K118" s="21">
        <v>12</v>
      </c>
      <c r="L118" s="53">
        <v>3</v>
      </c>
      <c r="M118" s="54">
        <v>9</v>
      </c>
    </row>
    <row r="119" spans="1:13" ht="19.5" customHeight="1">
      <c r="A119" s="34" t="s">
        <v>122</v>
      </c>
      <c r="B119" s="17">
        <v>-231</v>
      </c>
      <c r="C119" s="18">
        <v>-127</v>
      </c>
      <c r="D119" s="18">
        <v>-104</v>
      </c>
      <c r="E119" s="17">
        <v>297</v>
      </c>
      <c r="F119" s="18">
        <v>143</v>
      </c>
      <c r="G119" s="19">
        <v>154</v>
      </c>
      <c r="H119" s="18">
        <v>129</v>
      </c>
      <c r="I119" s="18">
        <v>35</v>
      </c>
      <c r="J119" s="18">
        <v>94</v>
      </c>
      <c r="K119" s="17">
        <v>63</v>
      </c>
      <c r="L119" s="51">
        <v>19</v>
      </c>
      <c r="M119" s="52">
        <v>44</v>
      </c>
    </row>
    <row r="120" spans="1:13">
      <c r="A120" s="40" t="s">
        <v>123</v>
      </c>
      <c r="B120" s="21">
        <v>-28</v>
      </c>
      <c r="C120" s="22">
        <v>-16</v>
      </c>
      <c r="D120" s="22">
        <v>-12</v>
      </c>
      <c r="E120" s="21">
        <v>51</v>
      </c>
      <c r="F120" s="22">
        <v>22</v>
      </c>
      <c r="G120" s="23">
        <v>29</v>
      </c>
      <c r="H120" s="22">
        <v>33</v>
      </c>
      <c r="I120" s="22">
        <v>8</v>
      </c>
      <c r="J120" s="22">
        <v>25</v>
      </c>
      <c r="K120" s="21">
        <v>10</v>
      </c>
      <c r="L120" s="53">
        <v>2</v>
      </c>
      <c r="M120" s="54">
        <v>8</v>
      </c>
    </row>
    <row r="121" spans="1:13">
      <c r="A121" s="40" t="s">
        <v>124</v>
      </c>
      <c r="B121" s="21">
        <v>-44</v>
      </c>
      <c r="C121" s="22">
        <v>-37</v>
      </c>
      <c r="D121" s="22">
        <v>-7</v>
      </c>
      <c r="E121" s="21">
        <v>61</v>
      </c>
      <c r="F121" s="22">
        <v>35</v>
      </c>
      <c r="G121" s="23">
        <v>26</v>
      </c>
      <c r="H121" s="22">
        <v>33</v>
      </c>
      <c r="I121" s="22">
        <v>3</v>
      </c>
      <c r="J121" s="22">
        <v>30</v>
      </c>
      <c r="K121" s="21">
        <v>16</v>
      </c>
      <c r="L121" s="53">
        <v>5</v>
      </c>
      <c r="M121" s="54">
        <v>11</v>
      </c>
    </row>
    <row r="122" spans="1:13">
      <c r="A122" s="40" t="s">
        <v>125</v>
      </c>
      <c r="B122" s="21">
        <v>-60</v>
      </c>
      <c r="C122" s="22">
        <v>-29</v>
      </c>
      <c r="D122" s="22">
        <v>-31</v>
      </c>
      <c r="E122" s="21">
        <v>66</v>
      </c>
      <c r="F122" s="22">
        <v>33</v>
      </c>
      <c r="G122" s="23">
        <v>33</v>
      </c>
      <c r="H122" s="22">
        <v>22</v>
      </c>
      <c r="I122" s="22">
        <v>9</v>
      </c>
      <c r="J122" s="22">
        <v>13</v>
      </c>
      <c r="K122" s="21">
        <v>16</v>
      </c>
      <c r="L122" s="53">
        <v>5</v>
      </c>
      <c r="M122" s="54">
        <v>11</v>
      </c>
    </row>
    <row r="123" spans="1:13">
      <c r="A123" s="40" t="s">
        <v>126</v>
      </c>
      <c r="B123" s="21">
        <v>-49</v>
      </c>
      <c r="C123" s="22">
        <v>-23</v>
      </c>
      <c r="D123" s="22">
        <v>-26</v>
      </c>
      <c r="E123" s="21">
        <v>62</v>
      </c>
      <c r="F123" s="22">
        <v>28</v>
      </c>
      <c r="G123" s="23">
        <v>34</v>
      </c>
      <c r="H123" s="22">
        <v>24</v>
      </c>
      <c r="I123" s="22">
        <v>9</v>
      </c>
      <c r="J123" s="22">
        <v>15</v>
      </c>
      <c r="K123" s="21">
        <v>11</v>
      </c>
      <c r="L123" s="53">
        <v>4</v>
      </c>
      <c r="M123" s="54">
        <v>7</v>
      </c>
    </row>
    <row r="124" spans="1:13">
      <c r="A124" s="40" t="s">
        <v>127</v>
      </c>
      <c r="B124" s="21">
        <v>-50</v>
      </c>
      <c r="C124" s="22">
        <v>-22</v>
      </c>
      <c r="D124" s="22">
        <v>-28</v>
      </c>
      <c r="E124" s="21">
        <v>57</v>
      </c>
      <c r="F124" s="22">
        <v>25</v>
      </c>
      <c r="G124" s="23">
        <v>32</v>
      </c>
      <c r="H124" s="22">
        <v>17</v>
      </c>
      <c r="I124" s="22">
        <v>6</v>
      </c>
      <c r="J124" s="22">
        <v>11</v>
      </c>
      <c r="K124" s="21">
        <v>10</v>
      </c>
      <c r="L124" s="53">
        <v>3</v>
      </c>
      <c r="M124" s="54">
        <v>7</v>
      </c>
    </row>
    <row r="125" spans="1:13" ht="19.5" customHeight="1">
      <c r="A125" s="34" t="s">
        <v>128</v>
      </c>
      <c r="B125" s="17">
        <v>-225</v>
      </c>
      <c r="C125" s="18">
        <v>-90</v>
      </c>
      <c r="D125" s="18">
        <v>-135</v>
      </c>
      <c r="E125" s="17">
        <v>261</v>
      </c>
      <c r="F125" s="18">
        <v>98</v>
      </c>
      <c r="G125" s="19">
        <v>163</v>
      </c>
      <c r="H125" s="18">
        <v>73</v>
      </c>
      <c r="I125" s="18">
        <v>22</v>
      </c>
      <c r="J125" s="18">
        <v>51</v>
      </c>
      <c r="K125" s="17">
        <v>37</v>
      </c>
      <c r="L125" s="51">
        <v>14</v>
      </c>
      <c r="M125" s="52">
        <v>23</v>
      </c>
    </row>
    <row r="126" spans="1:13">
      <c r="A126" s="40" t="s">
        <v>129</v>
      </c>
      <c r="B126" s="21">
        <v>-51</v>
      </c>
      <c r="C126" s="22">
        <v>-23</v>
      </c>
      <c r="D126" s="22">
        <v>-28</v>
      </c>
      <c r="E126" s="21">
        <v>59</v>
      </c>
      <c r="F126" s="22">
        <v>25</v>
      </c>
      <c r="G126" s="23">
        <v>34</v>
      </c>
      <c r="H126" s="22">
        <v>19</v>
      </c>
      <c r="I126" s="22">
        <v>6</v>
      </c>
      <c r="J126" s="22">
        <v>13</v>
      </c>
      <c r="K126" s="21">
        <v>11</v>
      </c>
      <c r="L126" s="53">
        <v>4</v>
      </c>
      <c r="M126" s="54">
        <v>7</v>
      </c>
    </row>
    <row r="127" spans="1:13">
      <c r="A127" s="40" t="s">
        <v>130</v>
      </c>
      <c r="B127" s="21">
        <v>-55</v>
      </c>
      <c r="C127" s="22">
        <v>-27</v>
      </c>
      <c r="D127" s="22">
        <v>-28</v>
      </c>
      <c r="E127" s="21">
        <v>70</v>
      </c>
      <c r="F127" s="22">
        <v>30</v>
      </c>
      <c r="G127" s="23">
        <v>40</v>
      </c>
      <c r="H127" s="22">
        <v>19</v>
      </c>
      <c r="I127" s="22">
        <v>5</v>
      </c>
      <c r="J127" s="22">
        <v>14</v>
      </c>
      <c r="K127" s="21">
        <v>4</v>
      </c>
      <c r="L127" s="53">
        <v>2</v>
      </c>
      <c r="M127" s="54">
        <v>2</v>
      </c>
    </row>
    <row r="128" spans="1:13">
      <c r="A128" s="40" t="s">
        <v>131</v>
      </c>
      <c r="B128" s="21">
        <v>-55</v>
      </c>
      <c r="C128" s="22">
        <v>-18</v>
      </c>
      <c r="D128" s="22">
        <v>-37</v>
      </c>
      <c r="E128" s="21">
        <v>53</v>
      </c>
      <c r="F128" s="22">
        <v>16</v>
      </c>
      <c r="G128" s="23">
        <v>37</v>
      </c>
      <c r="H128" s="22">
        <v>9</v>
      </c>
      <c r="I128" s="22">
        <v>2</v>
      </c>
      <c r="J128" s="22">
        <v>7</v>
      </c>
      <c r="K128" s="21">
        <v>11</v>
      </c>
      <c r="L128" s="53">
        <v>4</v>
      </c>
      <c r="M128" s="54">
        <v>7</v>
      </c>
    </row>
    <row r="129" spans="1:13">
      <c r="A129" s="40" t="s">
        <v>132</v>
      </c>
      <c r="B129" s="21">
        <v>-33</v>
      </c>
      <c r="C129" s="22">
        <v>-18</v>
      </c>
      <c r="D129" s="22">
        <v>-15</v>
      </c>
      <c r="E129" s="21">
        <v>40</v>
      </c>
      <c r="F129" s="22">
        <v>20</v>
      </c>
      <c r="G129" s="23">
        <v>20</v>
      </c>
      <c r="H129" s="22">
        <v>15</v>
      </c>
      <c r="I129" s="22">
        <v>5</v>
      </c>
      <c r="J129" s="22">
        <v>10</v>
      </c>
      <c r="K129" s="21">
        <v>8</v>
      </c>
      <c r="L129" s="53">
        <v>3</v>
      </c>
      <c r="M129" s="54">
        <v>5</v>
      </c>
    </row>
    <row r="130" spans="1:13">
      <c r="A130" s="40" t="s">
        <v>133</v>
      </c>
      <c r="B130" s="21">
        <v>-31</v>
      </c>
      <c r="C130" s="22">
        <v>-4</v>
      </c>
      <c r="D130" s="22">
        <v>-27</v>
      </c>
      <c r="E130" s="21">
        <v>39</v>
      </c>
      <c r="F130" s="22">
        <v>7</v>
      </c>
      <c r="G130" s="23">
        <v>32</v>
      </c>
      <c r="H130" s="22">
        <v>11</v>
      </c>
      <c r="I130" s="22">
        <v>4</v>
      </c>
      <c r="J130" s="22">
        <v>7</v>
      </c>
      <c r="K130" s="21">
        <v>3</v>
      </c>
      <c r="L130" s="53">
        <v>1</v>
      </c>
      <c r="M130" s="54">
        <v>2</v>
      </c>
    </row>
    <row r="131" spans="1:13" ht="19.5" customHeight="1">
      <c r="A131" s="34" t="s">
        <v>134</v>
      </c>
      <c r="B131" s="17">
        <v>-139</v>
      </c>
      <c r="C131" s="18">
        <v>-33</v>
      </c>
      <c r="D131" s="18">
        <v>-106</v>
      </c>
      <c r="E131" s="17">
        <v>144</v>
      </c>
      <c r="F131" s="18">
        <v>36</v>
      </c>
      <c r="G131" s="19">
        <v>108</v>
      </c>
      <c r="H131" s="18">
        <v>15</v>
      </c>
      <c r="I131" s="18">
        <v>4</v>
      </c>
      <c r="J131" s="18">
        <v>11</v>
      </c>
      <c r="K131" s="17">
        <v>10</v>
      </c>
      <c r="L131" s="51">
        <v>1</v>
      </c>
      <c r="M131" s="52">
        <v>9</v>
      </c>
    </row>
    <row r="132" spans="1:13">
      <c r="A132" s="40" t="s">
        <v>135</v>
      </c>
      <c r="B132" s="21">
        <v>-38</v>
      </c>
      <c r="C132" s="22">
        <v>-12</v>
      </c>
      <c r="D132" s="22">
        <v>-26</v>
      </c>
      <c r="E132" s="21">
        <v>42</v>
      </c>
      <c r="F132" s="22">
        <v>13</v>
      </c>
      <c r="G132" s="23">
        <v>29</v>
      </c>
      <c r="H132" s="22">
        <v>8</v>
      </c>
      <c r="I132" s="22">
        <v>1</v>
      </c>
      <c r="J132" s="22">
        <v>7</v>
      </c>
      <c r="K132" s="21">
        <v>4</v>
      </c>
      <c r="L132" s="53">
        <v>0</v>
      </c>
      <c r="M132" s="54">
        <v>4</v>
      </c>
    </row>
    <row r="133" spans="1:13">
      <c r="A133" s="40" t="s">
        <v>136</v>
      </c>
      <c r="B133" s="21">
        <v>-32</v>
      </c>
      <c r="C133" s="22">
        <v>-10</v>
      </c>
      <c r="D133" s="22">
        <v>-22</v>
      </c>
      <c r="E133" s="21">
        <v>30</v>
      </c>
      <c r="F133" s="22">
        <v>10</v>
      </c>
      <c r="G133" s="23">
        <v>20</v>
      </c>
      <c r="H133" s="22">
        <v>2</v>
      </c>
      <c r="I133" s="22">
        <v>1</v>
      </c>
      <c r="J133" s="22">
        <v>1</v>
      </c>
      <c r="K133" s="21">
        <v>4</v>
      </c>
      <c r="L133" s="53">
        <v>1</v>
      </c>
      <c r="M133" s="54">
        <v>3</v>
      </c>
    </row>
    <row r="134" spans="1:13">
      <c r="A134" s="40" t="s">
        <v>137</v>
      </c>
      <c r="B134" s="21">
        <v>-18</v>
      </c>
      <c r="C134" s="22">
        <v>-4</v>
      </c>
      <c r="D134" s="22">
        <v>-14</v>
      </c>
      <c r="E134" s="21">
        <v>18</v>
      </c>
      <c r="F134" s="22">
        <v>4</v>
      </c>
      <c r="G134" s="23">
        <v>14</v>
      </c>
      <c r="H134" s="22">
        <v>1</v>
      </c>
      <c r="I134" s="22">
        <v>0</v>
      </c>
      <c r="J134" s="22">
        <v>1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29</v>
      </c>
      <c r="C135" s="22">
        <v>-3</v>
      </c>
      <c r="D135" s="22">
        <v>-26</v>
      </c>
      <c r="E135" s="21">
        <v>31</v>
      </c>
      <c r="F135" s="22">
        <v>4</v>
      </c>
      <c r="G135" s="23">
        <v>27</v>
      </c>
      <c r="H135" s="22">
        <v>2</v>
      </c>
      <c r="I135" s="22">
        <v>1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2</v>
      </c>
      <c r="C136" s="22">
        <v>-4</v>
      </c>
      <c r="D136" s="22">
        <v>-18</v>
      </c>
      <c r="E136" s="21">
        <v>23</v>
      </c>
      <c r="F136" s="22">
        <v>5</v>
      </c>
      <c r="G136" s="23">
        <v>18</v>
      </c>
      <c r="H136" s="22">
        <v>2</v>
      </c>
      <c r="I136" s="22">
        <v>1</v>
      </c>
      <c r="J136" s="22">
        <v>1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31</v>
      </c>
      <c r="C137" s="43">
        <v>-4</v>
      </c>
      <c r="D137" s="43">
        <v>-27</v>
      </c>
      <c r="E137" s="42">
        <v>31</v>
      </c>
      <c r="F137" s="43">
        <v>4</v>
      </c>
      <c r="G137" s="44">
        <v>27</v>
      </c>
      <c r="H137" s="43">
        <v>2</v>
      </c>
      <c r="I137" s="43">
        <v>0</v>
      </c>
      <c r="J137" s="43">
        <v>2</v>
      </c>
      <c r="K137" s="42">
        <v>2</v>
      </c>
      <c r="L137" s="67">
        <v>0</v>
      </c>
      <c r="M137" s="68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5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643</v>
      </c>
      <c r="C5" s="14">
        <v>-323</v>
      </c>
      <c r="D5" s="14">
        <v>-320</v>
      </c>
      <c r="E5" s="13">
        <v>1324</v>
      </c>
      <c r="F5" s="14">
        <v>693</v>
      </c>
      <c r="G5" s="15">
        <v>631</v>
      </c>
      <c r="H5" s="14">
        <v>5292</v>
      </c>
      <c r="I5" s="14">
        <v>2772</v>
      </c>
      <c r="J5" s="14">
        <v>2520</v>
      </c>
      <c r="K5" s="13">
        <v>5380</v>
      </c>
      <c r="L5" s="49">
        <v>2798</v>
      </c>
      <c r="M5" s="50">
        <v>2582</v>
      </c>
    </row>
    <row r="6" spans="1:13" ht="19.5" customHeight="1">
      <c r="A6" s="16" t="s">
        <v>13</v>
      </c>
      <c r="B6" s="17">
        <v>756</v>
      </c>
      <c r="C6" s="18">
        <v>356</v>
      </c>
      <c r="D6" s="18">
        <v>400</v>
      </c>
      <c r="E6" s="17">
        <v>3</v>
      </c>
      <c r="F6" s="18">
        <v>2</v>
      </c>
      <c r="G6" s="19">
        <v>1</v>
      </c>
      <c r="H6" s="18">
        <v>305</v>
      </c>
      <c r="I6" s="18">
        <v>135</v>
      </c>
      <c r="J6" s="18">
        <v>170</v>
      </c>
      <c r="K6" s="17">
        <v>315</v>
      </c>
      <c r="L6" s="51">
        <v>173</v>
      </c>
      <c r="M6" s="52">
        <v>142</v>
      </c>
    </row>
    <row r="7" spans="1:13">
      <c r="A7" s="20" t="s">
        <v>14</v>
      </c>
      <c r="B7" s="21">
        <v>765</v>
      </c>
      <c r="C7" s="22">
        <v>388</v>
      </c>
      <c r="D7" s="22">
        <v>377</v>
      </c>
      <c r="E7" s="21">
        <v>1</v>
      </c>
      <c r="F7" s="22">
        <v>1</v>
      </c>
      <c r="G7" s="23">
        <v>0</v>
      </c>
      <c r="H7" s="22">
        <v>47</v>
      </c>
      <c r="I7" s="22">
        <v>21</v>
      </c>
      <c r="J7" s="22">
        <v>26</v>
      </c>
      <c r="K7" s="21">
        <v>50</v>
      </c>
      <c r="L7" s="53">
        <v>28</v>
      </c>
      <c r="M7" s="54">
        <v>22</v>
      </c>
    </row>
    <row r="8" spans="1:13">
      <c r="A8" s="20" t="s">
        <v>15</v>
      </c>
      <c r="B8" s="21">
        <v>10</v>
      </c>
      <c r="C8" s="22">
        <v>-4</v>
      </c>
      <c r="D8" s="22">
        <v>14</v>
      </c>
      <c r="E8" s="21">
        <v>1</v>
      </c>
      <c r="F8" s="22">
        <v>1</v>
      </c>
      <c r="G8" s="23">
        <v>0</v>
      </c>
      <c r="H8" s="22">
        <v>95</v>
      </c>
      <c r="I8" s="22">
        <v>44</v>
      </c>
      <c r="J8" s="22">
        <v>51</v>
      </c>
      <c r="K8" s="21">
        <v>84</v>
      </c>
      <c r="L8" s="53">
        <v>47</v>
      </c>
      <c r="M8" s="54">
        <v>37</v>
      </c>
    </row>
    <row r="9" spans="1:13">
      <c r="A9" s="20" t="s">
        <v>16</v>
      </c>
      <c r="B9" s="21">
        <v>8</v>
      </c>
      <c r="C9" s="22">
        <v>5</v>
      </c>
      <c r="D9" s="22">
        <v>3</v>
      </c>
      <c r="E9" s="21">
        <v>1</v>
      </c>
      <c r="F9" s="22">
        <v>0</v>
      </c>
      <c r="G9" s="23">
        <v>1</v>
      </c>
      <c r="H9" s="22">
        <v>72</v>
      </c>
      <c r="I9" s="22">
        <v>34</v>
      </c>
      <c r="J9" s="22">
        <v>38</v>
      </c>
      <c r="K9" s="21">
        <v>63</v>
      </c>
      <c r="L9" s="53">
        <v>29</v>
      </c>
      <c r="M9" s="54">
        <v>34</v>
      </c>
    </row>
    <row r="10" spans="1:13">
      <c r="A10" s="20" t="s">
        <v>17</v>
      </c>
      <c r="B10" s="21">
        <v>-24</v>
      </c>
      <c r="C10" s="22">
        <v>-21</v>
      </c>
      <c r="D10" s="22">
        <v>-3</v>
      </c>
      <c r="E10" s="21">
        <v>0</v>
      </c>
      <c r="F10" s="22">
        <v>0</v>
      </c>
      <c r="G10" s="23">
        <v>0</v>
      </c>
      <c r="H10" s="22">
        <v>51</v>
      </c>
      <c r="I10" s="22">
        <v>19</v>
      </c>
      <c r="J10" s="22">
        <v>32</v>
      </c>
      <c r="K10" s="21">
        <v>75</v>
      </c>
      <c r="L10" s="53">
        <v>40</v>
      </c>
      <c r="M10" s="54">
        <v>35</v>
      </c>
    </row>
    <row r="11" spans="1:13">
      <c r="A11" s="20" t="s">
        <v>18</v>
      </c>
      <c r="B11" s="21">
        <v>-3</v>
      </c>
      <c r="C11" s="22">
        <v>-12</v>
      </c>
      <c r="D11" s="22">
        <v>9</v>
      </c>
      <c r="E11" s="21">
        <v>0</v>
      </c>
      <c r="F11" s="22">
        <v>0</v>
      </c>
      <c r="G11" s="23">
        <v>0</v>
      </c>
      <c r="H11" s="22">
        <v>40</v>
      </c>
      <c r="I11" s="22">
        <v>17</v>
      </c>
      <c r="J11" s="22">
        <v>23</v>
      </c>
      <c r="K11" s="21">
        <v>43</v>
      </c>
      <c r="L11" s="53">
        <v>29</v>
      </c>
      <c r="M11" s="54">
        <v>14</v>
      </c>
    </row>
    <row r="12" spans="1:13" ht="20.100000000000001" customHeight="1">
      <c r="A12" s="16" t="s">
        <v>19</v>
      </c>
      <c r="B12" s="17">
        <v>-38</v>
      </c>
      <c r="C12" s="18">
        <v>-20</v>
      </c>
      <c r="D12" s="18">
        <v>-18</v>
      </c>
      <c r="E12" s="17">
        <v>1</v>
      </c>
      <c r="F12" s="18">
        <v>0</v>
      </c>
      <c r="G12" s="19">
        <v>1</v>
      </c>
      <c r="H12" s="18">
        <v>136</v>
      </c>
      <c r="I12" s="18">
        <v>68</v>
      </c>
      <c r="J12" s="18">
        <v>68</v>
      </c>
      <c r="K12" s="17">
        <v>173</v>
      </c>
      <c r="L12" s="51">
        <v>88</v>
      </c>
      <c r="M12" s="52">
        <v>85</v>
      </c>
    </row>
    <row r="13" spans="1:13">
      <c r="A13" s="20" t="s">
        <v>20</v>
      </c>
      <c r="B13" s="21">
        <v>5</v>
      </c>
      <c r="C13" s="22">
        <v>3</v>
      </c>
      <c r="D13" s="22">
        <v>2</v>
      </c>
      <c r="E13" s="21">
        <v>0</v>
      </c>
      <c r="F13" s="22">
        <v>0</v>
      </c>
      <c r="G13" s="23">
        <v>0</v>
      </c>
      <c r="H13" s="22">
        <v>35</v>
      </c>
      <c r="I13" s="22">
        <v>16</v>
      </c>
      <c r="J13" s="22">
        <v>19</v>
      </c>
      <c r="K13" s="21">
        <v>30</v>
      </c>
      <c r="L13" s="53">
        <v>13</v>
      </c>
      <c r="M13" s="54">
        <v>17</v>
      </c>
    </row>
    <row r="14" spans="1:13">
      <c r="A14" s="20" t="s">
        <v>21</v>
      </c>
      <c r="B14" s="21">
        <v>-17</v>
      </c>
      <c r="C14" s="22">
        <v>-8</v>
      </c>
      <c r="D14" s="22">
        <v>-9</v>
      </c>
      <c r="E14" s="21">
        <v>1</v>
      </c>
      <c r="F14" s="22">
        <v>0</v>
      </c>
      <c r="G14" s="23">
        <v>1</v>
      </c>
      <c r="H14" s="22">
        <v>26</v>
      </c>
      <c r="I14" s="22">
        <v>15</v>
      </c>
      <c r="J14" s="22">
        <v>11</v>
      </c>
      <c r="K14" s="21">
        <v>42</v>
      </c>
      <c r="L14" s="53">
        <v>23</v>
      </c>
      <c r="M14" s="54">
        <v>19</v>
      </c>
    </row>
    <row r="15" spans="1:13">
      <c r="A15" s="20" t="s">
        <v>22</v>
      </c>
      <c r="B15" s="21">
        <v>-9</v>
      </c>
      <c r="C15" s="22">
        <v>-12</v>
      </c>
      <c r="D15" s="22">
        <v>3</v>
      </c>
      <c r="E15" s="21">
        <v>0</v>
      </c>
      <c r="F15" s="22">
        <v>0</v>
      </c>
      <c r="G15" s="23">
        <v>0</v>
      </c>
      <c r="H15" s="22">
        <v>36</v>
      </c>
      <c r="I15" s="22">
        <v>15</v>
      </c>
      <c r="J15" s="22">
        <v>21</v>
      </c>
      <c r="K15" s="21">
        <v>45</v>
      </c>
      <c r="L15" s="53">
        <v>27</v>
      </c>
      <c r="M15" s="54">
        <v>18</v>
      </c>
    </row>
    <row r="16" spans="1:13">
      <c r="A16" s="20" t="s">
        <v>23</v>
      </c>
      <c r="B16" s="21">
        <v>-12</v>
      </c>
      <c r="C16" s="22">
        <v>-5</v>
      </c>
      <c r="D16" s="22">
        <v>-7</v>
      </c>
      <c r="E16" s="21">
        <v>0</v>
      </c>
      <c r="F16" s="22">
        <v>0</v>
      </c>
      <c r="G16" s="23">
        <v>0</v>
      </c>
      <c r="H16" s="22">
        <v>20</v>
      </c>
      <c r="I16" s="22">
        <v>10</v>
      </c>
      <c r="J16" s="22">
        <v>10</v>
      </c>
      <c r="K16" s="21">
        <v>32</v>
      </c>
      <c r="L16" s="53">
        <v>15</v>
      </c>
      <c r="M16" s="54">
        <v>17</v>
      </c>
    </row>
    <row r="17" spans="1:13">
      <c r="A17" s="20" t="s">
        <v>24</v>
      </c>
      <c r="B17" s="21">
        <v>-5</v>
      </c>
      <c r="C17" s="22">
        <v>2</v>
      </c>
      <c r="D17" s="22">
        <v>-7</v>
      </c>
      <c r="E17" s="21">
        <v>0</v>
      </c>
      <c r="F17" s="22">
        <v>0</v>
      </c>
      <c r="G17" s="23">
        <v>0</v>
      </c>
      <c r="H17" s="22">
        <v>19</v>
      </c>
      <c r="I17" s="22">
        <v>12</v>
      </c>
      <c r="J17" s="22">
        <v>7</v>
      </c>
      <c r="K17" s="21">
        <v>24</v>
      </c>
      <c r="L17" s="53">
        <v>10</v>
      </c>
      <c r="M17" s="54">
        <v>14</v>
      </c>
    </row>
    <row r="18" spans="1:13" ht="20.100000000000001" customHeight="1">
      <c r="A18" s="16" t="s">
        <v>25</v>
      </c>
      <c r="B18" s="17">
        <v>-12</v>
      </c>
      <c r="C18" s="18">
        <v>-15</v>
      </c>
      <c r="D18" s="18">
        <v>3</v>
      </c>
      <c r="E18" s="17">
        <v>0</v>
      </c>
      <c r="F18" s="18">
        <v>0</v>
      </c>
      <c r="G18" s="19">
        <v>0</v>
      </c>
      <c r="H18" s="18">
        <v>84</v>
      </c>
      <c r="I18" s="18">
        <v>41</v>
      </c>
      <c r="J18" s="18">
        <v>43</v>
      </c>
      <c r="K18" s="17">
        <v>96</v>
      </c>
      <c r="L18" s="51">
        <v>56</v>
      </c>
      <c r="M18" s="52">
        <v>40</v>
      </c>
    </row>
    <row r="19" spans="1:13">
      <c r="A19" s="20" t="s">
        <v>26</v>
      </c>
      <c r="B19" s="21">
        <v>-9</v>
      </c>
      <c r="C19" s="22">
        <v>-9</v>
      </c>
      <c r="D19" s="22">
        <v>0</v>
      </c>
      <c r="E19" s="21">
        <v>0</v>
      </c>
      <c r="F19" s="22">
        <v>0</v>
      </c>
      <c r="G19" s="23">
        <v>0</v>
      </c>
      <c r="H19" s="22">
        <v>13</v>
      </c>
      <c r="I19" s="22">
        <v>5</v>
      </c>
      <c r="J19" s="22">
        <v>8</v>
      </c>
      <c r="K19" s="21">
        <v>22</v>
      </c>
      <c r="L19" s="53">
        <v>14</v>
      </c>
      <c r="M19" s="54">
        <v>8</v>
      </c>
    </row>
    <row r="20" spans="1:13">
      <c r="A20" s="20" t="s">
        <v>27</v>
      </c>
      <c r="B20" s="21">
        <v>-5</v>
      </c>
      <c r="C20" s="22">
        <v>-6</v>
      </c>
      <c r="D20" s="22">
        <v>1</v>
      </c>
      <c r="E20" s="21">
        <v>0</v>
      </c>
      <c r="F20" s="22">
        <v>0</v>
      </c>
      <c r="G20" s="23">
        <v>0</v>
      </c>
      <c r="H20" s="22">
        <v>17</v>
      </c>
      <c r="I20" s="22">
        <v>10</v>
      </c>
      <c r="J20" s="22">
        <v>7</v>
      </c>
      <c r="K20" s="21">
        <v>22</v>
      </c>
      <c r="L20" s="53">
        <v>16</v>
      </c>
      <c r="M20" s="54">
        <v>6</v>
      </c>
    </row>
    <row r="21" spans="1:13">
      <c r="A21" s="20" t="s">
        <v>28</v>
      </c>
      <c r="B21" s="21">
        <v>1</v>
      </c>
      <c r="C21" s="22">
        <v>-2</v>
      </c>
      <c r="D21" s="22">
        <v>3</v>
      </c>
      <c r="E21" s="21">
        <v>0</v>
      </c>
      <c r="F21" s="22">
        <v>0</v>
      </c>
      <c r="G21" s="23">
        <v>0</v>
      </c>
      <c r="H21" s="22">
        <v>17</v>
      </c>
      <c r="I21" s="22">
        <v>5</v>
      </c>
      <c r="J21" s="22">
        <v>12</v>
      </c>
      <c r="K21" s="21">
        <v>16</v>
      </c>
      <c r="L21" s="53">
        <v>7</v>
      </c>
      <c r="M21" s="54">
        <v>9</v>
      </c>
    </row>
    <row r="22" spans="1:13">
      <c r="A22" s="20" t="s">
        <v>29</v>
      </c>
      <c r="B22" s="21">
        <v>5</v>
      </c>
      <c r="C22" s="22">
        <v>1</v>
      </c>
      <c r="D22" s="22">
        <v>4</v>
      </c>
      <c r="E22" s="21">
        <v>0</v>
      </c>
      <c r="F22" s="22">
        <v>0</v>
      </c>
      <c r="G22" s="23">
        <v>0</v>
      </c>
      <c r="H22" s="22">
        <v>26</v>
      </c>
      <c r="I22" s="22">
        <v>14</v>
      </c>
      <c r="J22" s="22">
        <v>12</v>
      </c>
      <c r="K22" s="21">
        <v>21</v>
      </c>
      <c r="L22" s="53">
        <v>13</v>
      </c>
      <c r="M22" s="54">
        <v>8</v>
      </c>
    </row>
    <row r="23" spans="1:13">
      <c r="A23" s="20" t="s">
        <v>30</v>
      </c>
      <c r="B23" s="21">
        <v>-4</v>
      </c>
      <c r="C23" s="22">
        <v>1</v>
      </c>
      <c r="D23" s="22">
        <v>-5</v>
      </c>
      <c r="E23" s="21">
        <v>0</v>
      </c>
      <c r="F23" s="22">
        <v>0</v>
      </c>
      <c r="G23" s="23">
        <v>0</v>
      </c>
      <c r="H23" s="22">
        <v>11</v>
      </c>
      <c r="I23" s="22">
        <v>7</v>
      </c>
      <c r="J23" s="22">
        <v>4</v>
      </c>
      <c r="K23" s="21">
        <v>15</v>
      </c>
      <c r="L23" s="53">
        <v>6</v>
      </c>
      <c r="M23" s="54">
        <v>9</v>
      </c>
    </row>
    <row r="24" spans="1:13" ht="20.100000000000001" customHeight="1">
      <c r="A24" s="16" t="s">
        <v>31</v>
      </c>
      <c r="B24" s="17">
        <v>14</v>
      </c>
      <c r="C24" s="18">
        <v>6</v>
      </c>
      <c r="D24" s="18">
        <v>8</v>
      </c>
      <c r="E24" s="17">
        <v>1</v>
      </c>
      <c r="F24" s="18">
        <v>1</v>
      </c>
      <c r="G24" s="19">
        <v>0</v>
      </c>
      <c r="H24" s="18">
        <v>176</v>
      </c>
      <c r="I24" s="18">
        <v>94</v>
      </c>
      <c r="J24" s="18">
        <v>82</v>
      </c>
      <c r="K24" s="17">
        <v>161</v>
      </c>
      <c r="L24" s="51">
        <v>87</v>
      </c>
      <c r="M24" s="52">
        <v>74</v>
      </c>
    </row>
    <row r="25" spans="1:13">
      <c r="A25" s="20" t="s">
        <v>32</v>
      </c>
      <c r="B25" s="21">
        <v>-1</v>
      </c>
      <c r="C25" s="22">
        <v>-2</v>
      </c>
      <c r="D25" s="22">
        <v>1</v>
      </c>
      <c r="E25" s="21">
        <v>0</v>
      </c>
      <c r="F25" s="22">
        <v>0</v>
      </c>
      <c r="G25" s="23">
        <v>0</v>
      </c>
      <c r="H25" s="22">
        <v>18</v>
      </c>
      <c r="I25" s="22">
        <v>9</v>
      </c>
      <c r="J25" s="22">
        <v>9</v>
      </c>
      <c r="K25" s="21">
        <v>19</v>
      </c>
      <c r="L25" s="53">
        <v>11</v>
      </c>
      <c r="M25" s="54">
        <v>8</v>
      </c>
    </row>
    <row r="26" spans="1:13">
      <c r="A26" s="20" t="s">
        <v>33</v>
      </c>
      <c r="B26" s="21">
        <v>9</v>
      </c>
      <c r="C26" s="22">
        <v>3</v>
      </c>
      <c r="D26" s="22">
        <v>6</v>
      </c>
      <c r="E26" s="21">
        <v>0</v>
      </c>
      <c r="F26" s="22">
        <v>0</v>
      </c>
      <c r="G26" s="23">
        <v>0</v>
      </c>
      <c r="H26" s="22">
        <v>30</v>
      </c>
      <c r="I26" s="22">
        <v>13</v>
      </c>
      <c r="J26" s="22">
        <v>17</v>
      </c>
      <c r="K26" s="21">
        <v>21</v>
      </c>
      <c r="L26" s="53">
        <v>10</v>
      </c>
      <c r="M26" s="54">
        <v>11</v>
      </c>
    </row>
    <row r="27" spans="1:13">
      <c r="A27" s="20" t="s">
        <v>34</v>
      </c>
      <c r="B27" s="21">
        <v>8</v>
      </c>
      <c r="C27" s="22">
        <v>1</v>
      </c>
      <c r="D27" s="22">
        <v>7</v>
      </c>
      <c r="E27" s="21">
        <v>0</v>
      </c>
      <c r="F27" s="22">
        <v>0</v>
      </c>
      <c r="G27" s="23">
        <v>0</v>
      </c>
      <c r="H27" s="22">
        <v>30</v>
      </c>
      <c r="I27" s="22">
        <v>13</v>
      </c>
      <c r="J27" s="22">
        <v>17</v>
      </c>
      <c r="K27" s="21">
        <v>22</v>
      </c>
      <c r="L27" s="53">
        <v>12</v>
      </c>
      <c r="M27" s="54">
        <v>10</v>
      </c>
    </row>
    <row r="28" spans="1:13">
      <c r="A28" s="20" t="s">
        <v>35</v>
      </c>
      <c r="B28" s="21">
        <v>3</v>
      </c>
      <c r="C28" s="22">
        <v>0</v>
      </c>
      <c r="D28" s="22">
        <v>3</v>
      </c>
      <c r="E28" s="21">
        <v>0</v>
      </c>
      <c r="F28" s="22">
        <v>0</v>
      </c>
      <c r="G28" s="23">
        <v>0</v>
      </c>
      <c r="H28" s="22">
        <v>34</v>
      </c>
      <c r="I28" s="22">
        <v>18</v>
      </c>
      <c r="J28" s="22">
        <v>16</v>
      </c>
      <c r="K28" s="21">
        <v>31</v>
      </c>
      <c r="L28" s="53">
        <v>18</v>
      </c>
      <c r="M28" s="54">
        <v>13</v>
      </c>
    </row>
    <row r="29" spans="1:13">
      <c r="A29" s="20" t="s">
        <v>36</v>
      </c>
      <c r="B29" s="21">
        <v>-5</v>
      </c>
      <c r="C29" s="22">
        <v>4</v>
      </c>
      <c r="D29" s="22">
        <v>-9</v>
      </c>
      <c r="E29" s="21">
        <v>1</v>
      </c>
      <c r="F29" s="22">
        <v>1</v>
      </c>
      <c r="G29" s="23">
        <v>0</v>
      </c>
      <c r="H29" s="22">
        <v>64</v>
      </c>
      <c r="I29" s="22">
        <v>41</v>
      </c>
      <c r="J29" s="22">
        <v>23</v>
      </c>
      <c r="K29" s="21">
        <v>68</v>
      </c>
      <c r="L29" s="53">
        <v>36</v>
      </c>
      <c r="M29" s="54">
        <v>32</v>
      </c>
    </row>
    <row r="30" spans="1:13" ht="20.100000000000001" customHeight="1">
      <c r="A30" s="16" t="s">
        <v>37</v>
      </c>
      <c r="B30" s="17">
        <v>-29</v>
      </c>
      <c r="C30" s="18">
        <v>24</v>
      </c>
      <c r="D30" s="18">
        <v>-53</v>
      </c>
      <c r="E30" s="17">
        <v>4</v>
      </c>
      <c r="F30" s="18">
        <v>2</v>
      </c>
      <c r="G30" s="19">
        <v>2</v>
      </c>
      <c r="H30" s="18">
        <v>760</v>
      </c>
      <c r="I30" s="18">
        <v>405</v>
      </c>
      <c r="J30" s="18">
        <v>355</v>
      </c>
      <c r="K30" s="17">
        <v>785</v>
      </c>
      <c r="L30" s="51">
        <v>379</v>
      </c>
      <c r="M30" s="52">
        <v>406</v>
      </c>
    </row>
    <row r="31" spans="1:13">
      <c r="A31" s="20" t="s">
        <v>38</v>
      </c>
      <c r="B31" s="21">
        <v>1</v>
      </c>
      <c r="C31" s="22">
        <v>0</v>
      </c>
      <c r="D31" s="22">
        <v>1</v>
      </c>
      <c r="E31" s="21">
        <v>0</v>
      </c>
      <c r="F31" s="22">
        <v>0</v>
      </c>
      <c r="G31" s="23">
        <v>0</v>
      </c>
      <c r="H31" s="22">
        <v>79</v>
      </c>
      <c r="I31" s="22">
        <v>39</v>
      </c>
      <c r="J31" s="22">
        <v>40</v>
      </c>
      <c r="K31" s="21">
        <v>78</v>
      </c>
      <c r="L31" s="53">
        <v>39</v>
      </c>
      <c r="M31" s="54">
        <v>39</v>
      </c>
    </row>
    <row r="32" spans="1:13">
      <c r="A32" s="20" t="s">
        <v>39</v>
      </c>
      <c r="B32" s="21">
        <v>-6</v>
      </c>
      <c r="C32" s="22">
        <v>5</v>
      </c>
      <c r="D32" s="22">
        <v>-11</v>
      </c>
      <c r="E32" s="21">
        <v>1</v>
      </c>
      <c r="F32" s="22">
        <v>0</v>
      </c>
      <c r="G32" s="23">
        <v>1</v>
      </c>
      <c r="H32" s="22">
        <v>128</v>
      </c>
      <c r="I32" s="22">
        <v>63</v>
      </c>
      <c r="J32" s="22">
        <v>65</v>
      </c>
      <c r="K32" s="21">
        <v>133</v>
      </c>
      <c r="L32" s="53">
        <v>58</v>
      </c>
      <c r="M32" s="54">
        <v>75</v>
      </c>
    </row>
    <row r="33" spans="1:13">
      <c r="A33" s="20" t="s">
        <v>40</v>
      </c>
      <c r="B33" s="21">
        <v>-33</v>
      </c>
      <c r="C33" s="22">
        <v>0</v>
      </c>
      <c r="D33" s="22">
        <v>-33</v>
      </c>
      <c r="E33" s="21">
        <v>1</v>
      </c>
      <c r="F33" s="22">
        <v>0</v>
      </c>
      <c r="G33" s="23">
        <v>1</v>
      </c>
      <c r="H33" s="22">
        <v>136</v>
      </c>
      <c r="I33" s="22">
        <v>75</v>
      </c>
      <c r="J33" s="22">
        <v>61</v>
      </c>
      <c r="K33" s="21">
        <v>168</v>
      </c>
      <c r="L33" s="53">
        <v>75</v>
      </c>
      <c r="M33" s="54">
        <v>93</v>
      </c>
    </row>
    <row r="34" spans="1:13">
      <c r="A34" s="20" t="s">
        <v>41</v>
      </c>
      <c r="B34" s="21">
        <v>29</v>
      </c>
      <c r="C34" s="22">
        <v>21</v>
      </c>
      <c r="D34" s="22">
        <v>8</v>
      </c>
      <c r="E34" s="21">
        <v>1</v>
      </c>
      <c r="F34" s="22">
        <v>1</v>
      </c>
      <c r="G34" s="23">
        <v>0</v>
      </c>
      <c r="H34" s="22">
        <v>232</v>
      </c>
      <c r="I34" s="22">
        <v>126</v>
      </c>
      <c r="J34" s="22">
        <v>106</v>
      </c>
      <c r="K34" s="21">
        <v>202</v>
      </c>
      <c r="L34" s="53">
        <v>104</v>
      </c>
      <c r="M34" s="54">
        <v>98</v>
      </c>
    </row>
    <row r="35" spans="1:13">
      <c r="A35" s="20" t="s">
        <v>42</v>
      </c>
      <c r="B35" s="21">
        <v>-20</v>
      </c>
      <c r="C35" s="22">
        <v>-2</v>
      </c>
      <c r="D35" s="22">
        <v>-18</v>
      </c>
      <c r="E35" s="21">
        <v>1</v>
      </c>
      <c r="F35" s="22">
        <v>1</v>
      </c>
      <c r="G35" s="23">
        <v>0</v>
      </c>
      <c r="H35" s="22">
        <v>185</v>
      </c>
      <c r="I35" s="22">
        <v>102</v>
      </c>
      <c r="J35" s="22">
        <v>83</v>
      </c>
      <c r="K35" s="21">
        <v>204</v>
      </c>
      <c r="L35" s="53">
        <v>103</v>
      </c>
      <c r="M35" s="54">
        <v>101</v>
      </c>
    </row>
    <row r="36" spans="1:13" ht="20.100000000000001" customHeight="1">
      <c r="A36" s="16" t="s">
        <v>43</v>
      </c>
      <c r="B36" s="17">
        <v>14</v>
      </c>
      <c r="C36" s="18">
        <v>30</v>
      </c>
      <c r="D36" s="18">
        <v>-16</v>
      </c>
      <c r="E36" s="17">
        <v>1</v>
      </c>
      <c r="F36" s="18">
        <v>0</v>
      </c>
      <c r="G36" s="19">
        <v>1</v>
      </c>
      <c r="H36" s="18">
        <v>1021</v>
      </c>
      <c r="I36" s="18">
        <v>554</v>
      </c>
      <c r="J36" s="18">
        <v>467</v>
      </c>
      <c r="K36" s="17">
        <v>1006</v>
      </c>
      <c r="L36" s="51">
        <v>524</v>
      </c>
      <c r="M36" s="52">
        <v>482</v>
      </c>
    </row>
    <row r="37" spans="1:13">
      <c r="A37" s="20" t="s">
        <v>44</v>
      </c>
      <c r="B37" s="21">
        <v>0</v>
      </c>
      <c r="C37" s="22">
        <v>17</v>
      </c>
      <c r="D37" s="22">
        <v>-17</v>
      </c>
      <c r="E37" s="21">
        <v>0</v>
      </c>
      <c r="F37" s="22">
        <v>0</v>
      </c>
      <c r="G37" s="23">
        <v>0</v>
      </c>
      <c r="H37" s="22">
        <v>211</v>
      </c>
      <c r="I37" s="22">
        <v>123</v>
      </c>
      <c r="J37" s="22">
        <v>88</v>
      </c>
      <c r="K37" s="21">
        <v>211</v>
      </c>
      <c r="L37" s="53">
        <v>106</v>
      </c>
      <c r="M37" s="54">
        <v>105</v>
      </c>
    </row>
    <row r="38" spans="1:13">
      <c r="A38" s="20" t="s">
        <v>45</v>
      </c>
      <c r="B38" s="21">
        <v>36</v>
      </c>
      <c r="C38" s="22">
        <v>27</v>
      </c>
      <c r="D38" s="22">
        <v>9</v>
      </c>
      <c r="E38" s="21">
        <v>0</v>
      </c>
      <c r="F38" s="22">
        <v>0</v>
      </c>
      <c r="G38" s="23">
        <v>0</v>
      </c>
      <c r="H38" s="22">
        <v>236</v>
      </c>
      <c r="I38" s="22">
        <v>124</v>
      </c>
      <c r="J38" s="22">
        <v>112</v>
      </c>
      <c r="K38" s="21">
        <v>200</v>
      </c>
      <c r="L38" s="53">
        <v>97</v>
      </c>
      <c r="M38" s="54">
        <v>103</v>
      </c>
    </row>
    <row r="39" spans="1:13">
      <c r="A39" s="20" t="s">
        <v>46</v>
      </c>
      <c r="B39" s="21">
        <v>-4</v>
      </c>
      <c r="C39" s="22">
        <v>-7</v>
      </c>
      <c r="D39" s="22">
        <v>3</v>
      </c>
      <c r="E39" s="21">
        <v>0</v>
      </c>
      <c r="F39" s="22">
        <v>0</v>
      </c>
      <c r="G39" s="23">
        <v>0</v>
      </c>
      <c r="H39" s="22">
        <v>224</v>
      </c>
      <c r="I39" s="22">
        <v>114</v>
      </c>
      <c r="J39" s="22">
        <v>110</v>
      </c>
      <c r="K39" s="21">
        <v>228</v>
      </c>
      <c r="L39" s="53">
        <v>121</v>
      </c>
      <c r="M39" s="54">
        <v>107</v>
      </c>
    </row>
    <row r="40" spans="1:13">
      <c r="A40" s="20" t="s">
        <v>47</v>
      </c>
      <c r="B40" s="21">
        <v>-16</v>
      </c>
      <c r="C40" s="22">
        <v>-8</v>
      </c>
      <c r="D40" s="22">
        <v>-8</v>
      </c>
      <c r="E40" s="21">
        <v>0</v>
      </c>
      <c r="F40" s="22">
        <v>0</v>
      </c>
      <c r="G40" s="23">
        <v>0</v>
      </c>
      <c r="H40" s="22">
        <v>171</v>
      </c>
      <c r="I40" s="22">
        <v>90</v>
      </c>
      <c r="J40" s="22">
        <v>81</v>
      </c>
      <c r="K40" s="21">
        <v>187</v>
      </c>
      <c r="L40" s="53">
        <v>98</v>
      </c>
      <c r="M40" s="54">
        <v>89</v>
      </c>
    </row>
    <row r="41" spans="1:13">
      <c r="A41" s="20" t="s">
        <v>48</v>
      </c>
      <c r="B41" s="21">
        <v>-2</v>
      </c>
      <c r="C41" s="22">
        <v>1</v>
      </c>
      <c r="D41" s="22">
        <v>-3</v>
      </c>
      <c r="E41" s="21">
        <v>1</v>
      </c>
      <c r="F41" s="22">
        <v>0</v>
      </c>
      <c r="G41" s="23">
        <v>1</v>
      </c>
      <c r="H41" s="22">
        <v>179</v>
      </c>
      <c r="I41" s="22">
        <v>103</v>
      </c>
      <c r="J41" s="22">
        <v>76</v>
      </c>
      <c r="K41" s="21">
        <v>180</v>
      </c>
      <c r="L41" s="53">
        <v>102</v>
      </c>
      <c r="M41" s="54">
        <v>78</v>
      </c>
    </row>
    <row r="42" spans="1:13" ht="20.100000000000001" customHeight="1">
      <c r="A42" s="16" t="s">
        <v>49</v>
      </c>
      <c r="B42" s="17">
        <v>-69</v>
      </c>
      <c r="C42" s="18">
        <v>-34</v>
      </c>
      <c r="D42" s="18">
        <v>-35</v>
      </c>
      <c r="E42" s="17">
        <v>1</v>
      </c>
      <c r="F42" s="18">
        <v>0</v>
      </c>
      <c r="G42" s="19">
        <v>1</v>
      </c>
      <c r="H42" s="18">
        <v>686</v>
      </c>
      <c r="I42" s="18">
        <v>365</v>
      </c>
      <c r="J42" s="18">
        <v>321</v>
      </c>
      <c r="K42" s="17">
        <v>754</v>
      </c>
      <c r="L42" s="51">
        <v>399</v>
      </c>
      <c r="M42" s="52">
        <v>355</v>
      </c>
    </row>
    <row r="43" spans="1:13">
      <c r="A43" s="20" t="s">
        <v>50</v>
      </c>
      <c r="B43" s="21">
        <v>-40</v>
      </c>
      <c r="C43" s="22">
        <v>-20</v>
      </c>
      <c r="D43" s="22">
        <v>-20</v>
      </c>
      <c r="E43" s="21">
        <v>0</v>
      </c>
      <c r="F43" s="22">
        <v>0</v>
      </c>
      <c r="G43" s="23">
        <v>0</v>
      </c>
      <c r="H43" s="22">
        <v>152</v>
      </c>
      <c r="I43" s="22">
        <v>71</v>
      </c>
      <c r="J43" s="22">
        <v>81</v>
      </c>
      <c r="K43" s="21">
        <v>192</v>
      </c>
      <c r="L43" s="53">
        <v>91</v>
      </c>
      <c r="M43" s="54">
        <v>101</v>
      </c>
    </row>
    <row r="44" spans="1:13">
      <c r="A44" s="20" t="s">
        <v>51</v>
      </c>
      <c r="B44" s="21">
        <v>-7</v>
      </c>
      <c r="C44" s="22">
        <v>-9</v>
      </c>
      <c r="D44" s="22">
        <v>2</v>
      </c>
      <c r="E44" s="21">
        <v>0</v>
      </c>
      <c r="F44" s="22">
        <v>0</v>
      </c>
      <c r="G44" s="23">
        <v>0</v>
      </c>
      <c r="H44" s="22">
        <v>146</v>
      </c>
      <c r="I44" s="22">
        <v>72</v>
      </c>
      <c r="J44" s="22">
        <v>74</v>
      </c>
      <c r="K44" s="21">
        <v>153</v>
      </c>
      <c r="L44" s="53">
        <v>81</v>
      </c>
      <c r="M44" s="54">
        <v>72</v>
      </c>
    </row>
    <row r="45" spans="1:13">
      <c r="A45" s="20" t="s">
        <v>52</v>
      </c>
      <c r="B45" s="21">
        <v>-28</v>
      </c>
      <c r="C45" s="22">
        <v>-2</v>
      </c>
      <c r="D45" s="22">
        <v>-26</v>
      </c>
      <c r="E45" s="21">
        <v>1</v>
      </c>
      <c r="F45" s="22">
        <v>0</v>
      </c>
      <c r="G45" s="23">
        <v>1</v>
      </c>
      <c r="H45" s="22">
        <v>142</v>
      </c>
      <c r="I45" s="22">
        <v>85</v>
      </c>
      <c r="J45" s="22">
        <v>57</v>
      </c>
      <c r="K45" s="21">
        <v>169</v>
      </c>
      <c r="L45" s="53">
        <v>87</v>
      </c>
      <c r="M45" s="54">
        <v>82</v>
      </c>
    </row>
    <row r="46" spans="1:13">
      <c r="A46" s="20" t="s">
        <v>53</v>
      </c>
      <c r="B46" s="21">
        <v>-4</v>
      </c>
      <c r="C46" s="22">
        <v>-8</v>
      </c>
      <c r="D46" s="22">
        <v>4</v>
      </c>
      <c r="E46" s="21">
        <v>0</v>
      </c>
      <c r="F46" s="22">
        <v>0</v>
      </c>
      <c r="G46" s="23">
        <v>0</v>
      </c>
      <c r="H46" s="22">
        <v>113</v>
      </c>
      <c r="I46" s="22">
        <v>61</v>
      </c>
      <c r="J46" s="22">
        <v>52</v>
      </c>
      <c r="K46" s="21">
        <v>117</v>
      </c>
      <c r="L46" s="53">
        <v>69</v>
      </c>
      <c r="M46" s="54">
        <v>48</v>
      </c>
    </row>
    <row r="47" spans="1:13">
      <c r="A47" s="20" t="s">
        <v>54</v>
      </c>
      <c r="B47" s="21">
        <v>10</v>
      </c>
      <c r="C47" s="22">
        <v>5</v>
      </c>
      <c r="D47" s="22">
        <v>5</v>
      </c>
      <c r="E47" s="21">
        <v>0</v>
      </c>
      <c r="F47" s="22">
        <v>0</v>
      </c>
      <c r="G47" s="23">
        <v>0</v>
      </c>
      <c r="H47" s="22">
        <v>133</v>
      </c>
      <c r="I47" s="22">
        <v>76</v>
      </c>
      <c r="J47" s="22">
        <v>57</v>
      </c>
      <c r="K47" s="21">
        <v>123</v>
      </c>
      <c r="L47" s="53">
        <v>71</v>
      </c>
      <c r="M47" s="54">
        <v>52</v>
      </c>
    </row>
    <row r="48" spans="1:13" ht="20.100000000000001" customHeight="1">
      <c r="A48" s="16" t="s">
        <v>55</v>
      </c>
      <c r="B48" s="17">
        <v>-59</v>
      </c>
      <c r="C48" s="18">
        <v>-34</v>
      </c>
      <c r="D48" s="18">
        <v>-25</v>
      </c>
      <c r="E48" s="17">
        <v>6</v>
      </c>
      <c r="F48" s="18">
        <v>1</v>
      </c>
      <c r="G48" s="19">
        <v>5</v>
      </c>
      <c r="H48" s="18">
        <v>439</v>
      </c>
      <c r="I48" s="18">
        <v>245</v>
      </c>
      <c r="J48" s="18">
        <v>194</v>
      </c>
      <c r="K48" s="17">
        <v>492</v>
      </c>
      <c r="L48" s="51">
        <v>278</v>
      </c>
      <c r="M48" s="52">
        <v>214</v>
      </c>
    </row>
    <row r="49" spans="1:13">
      <c r="A49" s="20" t="s">
        <v>56</v>
      </c>
      <c r="B49" s="21">
        <v>-26</v>
      </c>
      <c r="C49" s="22">
        <v>-21</v>
      </c>
      <c r="D49" s="22">
        <v>-5</v>
      </c>
      <c r="E49" s="21">
        <v>1</v>
      </c>
      <c r="F49" s="22">
        <v>0</v>
      </c>
      <c r="G49" s="23">
        <v>1</v>
      </c>
      <c r="H49" s="22">
        <v>107</v>
      </c>
      <c r="I49" s="22">
        <v>56</v>
      </c>
      <c r="J49" s="22">
        <v>51</v>
      </c>
      <c r="K49" s="21">
        <v>132</v>
      </c>
      <c r="L49" s="53">
        <v>77</v>
      </c>
      <c r="M49" s="54">
        <v>55</v>
      </c>
    </row>
    <row r="50" spans="1:13">
      <c r="A50" s="20" t="s">
        <v>57</v>
      </c>
      <c r="B50" s="21">
        <v>25</v>
      </c>
      <c r="C50" s="22">
        <v>14</v>
      </c>
      <c r="D50" s="22">
        <v>11</v>
      </c>
      <c r="E50" s="21">
        <v>0</v>
      </c>
      <c r="F50" s="22">
        <v>0</v>
      </c>
      <c r="G50" s="23">
        <v>0</v>
      </c>
      <c r="H50" s="22">
        <v>128</v>
      </c>
      <c r="I50" s="22">
        <v>73</v>
      </c>
      <c r="J50" s="22">
        <v>55</v>
      </c>
      <c r="K50" s="21">
        <v>103</v>
      </c>
      <c r="L50" s="53">
        <v>59</v>
      </c>
      <c r="M50" s="54">
        <v>44</v>
      </c>
    </row>
    <row r="51" spans="1:13">
      <c r="A51" s="20" t="s">
        <v>58</v>
      </c>
      <c r="B51" s="21">
        <v>-10</v>
      </c>
      <c r="C51" s="22">
        <v>-14</v>
      </c>
      <c r="D51" s="22">
        <v>4</v>
      </c>
      <c r="E51" s="21">
        <v>2</v>
      </c>
      <c r="F51" s="22">
        <v>1</v>
      </c>
      <c r="G51" s="23">
        <v>1</v>
      </c>
      <c r="H51" s="22">
        <v>82</v>
      </c>
      <c r="I51" s="22">
        <v>42</v>
      </c>
      <c r="J51" s="22">
        <v>40</v>
      </c>
      <c r="K51" s="21">
        <v>90</v>
      </c>
      <c r="L51" s="53">
        <v>55</v>
      </c>
      <c r="M51" s="54">
        <v>35</v>
      </c>
    </row>
    <row r="52" spans="1:13">
      <c r="A52" s="20" t="s">
        <v>59</v>
      </c>
      <c r="B52" s="21">
        <v>-19</v>
      </c>
      <c r="C52" s="22">
        <v>-4</v>
      </c>
      <c r="D52" s="22">
        <v>-15</v>
      </c>
      <c r="E52" s="21">
        <v>0</v>
      </c>
      <c r="F52" s="22">
        <v>0</v>
      </c>
      <c r="G52" s="23">
        <v>0</v>
      </c>
      <c r="H52" s="22">
        <v>61</v>
      </c>
      <c r="I52" s="22">
        <v>38</v>
      </c>
      <c r="J52" s="22">
        <v>23</v>
      </c>
      <c r="K52" s="21">
        <v>80</v>
      </c>
      <c r="L52" s="53">
        <v>42</v>
      </c>
      <c r="M52" s="54">
        <v>38</v>
      </c>
    </row>
    <row r="53" spans="1:13">
      <c r="A53" s="20" t="s">
        <v>60</v>
      </c>
      <c r="B53" s="21">
        <v>-29</v>
      </c>
      <c r="C53" s="22">
        <v>-9</v>
      </c>
      <c r="D53" s="22">
        <v>-20</v>
      </c>
      <c r="E53" s="21">
        <v>3</v>
      </c>
      <c r="F53" s="22">
        <v>0</v>
      </c>
      <c r="G53" s="23">
        <v>3</v>
      </c>
      <c r="H53" s="22">
        <v>61</v>
      </c>
      <c r="I53" s="22">
        <v>36</v>
      </c>
      <c r="J53" s="22">
        <v>25</v>
      </c>
      <c r="K53" s="21">
        <v>87</v>
      </c>
      <c r="L53" s="53">
        <v>45</v>
      </c>
      <c r="M53" s="54">
        <v>42</v>
      </c>
    </row>
    <row r="54" spans="1:13" ht="20.100000000000001" customHeight="1">
      <c r="A54" s="16" t="s">
        <v>61</v>
      </c>
      <c r="B54" s="17">
        <v>-28</v>
      </c>
      <c r="C54" s="18">
        <v>-17</v>
      </c>
      <c r="D54" s="18">
        <v>-11</v>
      </c>
      <c r="E54" s="17">
        <v>4</v>
      </c>
      <c r="F54" s="18">
        <v>3</v>
      </c>
      <c r="G54" s="19">
        <v>1</v>
      </c>
      <c r="H54" s="18">
        <v>357</v>
      </c>
      <c r="I54" s="18">
        <v>202</v>
      </c>
      <c r="J54" s="18">
        <v>155</v>
      </c>
      <c r="K54" s="17">
        <v>381</v>
      </c>
      <c r="L54" s="51">
        <v>216</v>
      </c>
      <c r="M54" s="52">
        <v>165</v>
      </c>
    </row>
    <row r="55" spans="1:13">
      <c r="A55" s="20" t="s">
        <v>62</v>
      </c>
      <c r="B55" s="21">
        <v>4</v>
      </c>
      <c r="C55" s="22">
        <v>6</v>
      </c>
      <c r="D55" s="22">
        <v>-2</v>
      </c>
      <c r="E55" s="21">
        <v>2</v>
      </c>
      <c r="F55" s="22">
        <v>2</v>
      </c>
      <c r="G55" s="23">
        <v>0</v>
      </c>
      <c r="H55" s="22">
        <v>82</v>
      </c>
      <c r="I55" s="22">
        <v>40</v>
      </c>
      <c r="J55" s="22">
        <v>42</v>
      </c>
      <c r="K55" s="21">
        <v>76</v>
      </c>
      <c r="L55" s="53">
        <v>32</v>
      </c>
      <c r="M55" s="54">
        <v>44</v>
      </c>
    </row>
    <row r="56" spans="1:13">
      <c r="A56" s="20" t="s">
        <v>63</v>
      </c>
      <c r="B56" s="21">
        <v>-8</v>
      </c>
      <c r="C56" s="22">
        <v>-13</v>
      </c>
      <c r="D56" s="22">
        <v>5</v>
      </c>
      <c r="E56" s="21">
        <v>0</v>
      </c>
      <c r="F56" s="22">
        <v>0</v>
      </c>
      <c r="G56" s="23">
        <v>0</v>
      </c>
      <c r="H56" s="22">
        <v>82</v>
      </c>
      <c r="I56" s="22">
        <v>43</v>
      </c>
      <c r="J56" s="22">
        <v>39</v>
      </c>
      <c r="K56" s="21">
        <v>90</v>
      </c>
      <c r="L56" s="53">
        <v>56</v>
      </c>
      <c r="M56" s="54">
        <v>34</v>
      </c>
    </row>
    <row r="57" spans="1:13">
      <c r="A57" s="20" t="s">
        <v>64</v>
      </c>
      <c r="B57" s="21">
        <v>5</v>
      </c>
      <c r="C57" s="22">
        <v>-2</v>
      </c>
      <c r="D57" s="22">
        <v>7</v>
      </c>
      <c r="E57" s="21">
        <v>0</v>
      </c>
      <c r="F57" s="22">
        <v>0</v>
      </c>
      <c r="G57" s="23">
        <v>0</v>
      </c>
      <c r="H57" s="22">
        <v>75</v>
      </c>
      <c r="I57" s="22">
        <v>47</v>
      </c>
      <c r="J57" s="22">
        <v>28</v>
      </c>
      <c r="K57" s="21">
        <v>70</v>
      </c>
      <c r="L57" s="53">
        <v>49</v>
      </c>
      <c r="M57" s="54">
        <v>21</v>
      </c>
    </row>
    <row r="58" spans="1:13">
      <c r="A58" s="20" t="s">
        <v>65</v>
      </c>
      <c r="B58" s="21">
        <v>-17</v>
      </c>
      <c r="C58" s="22">
        <v>-4</v>
      </c>
      <c r="D58" s="22">
        <v>-13</v>
      </c>
      <c r="E58" s="21">
        <v>1</v>
      </c>
      <c r="F58" s="22">
        <v>1</v>
      </c>
      <c r="G58" s="23">
        <v>0</v>
      </c>
      <c r="H58" s="22">
        <v>58</v>
      </c>
      <c r="I58" s="22">
        <v>38</v>
      </c>
      <c r="J58" s="22">
        <v>20</v>
      </c>
      <c r="K58" s="21">
        <v>74</v>
      </c>
      <c r="L58" s="53">
        <v>41</v>
      </c>
      <c r="M58" s="54">
        <v>33</v>
      </c>
    </row>
    <row r="59" spans="1:13">
      <c r="A59" s="20" t="s">
        <v>66</v>
      </c>
      <c r="B59" s="21">
        <v>-12</v>
      </c>
      <c r="C59" s="22">
        <v>-4</v>
      </c>
      <c r="D59" s="22">
        <v>-8</v>
      </c>
      <c r="E59" s="21">
        <v>1</v>
      </c>
      <c r="F59" s="22">
        <v>0</v>
      </c>
      <c r="G59" s="23">
        <v>1</v>
      </c>
      <c r="H59" s="22">
        <v>60</v>
      </c>
      <c r="I59" s="22">
        <v>34</v>
      </c>
      <c r="J59" s="22">
        <v>26</v>
      </c>
      <c r="K59" s="21">
        <v>71</v>
      </c>
      <c r="L59" s="53">
        <v>38</v>
      </c>
      <c r="M59" s="54">
        <v>33</v>
      </c>
    </row>
    <row r="60" spans="1:13" ht="20.100000000000001" customHeight="1">
      <c r="A60" s="16" t="s">
        <v>67</v>
      </c>
      <c r="B60" s="17">
        <v>16</v>
      </c>
      <c r="C60" s="18">
        <v>25</v>
      </c>
      <c r="D60" s="18">
        <v>-9</v>
      </c>
      <c r="E60" s="17">
        <v>6</v>
      </c>
      <c r="F60" s="18">
        <v>5</v>
      </c>
      <c r="G60" s="19">
        <v>1</v>
      </c>
      <c r="H60" s="18">
        <v>299</v>
      </c>
      <c r="I60" s="18">
        <v>183</v>
      </c>
      <c r="J60" s="18">
        <v>116</v>
      </c>
      <c r="K60" s="17">
        <v>277</v>
      </c>
      <c r="L60" s="51">
        <v>153</v>
      </c>
      <c r="M60" s="52">
        <v>124</v>
      </c>
    </row>
    <row r="61" spans="1:13">
      <c r="A61" s="20" t="s">
        <v>68</v>
      </c>
      <c r="B61" s="21">
        <v>21</v>
      </c>
      <c r="C61" s="22">
        <v>13</v>
      </c>
      <c r="D61" s="22">
        <v>8</v>
      </c>
      <c r="E61" s="21">
        <v>1</v>
      </c>
      <c r="F61" s="22">
        <v>1</v>
      </c>
      <c r="G61" s="23">
        <v>0</v>
      </c>
      <c r="H61" s="22">
        <v>75</v>
      </c>
      <c r="I61" s="22">
        <v>45</v>
      </c>
      <c r="J61" s="22">
        <v>30</v>
      </c>
      <c r="K61" s="21">
        <v>53</v>
      </c>
      <c r="L61" s="53">
        <v>31</v>
      </c>
      <c r="M61" s="54">
        <v>22</v>
      </c>
    </row>
    <row r="62" spans="1:13">
      <c r="A62" s="20" t="s">
        <v>69</v>
      </c>
      <c r="B62" s="21">
        <v>2</v>
      </c>
      <c r="C62" s="22">
        <v>-1</v>
      </c>
      <c r="D62" s="22">
        <v>3</v>
      </c>
      <c r="E62" s="21">
        <v>1</v>
      </c>
      <c r="F62" s="22">
        <v>1</v>
      </c>
      <c r="G62" s="23">
        <v>0</v>
      </c>
      <c r="H62" s="22">
        <v>56</v>
      </c>
      <c r="I62" s="22">
        <v>30</v>
      </c>
      <c r="J62" s="22">
        <v>26</v>
      </c>
      <c r="K62" s="21">
        <v>53</v>
      </c>
      <c r="L62" s="53">
        <v>30</v>
      </c>
      <c r="M62" s="54">
        <v>23</v>
      </c>
    </row>
    <row r="63" spans="1:13">
      <c r="A63" s="20" t="s">
        <v>70</v>
      </c>
      <c r="B63" s="21">
        <v>-7</v>
      </c>
      <c r="C63" s="22">
        <v>1</v>
      </c>
      <c r="D63" s="22">
        <v>-8</v>
      </c>
      <c r="E63" s="21">
        <v>2</v>
      </c>
      <c r="F63" s="22">
        <v>1</v>
      </c>
      <c r="G63" s="23">
        <v>1</v>
      </c>
      <c r="H63" s="22">
        <v>56</v>
      </c>
      <c r="I63" s="22">
        <v>39</v>
      </c>
      <c r="J63" s="22">
        <v>17</v>
      </c>
      <c r="K63" s="21">
        <v>61</v>
      </c>
      <c r="L63" s="53">
        <v>37</v>
      </c>
      <c r="M63" s="54">
        <v>24</v>
      </c>
    </row>
    <row r="64" spans="1:13">
      <c r="A64" s="20" t="s">
        <v>71</v>
      </c>
      <c r="B64" s="21">
        <v>-6</v>
      </c>
      <c r="C64" s="22">
        <v>5</v>
      </c>
      <c r="D64" s="22">
        <v>-11</v>
      </c>
      <c r="E64" s="21">
        <v>1</v>
      </c>
      <c r="F64" s="22">
        <v>1</v>
      </c>
      <c r="G64" s="23">
        <v>0</v>
      </c>
      <c r="H64" s="22">
        <v>54</v>
      </c>
      <c r="I64" s="22">
        <v>35</v>
      </c>
      <c r="J64" s="22">
        <v>19</v>
      </c>
      <c r="K64" s="21">
        <v>59</v>
      </c>
      <c r="L64" s="53">
        <v>29</v>
      </c>
      <c r="M64" s="54">
        <v>30</v>
      </c>
    </row>
    <row r="65" spans="1:13">
      <c r="A65" s="24" t="s">
        <v>72</v>
      </c>
      <c r="B65" s="25">
        <v>6</v>
      </c>
      <c r="C65" s="26">
        <v>7</v>
      </c>
      <c r="D65" s="26">
        <v>-1</v>
      </c>
      <c r="E65" s="25">
        <v>1</v>
      </c>
      <c r="F65" s="26">
        <v>1</v>
      </c>
      <c r="G65" s="27">
        <v>0</v>
      </c>
      <c r="H65" s="26">
        <v>58</v>
      </c>
      <c r="I65" s="26">
        <v>34</v>
      </c>
      <c r="J65" s="26">
        <v>24</v>
      </c>
      <c r="K65" s="25">
        <v>51</v>
      </c>
      <c r="L65" s="55">
        <v>26</v>
      </c>
      <c r="M65" s="56">
        <v>2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769</v>
      </c>
      <c r="C69" s="58">
        <v>396</v>
      </c>
      <c r="D69" s="59">
        <v>37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769</v>
      </c>
      <c r="C70" s="61">
        <v>396</v>
      </c>
      <c r="D70" s="62">
        <v>373</v>
      </c>
    </row>
    <row r="71" spans="1:13">
      <c r="A71" s="24" t="s">
        <v>14</v>
      </c>
      <c r="B71" s="63">
        <v>769</v>
      </c>
      <c r="C71" s="64">
        <v>396</v>
      </c>
      <c r="D71" s="65">
        <v>373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6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38</v>
      </c>
      <c r="C77" s="18">
        <v>-30</v>
      </c>
      <c r="D77" s="18">
        <v>-8</v>
      </c>
      <c r="E77" s="17">
        <v>23</v>
      </c>
      <c r="F77" s="18">
        <v>15</v>
      </c>
      <c r="G77" s="19">
        <v>8</v>
      </c>
      <c r="H77" s="18">
        <v>217</v>
      </c>
      <c r="I77" s="18">
        <v>117</v>
      </c>
      <c r="J77" s="18">
        <v>100</v>
      </c>
      <c r="K77" s="17">
        <v>232</v>
      </c>
      <c r="L77" s="51">
        <v>132</v>
      </c>
      <c r="M77" s="52">
        <v>100</v>
      </c>
    </row>
    <row r="78" spans="1:13">
      <c r="A78" s="40" t="s">
        <v>81</v>
      </c>
      <c r="B78" s="21">
        <v>-4</v>
      </c>
      <c r="C78" s="22">
        <v>2</v>
      </c>
      <c r="D78" s="22">
        <v>-6</v>
      </c>
      <c r="E78" s="21">
        <v>3</v>
      </c>
      <c r="F78" s="22">
        <v>0</v>
      </c>
      <c r="G78" s="23">
        <v>3</v>
      </c>
      <c r="H78" s="22">
        <v>54</v>
      </c>
      <c r="I78" s="22">
        <v>28</v>
      </c>
      <c r="J78" s="22">
        <v>26</v>
      </c>
      <c r="K78" s="21">
        <v>55</v>
      </c>
      <c r="L78" s="53">
        <v>26</v>
      </c>
      <c r="M78" s="54">
        <v>29</v>
      </c>
    </row>
    <row r="79" spans="1:13">
      <c r="A79" s="40" t="s">
        <v>82</v>
      </c>
      <c r="B79" s="21">
        <v>-23</v>
      </c>
      <c r="C79" s="22">
        <v>-20</v>
      </c>
      <c r="D79" s="22">
        <v>-3</v>
      </c>
      <c r="E79" s="21">
        <v>9</v>
      </c>
      <c r="F79" s="22">
        <v>6</v>
      </c>
      <c r="G79" s="23">
        <v>3</v>
      </c>
      <c r="H79" s="22">
        <v>41</v>
      </c>
      <c r="I79" s="22">
        <v>23</v>
      </c>
      <c r="J79" s="22">
        <v>18</v>
      </c>
      <c r="K79" s="21">
        <v>55</v>
      </c>
      <c r="L79" s="53">
        <v>37</v>
      </c>
      <c r="M79" s="54">
        <v>18</v>
      </c>
    </row>
    <row r="80" spans="1:13">
      <c r="A80" s="40" t="s">
        <v>83</v>
      </c>
      <c r="B80" s="21">
        <v>-14</v>
      </c>
      <c r="C80" s="22">
        <v>-8</v>
      </c>
      <c r="D80" s="22">
        <v>-6</v>
      </c>
      <c r="E80" s="21">
        <v>4</v>
      </c>
      <c r="F80" s="22">
        <v>3</v>
      </c>
      <c r="G80" s="23">
        <v>1</v>
      </c>
      <c r="H80" s="22">
        <v>39</v>
      </c>
      <c r="I80" s="22">
        <v>24</v>
      </c>
      <c r="J80" s="22">
        <v>15</v>
      </c>
      <c r="K80" s="21">
        <v>49</v>
      </c>
      <c r="L80" s="53">
        <v>29</v>
      </c>
      <c r="M80" s="54">
        <v>20</v>
      </c>
    </row>
    <row r="81" spans="1:13">
      <c r="A81" s="40" t="s">
        <v>84</v>
      </c>
      <c r="B81" s="21">
        <v>2</v>
      </c>
      <c r="C81" s="22">
        <v>2</v>
      </c>
      <c r="D81" s="22">
        <v>0</v>
      </c>
      <c r="E81" s="21">
        <v>4</v>
      </c>
      <c r="F81" s="22">
        <v>4</v>
      </c>
      <c r="G81" s="23">
        <v>0</v>
      </c>
      <c r="H81" s="22">
        <v>38</v>
      </c>
      <c r="I81" s="22">
        <v>21</v>
      </c>
      <c r="J81" s="22">
        <v>17</v>
      </c>
      <c r="K81" s="21">
        <v>32</v>
      </c>
      <c r="L81" s="53">
        <v>15</v>
      </c>
      <c r="M81" s="54">
        <v>17</v>
      </c>
    </row>
    <row r="82" spans="1:13">
      <c r="A82" s="40" t="s">
        <v>85</v>
      </c>
      <c r="B82" s="21">
        <v>1</v>
      </c>
      <c r="C82" s="22">
        <v>-6</v>
      </c>
      <c r="D82" s="22">
        <v>7</v>
      </c>
      <c r="E82" s="21">
        <v>3</v>
      </c>
      <c r="F82" s="22">
        <v>2</v>
      </c>
      <c r="G82" s="23">
        <v>1</v>
      </c>
      <c r="H82" s="22">
        <v>45</v>
      </c>
      <c r="I82" s="22">
        <v>21</v>
      </c>
      <c r="J82" s="22">
        <v>24</v>
      </c>
      <c r="K82" s="21">
        <v>41</v>
      </c>
      <c r="L82" s="53">
        <v>25</v>
      </c>
      <c r="M82" s="54">
        <v>16</v>
      </c>
    </row>
    <row r="83" spans="1:13" ht="19.5" customHeight="1">
      <c r="A83" s="34" t="s">
        <v>86</v>
      </c>
      <c r="B83" s="17">
        <v>-32</v>
      </c>
      <c r="C83" s="18">
        <v>-34</v>
      </c>
      <c r="D83" s="18">
        <v>2</v>
      </c>
      <c r="E83" s="17">
        <v>36</v>
      </c>
      <c r="F83" s="18">
        <v>25</v>
      </c>
      <c r="G83" s="19">
        <v>11</v>
      </c>
      <c r="H83" s="18">
        <v>171</v>
      </c>
      <c r="I83" s="18">
        <v>84</v>
      </c>
      <c r="J83" s="18">
        <v>87</v>
      </c>
      <c r="K83" s="17">
        <v>167</v>
      </c>
      <c r="L83" s="51">
        <v>93</v>
      </c>
      <c r="M83" s="52">
        <v>74</v>
      </c>
    </row>
    <row r="84" spans="1:13">
      <c r="A84" s="40" t="s">
        <v>87</v>
      </c>
      <c r="B84" s="21">
        <v>-3</v>
      </c>
      <c r="C84" s="22">
        <v>-8</v>
      </c>
      <c r="D84" s="22">
        <v>5</v>
      </c>
      <c r="E84" s="21">
        <v>4</v>
      </c>
      <c r="F84" s="22">
        <v>2</v>
      </c>
      <c r="G84" s="23">
        <v>2</v>
      </c>
      <c r="H84" s="22">
        <v>46</v>
      </c>
      <c r="I84" s="22">
        <v>20</v>
      </c>
      <c r="J84" s="22">
        <v>26</v>
      </c>
      <c r="K84" s="21">
        <v>45</v>
      </c>
      <c r="L84" s="53">
        <v>26</v>
      </c>
      <c r="M84" s="54">
        <v>19</v>
      </c>
    </row>
    <row r="85" spans="1:13">
      <c r="A85" s="40" t="s">
        <v>88</v>
      </c>
      <c r="B85" s="21">
        <v>-2</v>
      </c>
      <c r="C85" s="22">
        <v>-3</v>
      </c>
      <c r="D85" s="22">
        <v>1</v>
      </c>
      <c r="E85" s="21">
        <v>7</v>
      </c>
      <c r="F85" s="22">
        <v>6</v>
      </c>
      <c r="G85" s="23">
        <v>1</v>
      </c>
      <c r="H85" s="22">
        <v>37</v>
      </c>
      <c r="I85" s="22">
        <v>20</v>
      </c>
      <c r="J85" s="22">
        <v>17</v>
      </c>
      <c r="K85" s="21">
        <v>32</v>
      </c>
      <c r="L85" s="53">
        <v>17</v>
      </c>
      <c r="M85" s="54">
        <v>15</v>
      </c>
    </row>
    <row r="86" spans="1:13">
      <c r="A86" s="40" t="s">
        <v>89</v>
      </c>
      <c r="B86" s="21">
        <v>-14</v>
      </c>
      <c r="C86" s="22">
        <v>-8</v>
      </c>
      <c r="D86" s="22">
        <v>-6</v>
      </c>
      <c r="E86" s="21">
        <v>3</v>
      </c>
      <c r="F86" s="22">
        <v>0</v>
      </c>
      <c r="G86" s="23">
        <v>3</v>
      </c>
      <c r="H86" s="22">
        <v>27</v>
      </c>
      <c r="I86" s="22">
        <v>13</v>
      </c>
      <c r="J86" s="22">
        <v>14</v>
      </c>
      <c r="K86" s="21">
        <v>38</v>
      </c>
      <c r="L86" s="53">
        <v>21</v>
      </c>
      <c r="M86" s="54">
        <v>17</v>
      </c>
    </row>
    <row r="87" spans="1:13">
      <c r="A87" s="40" t="s">
        <v>90</v>
      </c>
      <c r="B87" s="21">
        <v>-12</v>
      </c>
      <c r="C87" s="22">
        <v>-10</v>
      </c>
      <c r="D87" s="22">
        <v>-2</v>
      </c>
      <c r="E87" s="21">
        <v>12</v>
      </c>
      <c r="F87" s="22">
        <v>8</v>
      </c>
      <c r="G87" s="23">
        <v>4</v>
      </c>
      <c r="H87" s="22">
        <v>29</v>
      </c>
      <c r="I87" s="22">
        <v>15</v>
      </c>
      <c r="J87" s="22">
        <v>14</v>
      </c>
      <c r="K87" s="21">
        <v>29</v>
      </c>
      <c r="L87" s="53">
        <v>17</v>
      </c>
      <c r="M87" s="54">
        <v>12</v>
      </c>
    </row>
    <row r="88" spans="1:13">
      <c r="A88" s="40" t="s">
        <v>91</v>
      </c>
      <c r="B88" s="21">
        <v>-1</v>
      </c>
      <c r="C88" s="22">
        <v>-5</v>
      </c>
      <c r="D88" s="22">
        <v>4</v>
      </c>
      <c r="E88" s="21">
        <v>10</v>
      </c>
      <c r="F88" s="22">
        <v>9</v>
      </c>
      <c r="G88" s="23">
        <v>1</v>
      </c>
      <c r="H88" s="22">
        <v>32</v>
      </c>
      <c r="I88" s="22">
        <v>16</v>
      </c>
      <c r="J88" s="22">
        <v>16</v>
      </c>
      <c r="K88" s="21">
        <v>23</v>
      </c>
      <c r="L88" s="53">
        <v>12</v>
      </c>
      <c r="M88" s="54">
        <v>11</v>
      </c>
    </row>
    <row r="89" spans="1:13" ht="19.5" customHeight="1">
      <c r="A89" s="34" t="s">
        <v>92</v>
      </c>
      <c r="B89" s="17">
        <v>-13</v>
      </c>
      <c r="C89" s="18">
        <v>-12</v>
      </c>
      <c r="D89" s="18">
        <v>-1</v>
      </c>
      <c r="E89" s="17">
        <v>36</v>
      </c>
      <c r="F89" s="18">
        <v>26</v>
      </c>
      <c r="G89" s="19">
        <v>10</v>
      </c>
      <c r="H89" s="18">
        <v>115</v>
      </c>
      <c r="I89" s="18">
        <v>64</v>
      </c>
      <c r="J89" s="18">
        <v>51</v>
      </c>
      <c r="K89" s="17">
        <v>92</v>
      </c>
      <c r="L89" s="51">
        <v>50</v>
      </c>
      <c r="M89" s="52">
        <v>42</v>
      </c>
    </row>
    <row r="90" spans="1:13">
      <c r="A90" s="40" t="s">
        <v>93</v>
      </c>
      <c r="B90" s="21">
        <v>-1</v>
      </c>
      <c r="C90" s="22">
        <v>0</v>
      </c>
      <c r="D90" s="22">
        <v>-1</v>
      </c>
      <c r="E90" s="21">
        <v>7</v>
      </c>
      <c r="F90" s="22">
        <v>5</v>
      </c>
      <c r="G90" s="23">
        <v>2</v>
      </c>
      <c r="H90" s="22">
        <v>25</v>
      </c>
      <c r="I90" s="22">
        <v>16</v>
      </c>
      <c r="J90" s="22">
        <v>9</v>
      </c>
      <c r="K90" s="21">
        <v>19</v>
      </c>
      <c r="L90" s="53">
        <v>11</v>
      </c>
      <c r="M90" s="54">
        <v>8</v>
      </c>
    </row>
    <row r="91" spans="1:13">
      <c r="A91" s="40" t="s">
        <v>94</v>
      </c>
      <c r="B91" s="21">
        <v>-5</v>
      </c>
      <c r="C91" s="22">
        <v>-6</v>
      </c>
      <c r="D91" s="22">
        <v>1</v>
      </c>
      <c r="E91" s="21">
        <v>8</v>
      </c>
      <c r="F91" s="22">
        <v>6</v>
      </c>
      <c r="G91" s="23">
        <v>2</v>
      </c>
      <c r="H91" s="22">
        <v>20</v>
      </c>
      <c r="I91" s="22">
        <v>11</v>
      </c>
      <c r="J91" s="22">
        <v>9</v>
      </c>
      <c r="K91" s="21">
        <v>17</v>
      </c>
      <c r="L91" s="53">
        <v>11</v>
      </c>
      <c r="M91" s="54">
        <v>6</v>
      </c>
    </row>
    <row r="92" spans="1:13">
      <c r="A92" s="40" t="s">
        <v>95</v>
      </c>
      <c r="B92" s="21">
        <v>3</v>
      </c>
      <c r="C92" s="22">
        <v>-2</v>
      </c>
      <c r="D92" s="22">
        <v>5</v>
      </c>
      <c r="E92" s="21">
        <v>6</v>
      </c>
      <c r="F92" s="22">
        <v>4</v>
      </c>
      <c r="G92" s="23">
        <v>2</v>
      </c>
      <c r="H92" s="22">
        <v>25</v>
      </c>
      <c r="I92" s="22">
        <v>13</v>
      </c>
      <c r="J92" s="22">
        <v>12</v>
      </c>
      <c r="K92" s="21">
        <v>16</v>
      </c>
      <c r="L92" s="53">
        <v>11</v>
      </c>
      <c r="M92" s="54">
        <v>5</v>
      </c>
    </row>
    <row r="93" spans="1:13">
      <c r="A93" s="40" t="s">
        <v>96</v>
      </c>
      <c r="B93" s="21">
        <v>-4</v>
      </c>
      <c r="C93" s="22">
        <v>-1</v>
      </c>
      <c r="D93" s="22">
        <v>-3</v>
      </c>
      <c r="E93" s="21">
        <v>7</v>
      </c>
      <c r="F93" s="22">
        <v>5</v>
      </c>
      <c r="G93" s="23">
        <v>2</v>
      </c>
      <c r="H93" s="22">
        <v>23</v>
      </c>
      <c r="I93" s="22">
        <v>15</v>
      </c>
      <c r="J93" s="22">
        <v>8</v>
      </c>
      <c r="K93" s="21">
        <v>20</v>
      </c>
      <c r="L93" s="53">
        <v>11</v>
      </c>
      <c r="M93" s="54">
        <v>9</v>
      </c>
    </row>
    <row r="94" spans="1:13">
      <c r="A94" s="40" t="s">
        <v>97</v>
      </c>
      <c r="B94" s="21">
        <v>-6</v>
      </c>
      <c r="C94" s="22">
        <v>-3</v>
      </c>
      <c r="D94" s="22">
        <v>-3</v>
      </c>
      <c r="E94" s="21">
        <v>8</v>
      </c>
      <c r="F94" s="22">
        <v>6</v>
      </c>
      <c r="G94" s="23">
        <v>2</v>
      </c>
      <c r="H94" s="22">
        <v>22</v>
      </c>
      <c r="I94" s="22">
        <v>9</v>
      </c>
      <c r="J94" s="22">
        <v>13</v>
      </c>
      <c r="K94" s="21">
        <v>20</v>
      </c>
      <c r="L94" s="53">
        <v>6</v>
      </c>
      <c r="M94" s="54">
        <v>14</v>
      </c>
    </row>
    <row r="95" spans="1:13" ht="19.5" customHeight="1">
      <c r="A95" s="34" t="s">
        <v>98</v>
      </c>
      <c r="B95" s="17">
        <v>-36</v>
      </c>
      <c r="C95" s="18">
        <v>-29</v>
      </c>
      <c r="D95" s="18">
        <v>-7</v>
      </c>
      <c r="E95" s="17">
        <v>67</v>
      </c>
      <c r="F95" s="18">
        <v>44</v>
      </c>
      <c r="G95" s="19">
        <v>23</v>
      </c>
      <c r="H95" s="18">
        <v>120</v>
      </c>
      <c r="I95" s="18">
        <v>56</v>
      </c>
      <c r="J95" s="18">
        <v>64</v>
      </c>
      <c r="K95" s="17">
        <v>89</v>
      </c>
      <c r="L95" s="51">
        <v>41</v>
      </c>
      <c r="M95" s="52">
        <v>48</v>
      </c>
    </row>
    <row r="96" spans="1:13">
      <c r="A96" s="40" t="s">
        <v>99</v>
      </c>
      <c r="B96" s="21">
        <v>7</v>
      </c>
      <c r="C96" s="22">
        <v>0</v>
      </c>
      <c r="D96" s="22">
        <v>7</v>
      </c>
      <c r="E96" s="21">
        <v>5</v>
      </c>
      <c r="F96" s="22">
        <v>4</v>
      </c>
      <c r="G96" s="23">
        <v>1</v>
      </c>
      <c r="H96" s="22">
        <v>28</v>
      </c>
      <c r="I96" s="22">
        <v>13</v>
      </c>
      <c r="J96" s="22">
        <v>15</v>
      </c>
      <c r="K96" s="21">
        <v>16</v>
      </c>
      <c r="L96" s="53">
        <v>9</v>
      </c>
      <c r="M96" s="54">
        <v>7</v>
      </c>
    </row>
    <row r="97" spans="1:13">
      <c r="A97" s="40" t="s">
        <v>100</v>
      </c>
      <c r="B97" s="21">
        <v>-23</v>
      </c>
      <c r="C97" s="22">
        <v>-18</v>
      </c>
      <c r="D97" s="22">
        <v>-5</v>
      </c>
      <c r="E97" s="21">
        <v>23</v>
      </c>
      <c r="F97" s="22">
        <v>18</v>
      </c>
      <c r="G97" s="23">
        <v>5</v>
      </c>
      <c r="H97" s="22">
        <v>16</v>
      </c>
      <c r="I97" s="22">
        <v>6</v>
      </c>
      <c r="J97" s="22">
        <v>10</v>
      </c>
      <c r="K97" s="21">
        <v>16</v>
      </c>
      <c r="L97" s="53">
        <v>6</v>
      </c>
      <c r="M97" s="54">
        <v>10</v>
      </c>
    </row>
    <row r="98" spans="1:13">
      <c r="A98" s="40" t="s">
        <v>101</v>
      </c>
      <c r="B98" s="21">
        <v>-5</v>
      </c>
      <c r="C98" s="22">
        <v>-1</v>
      </c>
      <c r="D98" s="22">
        <v>-4</v>
      </c>
      <c r="E98" s="21">
        <v>11</v>
      </c>
      <c r="F98" s="22">
        <v>5</v>
      </c>
      <c r="G98" s="23">
        <v>6</v>
      </c>
      <c r="H98" s="22">
        <v>22</v>
      </c>
      <c r="I98" s="22">
        <v>8</v>
      </c>
      <c r="J98" s="22">
        <v>14</v>
      </c>
      <c r="K98" s="21">
        <v>16</v>
      </c>
      <c r="L98" s="53">
        <v>4</v>
      </c>
      <c r="M98" s="54">
        <v>12</v>
      </c>
    </row>
    <row r="99" spans="1:13">
      <c r="A99" s="40" t="s">
        <v>102</v>
      </c>
      <c r="B99" s="21">
        <v>-10</v>
      </c>
      <c r="C99" s="22">
        <v>-5</v>
      </c>
      <c r="D99" s="22">
        <v>-5</v>
      </c>
      <c r="E99" s="21">
        <v>13</v>
      </c>
      <c r="F99" s="22">
        <v>7</v>
      </c>
      <c r="G99" s="23">
        <v>6</v>
      </c>
      <c r="H99" s="22">
        <v>26</v>
      </c>
      <c r="I99" s="22">
        <v>15</v>
      </c>
      <c r="J99" s="22">
        <v>11</v>
      </c>
      <c r="K99" s="21">
        <v>23</v>
      </c>
      <c r="L99" s="53">
        <v>13</v>
      </c>
      <c r="M99" s="54">
        <v>10</v>
      </c>
    </row>
    <row r="100" spans="1:13">
      <c r="A100" s="40" t="s">
        <v>103</v>
      </c>
      <c r="B100" s="21">
        <v>-5</v>
      </c>
      <c r="C100" s="22">
        <v>-5</v>
      </c>
      <c r="D100" s="22">
        <v>0</v>
      </c>
      <c r="E100" s="21">
        <v>15</v>
      </c>
      <c r="F100" s="22">
        <v>10</v>
      </c>
      <c r="G100" s="23">
        <v>5</v>
      </c>
      <c r="H100" s="22">
        <v>28</v>
      </c>
      <c r="I100" s="22">
        <v>14</v>
      </c>
      <c r="J100" s="22">
        <v>14</v>
      </c>
      <c r="K100" s="21">
        <v>18</v>
      </c>
      <c r="L100" s="53">
        <v>9</v>
      </c>
      <c r="M100" s="54">
        <v>9</v>
      </c>
    </row>
    <row r="101" spans="1:13" ht="19.5" customHeight="1">
      <c r="A101" s="34" t="s">
        <v>104</v>
      </c>
      <c r="B101" s="17">
        <v>-85</v>
      </c>
      <c r="C101" s="18">
        <v>-55</v>
      </c>
      <c r="D101" s="18">
        <v>-30</v>
      </c>
      <c r="E101" s="17">
        <v>103</v>
      </c>
      <c r="F101" s="18">
        <v>71</v>
      </c>
      <c r="G101" s="19">
        <v>32</v>
      </c>
      <c r="H101" s="18">
        <v>111</v>
      </c>
      <c r="I101" s="18">
        <v>59</v>
      </c>
      <c r="J101" s="18">
        <v>52</v>
      </c>
      <c r="K101" s="17">
        <v>93</v>
      </c>
      <c r="L101" s="51">
        <v>43</v>
      </c>
      <c r="M101" s="52">
        <v>50</v>
      </c>
    </row>
    <row r="102" spans="1:13">
      <c r="A102" s="40" t="s">
        <v>105</v>
      </c>
      <c r="B102" s="21">
        <v>-21</v>
      </c>
      <c r="C102" s="22">
        <v>-11</v>
      </c>
      <c r="D102" s="22">
        <v>-10</v>
      </c>
      <c r="E102" s="21">
        <v>26</v>
      </c>
      <c r="F102" s="22">
        <v>18</v>
      </c>
      <c r="G102" s="23">
        <v>8</v>
      </c>
      <c r="H102" s="22">
        <v>27</v>
      </c>
      <c r="I102" s="22">
        <v>15</v>
      </c>
      <c r="J102" s="22">
        <v>12</v>
      </c>
      <c r="K102" s="21">
        <v>22</v>
      </c>
      <c r="L102" s="53">
        <v>8</v>
      </c>
      <c r="M102" s="54">
        <v>14</v>
      </c>
    </row>
    <row r="103" spans="1:13">
      <c r="A103" s="40" t="s">
        <v>106</v>
      </c>
      <c r="B103" s="21">
        <v>-23</v>
      </c>
      <c r="C103" s="22">
        <v>-15</v>
      </c>
      <c r="D103" s="22">
        <v>-8</v>
      </c>
      <c r="E103" s="21">
        <v>17</v>
      </c>
      <c r="F103" s="22">
        <v>15</v>
      </c>
      <c r="G103" s="23">
        <v>2</v>
      </c>
      <c r="H103" s="22">
        <v>21</v>
      </c>
      <c r="I103" s="22">
        <v>11</v>
      </c>
      <c r="J103" s="22">
        <v>10</v>
      </c>
      <c r="K103" s="21">
        <v>27</v>
      </c>
      <c r="L103" s="53">
        <v>11</v>
      </c>
      <c r="M103" s="54">
        <v>16</v>
      </c>
    </row>
    <row r="104" spans="1:13">
      <c r="A104" s="40" t="s">
        <v>107</v>
      </c>
      <c r="B104" s="21">
        <v>-17</v>
      </c>
      <c r="C104" s="22">
        <v>-9</v>
      </c>
      <c r="D104" s="22">
        <v>-8</v>
      </c>
      <c r="E104" s="21">
        <v>26</v>
      </c>
      <c r="F104" s="22">
        <v>15</v>
      </c>
      <c r="G104" s="23">
        <v>11</v>
      </c>
      <c r="H104" s="22">
        <v>31</v>
      </c>
      <c r="I104" s="22">
        <v>17</v>
      </c>
      <c r="J104" s="22">
        <v>14</v>
      </c>
      <c r="K104" s="21">
        <v>22</v>
      </c>
      <c r="L104" s="53">
        <v>11</v>
      </c>
      <c r="M104" s="54">
        <v>11</v>
      </c>
    </row>
    <row r="105" spans="1:13">
      <c r="A105" s="40" t="s">
        <v>108</v>
      </c>
      <c r="B105" s="21">
        <v>-8</v>
      </c>
      <c r="C105" s="22">
        <v>-13</v>
      </c>
      <c r="D105" s="22">
        <v>5</v>
      </c>
      <c r="E105" s="21">
        <v>18</v>
      </c>
      <c r="F105" s="22">
        <v>14</v>
      </c>
      <c r="G105" s="23">
        <v>4</v>
      </c>
      <c r="H105" s="22">
        <v>23</v>
      </c>
      <c r="I105" s="22">
        <v>11</v>
      </c>
      <c r="J105" s="22">
        <v>12</v>
      </c>
      <c r="K105" s="21">
        <v>13</v>
      </c>
      <c r="L105" s="53">
        <v>10</v>
      </c>
      <c r="M105" s="54">
        <v>3</v>
      </c>
    </row>
    <row r="106" spans="1:13">
      <c r="A106" s="40" t="s">
        <v>109</v>
      </c>
      <c r="B106" s="21">
        <v>-16</v>
      </c>
      <c r="C106" s="22">
        <v>-7</v>
      </c>
      <c r="D106" s="22">
        <v>-9</v>
      </c>
      <c r="E106" s="21">
        <v>16</v>
      </c>
      <c r="F106" s="22">
        <v>9</v>
      </c>
      <c r="G106" s="23">
        <v>7</v>
      </c>
      <c r="H106" s="22">
        <v>9</v>
      </c>
      <c r="I106" s="22">
        <v>5</v>
      </c>
      <c r="J106" s="22">
        <v>4</v>
      </c>
      <c r="K106" s="21">
        <v>9</v>
      </c>
      <c r="L106" s="53">
        <v>3</v>
      </c>
      <c r="M106" s="54">
        <v>6</v>
      </c>
    </row>
    <row r="107" spans="1:13" ht="19.5" customHeight="1">
      <c r="A107" s="34" t="s">
        <v>110</v>
      </c>
      <c r="B107" s="17">
        <v>-183</v>
      </c>
      <c r="C107" s="18">
        <v>-110</v>
      </c>
      <c r="D107" s="18">
        <v>-73</v>
      </c>
      <c r="E107" s="17">
        <v>182</v>
      </c>
      <c r="F107" s="18">
        <v>115</v>
      </c>
      <c r="G107" s="19">
        <v>67</v>
      </c>
      <c r="H107" s="18">
        <v>89</v>
      </c>
      <c r="I107" s="18">
        <v>42</v>
      </c>
      <c r="J107" s="18">
        <v>47</v>
      </c>
      <c r="K107" s="17">
        <v>90</v>
      </c>
      <c r="L107" s="51">
        <v>37</v>
      </c>
      <c r="M107" s="52">
        <v>53</v>
      </c>
    </row>
    <row r="108" spans="1:13">
      <c r="A108" s="40" t="s">
        <v>111</v>
      </c>
      <c r="B108" s="21">
        <v>-30</v>
      </c>
      <c r="C108" s="22">
        <v>-20</v>
      </c>
      <c r="D108" s="22">
        <v>-10</v>
      </c>
      <c r="E108" s="21">
        <v>28</v>
      </c>
      <c r="F108" s="22">
        <v>20</v>
      </c>
      <c r="G108" s="23">
        <v>8</v>
      </c>
      <c r="H108" s="22">
        <v>18</v>
      </c>
      <c r="I108" s="22">
        <v>10</v>
      </c>
      <c r="J108" s="22">
        <v>8</v>
      </c>
      <c r="K108" s="21">
        <v>20</v>
      </c>
      <c r="L108" s="53">
        <v>10</v>
      </c>
      <c r="M108" s="54">
        <v>10</v>
      </c>
    </row>
    <row r="109" spans="1:13">
      <c r="A109" s="40" t="s">
        <v>112</v>
      </c>
      <c r="B109" s="21">
        <v>-43</v>
      </c>
      <c r="C109" s="22">
        <v>-28</v>
      </c>
      <c r="D109" s="22">
        <v>-15</v>
      </c>
      <c r="E109" s="21">
        <v>38</v>
      </c>
      <c r="F109" s="22">
        <v>28</v>
      </c>
      <c r="G109" s="23">
        <v>10</v>
      </c>
      <c r="H109" s="22">
        <v>14</v>
      </c>
      <c r="I109" s="22">
        <v>8</v>
      </c>
      <c r="J109" s="22">
        <v>6</v>
      </c>
      <c r="K109" s="21">
        <v>19</v>
      </c>
      <c r="L109" s="53">
        <v>8</v>
      </c>
      <c r="M109" s="54">
        <v>11</v>
      </c>
    </row>
    <row r="110" spans="1:13">
      <c r="A110" s="40" t="s">
        <v>113</v>
      </c>
      <c r="B110" s="21">
        <v>-26</v>
      </c>
      <c r="C110" s="22">
        <v>-16</v>
      </c>
      <c r="D110" s="22">
        <v>-10</v>
      </c>
      <c r="E110" s="21">
        <v>32</v>
      </c>
      <c r="F110" s="22">
        <v>20</v>
      </c>
      <c r="G110" s="23">
        <v>12</v>
      </c>
      <c r="H110" s="22">
        <v>20</v>
      </c>
      <c r="I110" s="22">
        <v>10</v>
      </c>
      <c r="J110" s="22">
        <v>10</v>
      </c>
      <c r="K110" s="21">
        <v>14</v>
      </c>
      <c r="L110" s="53">
        <v>6</v>
      </c>
      <c r="M110" s="54">
        <v>8</v>
      </c>
    </row>
    <row r="111" spans="1:13">
      <c r="A111" s="40" t="s">
        <v>114</v>
      </c>
      <c r="B111" s="21">
        <v>-36</v>
      </c>
      <c r="C111" s="22">
        <v>-24</v>
      </c>
      <c r="D111" s="22">
        <v>-12</v>
      </c>
      <c r="E111" s="21">
        <v>38</v>
      </c>
      <c r="F111" s="22">
        <v>24</v>
      </c>
      <c r="G111" s="23">
        <v>14</v>
      </c>
      <c r="H111" s="22">
        <v>21</v>
      </c>
      <c r="I111" s="22">
        <v>7</v>
      </c>
      <c r="J111" s="22">
        <v>14</v>
      </c>
      <c r="K111" s="21">
        <v>19</v>
      </c>
      <c r="L111" s="53">
        <v>7</v>
      </c>
      <c r="M111" s="54">
        <v>12</v>
      </c>
    </row>
    <row r="112" spans="1:13">
      <c r="A112" s="40" t="s">
        <v>115</v>
      </c>
      <c r="B112" s="21">
        <v>-48</v>
      </c>
      <c r="C112" s="22">
        <v>-22</v>
      </c>
      <c r="D112" s="22">
        <v>-26</v>
      </c>
      <c r="E112" s="21">
        <v>46</v>
      </c>
      <c r="F112" s="22">
        <v>23</v>
      </c>
      <c r="G112" s="23">
        <v>23</v>
      </c>
      <c r="H112" s="22">
        <v>16</v>
      </c>
      <c r="I112" s="22">
        <v>7</v>
      </c>
      <c r="J112" s="22">
        <v>9</v>
      </c>
      <c r="K112" s="21">
        <v>18</v>
      </c>
      <c r="L112" s="53">
        <v>6</v>
      </c>
      <c r="M112" s="54">
        <v>12</v>
      </c>
    </row>
    <row r="113" spans="1:13" ht="19.5" customHeight="1">
      <c r="A113" s="34" t="s">
        <v>116</v>
      </c>
      <c r="B113" s="17">
        <v>-223</v>
      </c>
      <c r="C113" s="18">
        <v>-145</v>
      </c>
      <c r="D113" s="18">
        <v>-78</v>
      </c>
      <c r="E113" s="17">
        <v>245</v>
      </c>
      <c r="F113" s="18">
        <v>154</v>
      </c>
      <c r="G113" s="19">
        <v>91</v>
      </c>
      <c r="H113" s="18">
        <v>83</v>
      </c>
      <c r="I113" s="18">
        <v>27</v>
      </c>
      <c r="J113" s="18">
        <v>56</v>
      </c>
      <c r="K113" s="17">
        <v>61</v>
      </c>
      <c r="L113" s="51">
        <v>18</v>
      </c>
      <c r="M113" s="52">
        <v>43</v>
      </c>
    </row>
    <row r="114" spans="1:13">
      <c r="A114" s="40" t="s">
        <v>117</v>
      </c>
      <c r="B114" s="21">
        <v>-39</v>
      </c>
      <c r="C114" s="22">
        <v>-24</v>
      </c>
      <c r="D114" s="22">
        <v>-15</v>
      </c>
      <c r="E114" s="21">
        <v>40</v>
      </c>
      <c r="F114" s="22">
        <v>26</v>
      </c>
      <c r="G114" s="23">
        <v>14</v>
      </c>
      <c r="H114" s="22">
        <v>16</v>
      </c>
      <c r="I114" s="22">
        <v>8</v>
      </c>
      <c r="J114" s="22">
        <v>8</v>
      </c>
      <c r="K114" s="21">
        <v>15</v>
      </c>
      <c r="L114" s="53">
        <v>6</v>
      </c>
      <c r="M114" s="54">
        <v>9</v>
      </c>
    </row>
    <row r="115" spans="1:13">
      <c r="A115" s="40" t="s">
        <v>118</v>
      </c>
      <c r="B115" s="21">
        <v>-34</v>
      </c>
      <c r="C115" s="22">
        <v>-28</v>
      </c>
      <c r="D115" s="22">
        <v>-6</v>
      </c>
      <c r="E115" s="21">
        <v>45</v>
      </c>
      <c r="F115" s="22">
        <v>31</v>
      </c>
      <c r="G115" s="23">
        <v>14</v>
      </c>
      <c r="H115" s="22">
        <v>17</v>
      </c>
      <c r="I115" s="22">
        <v>4</v>
      </c>
      <c r="J115" s="22">
        <v>13</v>
      </c>
      <c r="K115" s="21">
        <v>6</v>
      </c>
      <c r="L115" s="53">
        <v>1</v>
      </c>
      <c r="M115" s="54">
        <v>5</v>
      </c>
    </row>
    <row r="116" spans="1:13">
      <c r="A116" s="40" t="s">
        <v>119</v>
      </c>
      <c r="B116" s="21">
        <v>-37</v>
      </c>
      <c r="C116" s="22">
        <v>-26</v>
      </c>
      <c r="D116" s="22">
        <v>-11</v>
      </c>
      <c r="E116" s="21">
        <v>42</v>
      </c>
      <c r="F116" s="22">
        <v>28</v>
      </c>
      <c r="G116" s="23">
        <v>14</v>
      </c>
      <c r="H116" s="22">
        <v>17</v>
      </c>
      <c r="I116" s="22">
        <v>3</v>
      </c>
      <c r="J116" s="22">
        <v>14</v>
      </c>
      <c r="K116" s="21">
        <v>12</v>
      </c>
      <c r="L116" s="53">
        <v>1</v>
      </c>
      <c r="M116" s="54">
        <v>11</v>
      </c>
    </row>
    <row r="117" spans="1:13">
      <c r="A117" s="40" t="s">
        <v>120</v>
      </c>
      <c r="B117" s="21">
        <v>-54</v>
      </c>
      <c r="C117" s="22">
        <v>-27</v>
      </c>
      <c r="D117" s="22">
        <v>-27</v>
      </c>
      <c r="E117" s="21">
        <v>57</v>
      </c>
      <c r="F117" s="22">
        <v>32</v>
      </c>
      <c r="G117" s="23">
        <v>25</v>
      </c>
      <c r="H117" s="22">
        <v>18</v>
      </c>
      <c r="I117" s="22">
        <v>7</v>
      </c>
      <c r="J117" s="22">
        <v>11</v>
      </c>
      <c r="K117" s="21">
        <v>15</v>
      </c>
      <c r="L117" s="53">
        <v>2</v>
      </c>
      <c r="M117" s="54">
        <v>13</v>
      </c>
    </row>
    <row r="118" spans="1:13">
      <c r="A118" s="40" t="s">
        <v>121</v>
      </c>
      <c r="B118" s="21">
        <v>-59</v>
      </c>
      <c r="C118" s="22">
        <v>-40</v>
      </c>
      <c r="D118" s="22">
        <v>-19</v>
      </c>
      <c r="E118" s="21">
        <v>61</v>
      </c>
      <c r="F118" s="22">
        <v>37</v>
      </c>
      <c r="G118" s="23">
        <v>24</v>
      </c>
      <c r="H118" s="22">
        <v>15</v>
      </c>
      <c r="I118" s="22">
        <v>5</v>
      </c>
      <c r="J118" s="22">
        <v>10</v>
      </c>
      <c r="K118" s="21">
        <v>13</v>
      </c>
      <c r="L118" s="53">
        <v>8</v>
      </c>
      <c r="M118" s="54">
        <v>5</v>
      </c>
    </row>
    <row r="119" spans="1:13" ht="19.5" customHeight="1">
      <c r="A119" s="34" t="s">
        <v>122</v>
      </c>
      <c r="B119" s="17">
        <v>-260</v>
      </c>
      <c r="C119" s="18">
        <v>-125</v>
      </c>
      <c r="D119" s="18">
        <v>-135</v>
      </c>
      <c r="E119" s="17">
        <v>252</v>
      </c>
      <c r="F119" s="18">
        <v>119</v>
      </c>
      <c r="G119" s="19">
        <v>133</v>
      </c>
      <c r="H119" s="18">
        <v>64</v>
      </c>
      <c r="I119" s="18">
        <v>17</v>
      </c>
      <c r="J119" s="18">
        <v>47</v>
      </c>
      <c r="K119" s="17">
        <v>72</v>
      </c>
      <c r="L119" s="51">
        <v>23</v>
      </c>
      <c r="M119" s="52">
        <v>49</v>
      </c>
    </row>
    <row r="120" spans="1:13">
      <c r="A120" s="40" t="s">
        <v>123</v>
      </c>
      <c r="B120" s="21">
        <v>-50</v>
      </c>
      <c r="C120" s="22">
        <v>-20</v>
      </c>
      <c r="D120" s="22">
        <v>-30</v>
      </c>
      <c r="E120" s="21">
        <v>39</v>
      </c>
      <c r="F120" s="22">
        <v>17</v>
      </c>
      <c r="G120" s="23">
        <v>22</v>
      </c>
      <c r="H120" s="22">
        <v>12</v>
      </c>
      <c r="I120" s="22">
        <v>5</v>
      </c>
      <c r="J120" s="22">
        <v>7</v>
      </c>
      <c r="K120" s="21">
        <v>23</v>
      </c>
      <c r="L120" s="53">
        <v>8</v>
      </c>
      <c r="M120" s="54">
        <v>15</v>
      </c>
    </row>
    <row r="121" spans="1:13">
      <c r="A121" s="40" t="s">
        <v>124</v>
      </c>
      <c r="B121" s="21">
        <v>-44</v>
      </c>
      <c r="C121" s="22">
        <v>-27</v>
      </c>
      <c r="D121" s="22">
        <v>-17</v>
      </c>
      <c r="E121" s="21">
        <v>50</v>
      </c>
      <c r="F121" s="22">
        <v>28</v>
      </c>
      <c r="G121" s="23">
        <v>22</v>
      </c>
      <c r="H121" s="22">
        <v>15</v>
      </c>
      <c r="I121" s="22">
        <v>4</v>
      </c>
      <c r="J121" s="22">
        <v>11</v>
      </c>
      <c r="K121" s="21">
        <v>9</v>
      </c>
      <c r="L121" s="53">
        <v>3</v>
      </c>
      <c r="M121" s="54">
        <v>6</v>
      </c>
    </row>
    <row r="122" spans="1:13">
      <c r="A122" s="40" t="s">
        <v>125</v>
      </c>
      <c r="B122" s="21">
        <v>-66</v>
      </c>
      <c r="C122" s="22">
        <v>-29</v>
      </c>
      <c r="D122" s="22">
        <v>-37</v>
      </c>
      <c r="E122" s="21">
        <v>61</v>
      </c>
      <c r="F122" s="22">
        <v>27</v>
      </c>
      <c r="G122" s="23">
        <v>34</v>
      </c>
      <c r="H122" s="22">
        <v>11</v>
      </c>
      <c r="I122" s="22">
        <v>3</v>
      </c>
      <c r="J122" s="22">
        <v>8</v>
      </c>
      <c r="K122" s="21">
        <v>16</v>
      </c>
      <c r="L122" s="53">
        <v>5</v>
      </c>
      <c r="M122" s="54">
        <v>11</v>
      </c>
    </row>
    <row r="123" spans="1:13">
      <c r="A123" s="40" t="s">
        <v>126</v>
      </c>
      <c r="B123" s="21">
        <v>-48</v>
      </c>
      <c r="C123" s="22">
        <v>-23</v>
      </c>
      <c r="D123" s="22">
        <v>-25</v>
      </c>
      <c r="E123" s="21">
        <v>47</v>
      </c>
      <c r="F123" s="22">
        <v>24</v>
      </c>
      <c r="G123" s="23">
        <v>23</v>
      </c>
      <c r="H123" s="22">
        <v>12</v>
      </c>
      <c r="I123" s="22">
        <v>2</v>
      </c>
      <c r="J123" s="22">
        <v>10</v>
      </c>
      <c r="K123" s="21">
        <v>13</v>
      </c>
      <c r="L123" s="53">
        <v>1</v>
      </c>
      <c r="M123" s="54">
        <v>12</v>
      </c>
    </row>
    <row r="124" spans="1:13">
      <c r="A124" s="40" t="s">
        <v>127</v>
      </c>
      <c r="B124" s="21">
        <v>-52</v>
      </c>
      <c r="C124" s="22">
        <v>-26</v>
      </c>
      <c r="D124" s="22">
        <v>-26</v>
      </c>
      <c r="E124" s="21">
        <v>55</v>
      </c>
      <c r="F124" s="22">
        <v>23</v>
      </c>
      <c r="G124" s="23">
        <v>32</v>
      </c>
      <c r="H124" s="22">
        <v>14</v>
      </c>
      <c r="I124" s="22">
        <v>3</v>
      </c>
      <c r="J124" s="22">
        <v>11</v>
      </c>
      <c r="K124" s="21">
        <v>11</v>
      </c>
      <c r="L124" s="53">
        <v>6</v>
      </c>
      <c r="M124" s="54">
        <v>5</v>
      </c>
    </row>
    <row r="125" spans="1:13" ht="19.5" customHeight="1">
      <c r="A125" s="34" t="s">
        <v>128</v>
      </c>
      <c r="B125" s="17">
        <v>-230</v>
      </c>
      <c r="C125" s="18">
        <v>-82</v>
      </c>
      <c r="D125" s="18">
        <v>-148</v>
      </c>
      <c r="E125" s="17">
        <v>235</v>
      </c>
      <c r="F125" s="18">
        <v>85</v>
      </c>
      <c r="G125" s="19">
        <v>150</v>
      </c>
      <c r="H125" s="18">
        <v>34</v>
      </c>
      <c r="I125" s="18">
        <v>10</v>
      </c>
      <c r="J125" s="18">
        <v>24</v>
      </c>
      <c r="K125" s="17">
        <v>29</v>
      </c>
      <c r="L125" s="51">
        <v>7</v>
      </c>
      <c r="M125" s="52">
        <v>22</v>
      </c>
    </row>
    <row r="126" spans="1:13">
      <c r="A126" s="40" t="s">
        <v>129</v>
      </c>
      <c r="B126" s="21">
        <v>-57</v>
      </c>
      <c r="C126" s="22">
        <v>-24</v>
      </c>
      <c r="D126" s="22">
        <v>-33</v>
      </c>
      <c r="E126" s="21">
        <v>60</v>
      </c>
      <c r="F126" s="22">
        <v>25</v>
      </c>
      <c r="G126" s="23">
        <v>35</v>
      </c>
      <c r="H126" s="22">
        <v>9</v>
      </c>
      <c r="I126" s="22">
        <v>3</v>
      </c>
      <c r="J126" s="22">
        <v>6</v>
      </c>
      <c r="K126" s="21">
        <v>6</v>
      </c>
      <c r="L126" s="53">
        <v>2</v>
      </c>
      <c r="M126" s="54">
        <v>4</v>
      </c>
    </row>
    <row r="127" spans="1:13">
      <c r="A127" s="40" t="s">
        <v>130</v>
      </c>
      <c r="B127" s="21">
        <v>-42</v>
      </c>
      <c r="C127" s="22">
        <v>-19</v>
      </c>
      <c r="D127" s="22">
        <v>-23</v>
      </c>
      <c r="E127" s="21">
        <v>45</v>
      </c>
      <c r="F127" s="22">
        <v>19</v>
      </c>
      <c r="G127" s="23">
        <v>26</v>
      </c>
      <c r="H127" s="22">
        <v>7</v>
      </c>
      <c r="I127" s="22">
        <v>2</v>
      </c>
      <c r="J127" s="22">
        <v>5</v>
      </c>
      <c r="K127" s="21">
        <v>4</v>
      </c>
      <c r="L127" s="53">
        <v>2</v>
      </c>
      <c r="M127" s="54">
        <v>2</v>
      </c>
    </row>
    <row r="128" spans="1:13">
      <c r="A128" s="40" t="s">
        <v>131</v>
      </c>
      <c r="B128" s="21">
        <v>-50</v>
      </c>
      <c r="C128" s="22">
        <v>-13</v>
      </c>
      <c r="D128" s="22">
        <v>-37</v>
      </c>
      <c r="E128" s="21">
        <v>55</v>
      </c>
      <c r="F128" s="22">
        <v>14</v>
      </c>
      <c r="G128" s="23">
        <v>41</v>
      </c>
      <c r="H128" s="22">
        <v>9</v>
      </c>
      <c r="I128" s="22">
        <v>3</v>
      </c>
      <c r="J128" s="22">
        <v>6</v>
      </c>
      <c r="K128" s="21">
        <v>4</v>
      </c>
      <c r="L128" s="53">
        <v>2</v>
      </c>
      <c r="M128" s="54">
        <v>2</v>
      </c>
    </row>
    <row r="129" spans="1:13">
      <c r="A129" s="40" t="s">
        <v>132</v>
      </c>
      <c r="B129" s="21">
        <v>-50</v>
      </c>
      <c r="C129" s="22">
        <v>-13</v>
      </c>
      <c r="D129" s="22">
        <v>-37</v>
      </c>
      <c r="E129" s="21">
        <v>48</v>
      </c>
      <c r="F129" s="22">
        <v>15</v>
      </c>
      <c r="G129" s="23">
        <v>33</v>
      </c>
      <c r="H129" s="22">
        <v>5</v>
      </c>
      <c r="I129" s="22">
        <v>2</v>
      </c>
      <c r="J129" s="22">
        <v>3</v>
      </c>
      <c r="K129" s="21">
        <v>7</v>
      </c>
      <c r="L129" s="53">
        <v>0</v>
      </c>
      <c r="M129" s="54">
        <v>7</v>
      </c>
    </row>
    <row r="130" spans="1:13">
      <c r="A130" s="40" t="s">
        <v>133</v>
      </c>
      <c r="B130" s="21">
        <v>-31</v>
      </c>
      <c r="C130" s="22">
        <v>-13</v>
      </c>
      <c r="D130" s="22">
        <v>-18</v>
      </c>
      <c r="E130" s="21">
        <v>27</v>
      </c>
      <c r="F130" s="22">
        <v>12</v>
      </c>
      <c r="G130" s="23">
        <v>15</v>
      </c>
      <c r="H130" s="22">
        <v>4</v>
      </c>
      <c r="I130" s="22">
        <v>0</v>
      </c>
      <c r="J130" s="22">
        <v>4</v>
      </c>
      <c r="K130" s="21">
        <v>8</v>
      </c>
      <c r="L130" s="53">
        <v>1</v>
      </c>
      <c r="M130" s="54">
        <v>7</v>
      </c>
    </row>
    <row r="131" spans="1:13" ht="19.5" customHeight="1">
      <c r="A131" s="34" t="s">
        <v>134</v>
      </c>
      <c r="B131" s="17">
        <v>-88</v>
      </c>
      <c r="C131" s="18">
        <v>-19</v>
      </c>
      <c r="D131" s="18">
        <v>-69</v>
      </c>
      <c r="E131" s="17">
        <v>97</v>
      </c>
      <c r="F131" s="18">
        <v>22</v>
      </c>
      <c r="G131" s="19">
        <v>75</v>
      </c>
      <c r="H131" s="18">
        <v>21</v>
      </c>
      <c r="I131" s="18">
        <v>4</v>
      </c>
      <c r="J131" s="18">
        <v>17</v>
      </c>
      <c r="K131" s="17">
        <v>12</v>
      </c>
      <c r="L131" s="51">
        <v>1</v>
      </c>
      <c r="M131" s="52">
        <v>11</v>
      </c>
    </row>
    <row r="132" spans="1:13">
      <c r="A132" s="40" t="s">
        <v>135</v>
      </c>
      <c r="B132" s="21">
        <v>-32</v>
      </c>
      <c r="C132" s="22">
        <v>-8</v>
      </c>
      <c r="D132" s="22">
        <v>-24</v>
      </c>
      <c r="E132" s="21">
        <v>31</v>
      </c>
      <c r="F132" s="22">
        <v>9</v>
      </c>
      <c r="G132" s="23">
        <v>22</v>
      </c>
      <c r="H132" s="22">
        <v>6</v>
      </c>
      <c r="I132" s="22">
        <v>1</v>
      </c>
      <c r="J132" s="22">
        <v>5</v>
      </c>
      <c r="K132" s="21">
        <v>7</v>
      </c>
      <c r="L132" s="53">
        <v>0</v>
      </c>
      <c r="M132" s="54">
        <v>7</v>
      </c>
    </row>
    <row r="133" spans="1:13">
      <c r="A133" s="40" t="s">
        <v>136</v>
      </c>
      <c r="B133" s="21">
        <v>-10</v>
      </c>
      <c r="C133" s="22">
        <v>-4</v>
      </c>
      <c r="D133" s="22">
        <v>-6</v>
      </c>
      <c r="E133" s="21">
        <v>15</v>
      </c>
      <c r="F133" s="22">
        <v>6</v>
      </c>
      <c r="G133" s="23">
        <v>9</v>
      </c>
      <c r="H133" s="22">
        <v>6</v>
      </c>
      <c r="I133" s="22">
        <v>3</v>
      </c>
      <c r="J133" s="22">
        <v>3</v>
      </c>
      <c r="K133" s="21">
        <v>1</v>
      </c>
      <c r="L133" s="53">
        <v>1</v>
      </c>
      <c r="M133" s="54">
        <v>0</v>
      </c>
    </row>
    <row r="134" spans="1:13">
      <c r="A134" s="40" t="s">
        <v>137</v>
      </c>
      <c r="B134" s="21">
        <v>-10</v>
      </c>
      <c r="C134" s="22">
        <v>-2</v>
      </c>
      <c r="D134" s="22">
        <v>-8</v>
      </c>
      <c r="E134" s="21">
        <v>14</v>
      </c>
      <c r="F134" s="22">
        <v>2</v>
      </c>
      <c r="G134" s="23">
        <v>12</v>
      </c>
      <c r="H134" s="22">
        <v>5</v>
      </c>
      <c r="I134" s="22">
        <v>0</v>
      </c>
      <c r="J134" s="22">
        <v>5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14</v>
      </c>
      <c r="C135" s="22">
        <v>-2</v>
      </c>
      <c r="D135" s="22">
        <v>-12</v>
      </c>
      <c r="E135" s="21">
        <v>14</v>
      </c>
      <c r="F135" s="22">
        <v>2</v>
      </c>
      <c r="G135" s="23">
        <v>12</v>
      </c>
      <c r="H135" s="22">
        <v>3</v>
      </c>
      <c r="I135" s="22">
        <v>0</v>
      </c>
      <c r="J135" s="22">
        <v>3</v>
      </c>
      <c r="K135" s="21">
        <v>3</v>
      </c>
      <c r="L135" s="53">
        <v>0</v>
      </c>
      <c r="M135" s="54">
        <v>3</v>
      </c>
    </row>
    <row r="136" spans="1:13">
      <c r="A136" s="40" t="s">
        <v>139</v>
      </c>
      <c r="B136" s="21">
        <v>-22</v>
      </c>
      <c r="C136" s="22">
        <v>-3</v>
      </c>
      <c r="D136" s="22">
        <v>-19</v>
      </c>
      <c r="E136" s="21">
        <v>23</v>
      </c>
      <c r="F136" s="22">
        <v>3</v>
      </c>
      <c r="G136" s="23">
        <v>20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20</v>
      </c>
      <c r="C137" s="43">
        <v>-3</v>
      </c>
      <c r="D137" s="43">
        <v>-17</v>
      </c>
      <c r="E137" s="42">
        <v>21</v>
      </c>
      <c r="F137" s="43">
        <v>3</v>
      </c>
      <c r="G137" s="44">
        <v>18</v>
      </c>
      <c r="H137" s="43">
        <v>4</v>
      </c>
      <c r="I137" s="43">
        <v>0</v>
      </c>
      <c r="J137" s="43">
        <v>4</v>
      </c>
      <c r="K137" s="42">
        <v>3</v>
      </c>
      <c r="L137" s="67">
        <v>0</v>
      </c>
      <c r="M137" s="68">
        <v>3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5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436</v>
      </c>
      <c r="C5" s="14">
        <v>-230</v>
      </c>
      <c r="D5" s="14">
        <v>-206</v>
      </c>
      <c r="E5" s="13">
        <v>1210</v>
      </c>
      <c r="F5" s="14">
        <v>645</v>
      </c>
      <c r="G5" s="15">
        <v>565</v>
      </c>
      <c r="H5" s="14">
        <v>5555</v>
      </c>
      <c r="I5" s="14">
        <v>2961</v>
      </c>
      <c r="J5" s="14">
        <v>2594</v>
      </c>
      <c r="K5" s="13">
        <v>5490</v>
      </c>
      <c r="L5" s="49">
        <v>2917</v>
      </c>
      <c r="M5" s="50">
        <v>2573</v>
      </c>
    </row>
    <row r="6" spans="1:13" ht="19.5" customHeight="1">
      <c r="A6" s="16" t="s">
        <v>13</v>
      </c>
      <c r="B6" s="17">
        <v>711</v>
      </c>
      <c r="C6" s="18">
        <v>367</v>
      </c>
      <c r="D6" s="18">
        <v>344</v>
      </c>
      <c r="E6" s="17">
        <v>3</v>
      </c>
      <c r="F6" s="18">
        <v>1</v>
      </c>
      <c r="G6" s="19">
        <v>2</v>
      </c>
      <c r="H6" s="18">
        <v>332</v>
      </c>
      <c r="I6" s="18">
        <v>162</v>
      </c>
      <c r="J6" s="18">
        <v>170</v>
      </c>
      <c r="K6" s="17">
        <v>327</v>
      </c>
      <c r="L6" s="51">
        <v>165</v>
      </c>
      <c r="M6" s="52">
        <v>162</v>
      </c>
    </row>
    <row r="7" spans="1:13">
      <c r="A7" s="20" t="s">
        <v>14</v>
      </c>
      <c r="B7" s="21">
        <v>714</v>
      </c>
      <c r="C7" s="22">
        <v>361</v>
      </c>
      <c r="D7" s="22">
        <v>353</v>
      </c>
      <c r="E7" s="21">
        <v>3</v>
      </c>
      <c r="F7" s="22">
        <v>1</v>
      </c>
      <c r="G7" s="23">
        <v>2</v>
      </c>
      <c r="H7" s="22">
        <v>50</v>
      </c>
      <c r="I7" s="22">
        <v>15</v>
      </c>
      <c r="J7" s="22">
        <v>35</v>
      </c>
      <c r="K7" s="21">
        <v>42</v>
      </c>
      <c r="L7" s="53">
        <v>24</v>
      </c>
      <c r="M7" s="54">
        <v>18</v>
      </c>
    </row>
    <row r="8" spans="1:13">
      <c r="A8" s="20" t="s">
        <v>15</v>
      </c>
      <c r="B8" s="21">
        <v>-8</v>
      </c>
      <c r="C8" s="22">
        <v>-2</v>
      </c>
      <c r="D8" s="22">
        <v>-6</v>
      </c>
      <c r="E8" s="21">
        <v>0</v>
      </c>
      <c r="F8" s="22">
        <v>0</v>
      </c>
      <c r="G8" s="23">
        <v>0</v>
      </c>
      <c r="H8" s="22">
        <v>104</v>
      </c>
      <c r="I8" s="22">
        <v>53</v>
      </c>
      <c r="J8" s="22">
        <v>51</v>
      </c>
      <c r="K8" s="21">
        <v>112</v>
      </c>
      <c r="L8" s="53">
        <v>55</v>
      </c>
      <c r="M8" s="54">
        <v>57</v>
      </c>
    </row>
    <row r="9" spans="1:13">
      <c r="A9" s="20" t="s">
        <v>16</v>
      </c>
      <c r="B9" s="21">
        <v>10</v>
      </c>
      <c r="C9" s="22">
        <v>12</v>
      </c>
      <c r="D9" s="22">
        <v>-2</v>
      </c>
      <c r="E9" s="21">
        <v>0</v>
      </c>
      <c r="F9" s="22">
        <v>0</v>
      </c>
      <c r="G9" s="23">
        <v>0</v>
      </c>
      <c r="H9" s="22">
        <v>78</v>
      </c>
      <c r="I9" s="22">
        <v>44</v>
      </c>
      <c r="J9" s="22">
        <v>34</v>
      </c>
      <c r="K9" s="21">
        <v>68</v>
      </c>
      <c r="L9" s="53">
        <v>32</v>
      </c>
      <c r="M9" s="54">
        <v>36</v>
      </c>
    </row>
    <row r="10" spans="1:13">
      <c r="A10" s="20" t="s">
        <v>17</v>
      </c>
      <c r="B10" s="21">
        <v>-7</v>
      </c>
      <c r="C10" s="22">
        <v>-7</v>
      </c>
      <c r="D10" s="22">
        <v>0</v>
      </c>
      <c r="E10" s="21">
        <v>0</v>
      </c>
      <c r="F10" s="22">
        <v>0</v>
      </c>
      <c r="G10" s="23">
        <v>0</v>
      </c>
      <c r="H10" s="22">
        <v>56</v>
      </c>
      <c r="I10" s="22">
        <v>26</v>
      </c>
      <c r="J10" s="22">
        <v>30</v>
      </c>
      <c r="K10" s="21">
        <v>63</v>
      </c>
      <c r="L10" s="53">
        <v>33</v>
      </c>
      <c r="M10" s="54">
        <v>30</v>
      </c>
    </row>
    <row r="11" spans="1:13">
      <c r="A11" s="20" t="s">
        <v>18</v>
      </c>
      <c r="B11" s="21">
        <v>2</v>
      </c>
      <c r="C11" s="22">
        <v>3</v>
      </c>
      <c r="D11" s="22">
        <v>-1</v>
      </c>
      <c r="E11" s="21">
        <v>0</v>
      </c>
      <c r="F11" s="22">
        <v>0</v>
      </c>
      <c r="G11" s="23">
        <v>0</v>
      </c>
      <c r="H11" s="22">
        <v>44</v>
      </c>
      <c r="I11" s="22">
        <v>24</v>
      </c>
      <c r="J11" s="22">
        <v>20</v>
      </c>
      <c r="K11" s="21">
        <v>42</v>
      </c>
      <c r="L11" s="53">
        <v>21</v>
      </c>
      <c r="M11" s="54">
        <v>21</v>
      </c>
    </row>
    <row r="12" spans="1:13" ht="20.100000000000001" customHeight="1">
      <c r="A12" s="16" t="s">
        <v>19</v>
      </c>
      <c r="B12" s="17">
        <v>22</v>
      </c>
      <c r="C12" s="18">
        <v>27</v>
      </c>
      <c r="D12" s="18">
        <v>-5</v>
      </c>
      <c r="E12" s="17">
        <v>1</v>
      </c>
      <c r="F12" s="18">
        <v>1</v>
      </c>
      <c r="G12" s="19">
        <v>0</v>
      </c>
      <c r="H12" s="18">
        <v>165</v>
      </c>
      <c r="I12" s="18">
        <v>93</v>
      </c>
      <c r="J12" s="18">
        <v>72</v>
      </c>
      <c r="K12" s="17">
        <v>142</v>
      </c>
      <c r="L12" s="51">
        <v>65</v>
      </c>
      <c r="M12" s="52">
        <v>77</v>
      </c>
    </row>
    <row r="13" spans="1:13">
      <c r="A13" s="20" t="s">
        <v>20</v>
      </c>
      <c r="B13" s="21">
        <v>3</v>
      </c>
      <c r="C13" s="22">
        <v>3</v>
      </c>
      <c r="D13" s="22">
        <v>0</v>
      </c>
      <c r="E13" s="21">
        <v>1</v>
      </c>
      <c r="F13" s="22">
        <v>1</v>
      </c>
      <c r="G13" s="23">
        <v>0</v>
      </c>
      <c r="H13" s="22">
        <v>38</v>
      </c>
      <c r="I13" s="22">
        <v>19</v>
      </c>
      <c r="J13" s="22">
        <v>19</v>
      </c>
      <c r="K13" s="21">
        <v>34</v>
      </c>
      <c r="L13" s="53">
        <v>15</v>
      </c>
      <c r="M13" s="54">
        <v>19</v>
      </c>
    </row>
    <row r="14" spans="1:13">
      <c r="A14" s="20" t="s">
        <v>21</v>
      </c>
      <c r="B14" s="21">
        <v>-2</v>
      </c>
      <c r="C14" s="22">
        <v>3</v>
      </c>
      <c r="D14" s="22">
        <v>-5</v>
      </c>
      <c r="E14" s="21">
        <v>0</v>
      </c>
      <c r="F14" s="22">
        <v>0</v>
      </c>
      <c r="G14" s="23">
        <v>0</v>
      </c>
      <c r="H14" s="22">
        <v>27</v>
      </c>
      <c r="I14" s="22">
        <v>17</v>
      </c>
      <c r="J14" s="22">
        <v>10</v>
      </c>
      <c r="K14" s="21">
        <v>29</v>
      </c>
      <c r="L14" s="53">
        <v>14</v>
      </c>
      <c r="M14" s="54">
        <v>15</v>
      </c>
    </row>
    <row r="15" spans="1:13">
      <c r="A15" s="20" t="s">
        <v>22</v>
      </c>
      <c r="B15" s="21">
        <v>17</v>
      </c>
      <c r="C15" s="22">
        <v>11</v>
      </c>
      <c r="D15" s="22">
        <v>6</v>
      </c>
      <c r="E15" s="21">
        <v>0</v>
      </c>
      <c r="F15" s="22">
        <v>0</v>
      </c>
      <c r="G15" s="23">
        <v>0</v>
      </c>
      <c r="H15" s="22">
        <v>48</v>
      </c>
      <c r="I15" s="22">
        <v>27</v>
      </c>
      <c r="J15" s="22">
        <v>21</v>
      </c>
      <c r="K15" s="21">
        <v>31</v>
      </c>
      <c r="L15" s="53">
        <v>16</v>
      </c>
      <c r="M15" s="54">
        <v>15</v>
      </c>
    </row>
    <row r="16" spans="1:13">
      <c r="A16" s="20" t="s">
        <v>23</v>
      </c>
      <c r="B16" s="21">
        <v>6</v>
      </c>
      <c r="C16" s="22">
        <v>6</v>
      </c>
      <c r="D16" s="22">
        <v>0</v>
      </c>
      <c r="E16" s="21">
        <v>0</v>
      </c>
      <c r="F16" s="22">
        <v>0</v>
      </c>
      <c r="G16" s="23">
        <v>0</v>
      </c>
      <c r="H16" s="22">
        <v>30</v>
      </c>
      <c r="I16" s="22">
        <v>16</v>
      </c>
      <c r="J16" s="22">
        <v>14</v>
      </c>
      <c r="K16" s="21">
        <v>24</v>
      </c>
      <c r="L16" s="53">
        <v>10</v>
      </c>
      <c r="M16" s="54">
        <v>14</v>
      </c>
    </row>
    <row r="17" spans="1:13">
      <c r="A17" s="20" t="s">
        <v>24</v>
      </c>
      <c r="B17" s="21">
        <v>-2</v>
      </c>
      <c r="C17" s="22">
        <v>4</v>
      </c>
      <c r="D17" s="22">
        <v>-6</v>
      </c>
      <c r="E17" s="21">
        <v>0</v>
      </c>
      <c r="F17" s="22">
        <v>0</v>
      </c>
      <c r="G17" s="23">
        <v>0</v>
      </c>
      <c r="H17" s="22">
        <v>22</v>
      </c>
      <c r="I17" s="22">
        <v>14</v>
      </c>
      <c r="J17" s="22">
        <v>8</v>
      </c>
      <c r="K17" s="21">
        <v>24</v>
      </c>
      <c r="L17" s="53">
        <v>10</v>
      </c>
      <c r="M17" s="54">
        <v>14</v>
      </c>
    </row>
    <row r="18" spans="1:13" ht="20.100000000000001" customHeight="1">
      <c r="A18" s="16" t="s">
        <v>25</v>
      </c>
      <c r="B18" s="17">
        <v>-7</v>
      </c>
      <c r="C18" s="18">
        <v>-12</v>
      </c>
      <c r="D18" s="18">
        <v>5</v>
      </c>
      <c r="E18" s="17">
        <v>0</v>
      </c>
      <c r="F18" s="18">
        <v>0</v>
      </c>
      <c r="G18" s="19">
        <v>0</v>
      </c>
      <c r="H18" s="18">
        <v>87</v>
      </c>
      <c r="I18" s="18">
        <v>45</v>
      </c>
      <c r="J18" s="18">
        <v>42</v>
      </c>
      <c r="K18" s="17">
        <v>94</v>
      </c>
      <c r="L18" s="51">
        <v>57</v>
      </c>
      <c r="M18" s="52">
        <v>37</v>
      </c>
    </row>
    <row r="19" spans="1:13">
      <c r="A19" s="20" t="s">
        <v>26</v>
      </c>
      <c r="B19" s="21">
        <v>2</v>
      </c>
      <c r="C19" s="22">
        <v>0</v>
      </c>
      <c r="D19" s="22">
        <v>2</v>
      </c>
      <c r="E19" s="21">
        <v>0</v>
      </c>
      <c r="F19" s="22">
        <v>0</v>
      </c>
      <c r="G19" s="23">
        <v>0</v>
      </c>
      <c r="H19" s="22">
        <v>19</v>
      </c>
      <c r="I19" s="22">
        <v>11</v>
      </c>
      <c r="J19" s="22">
        <v>8</v>
      </c>
      <c r="K19" s="21">
        <v>17</v>
      </c>
      <c r="L19" s="53">
        <v>11</v>
      </c>
      <c r="M19" s="54">
        <v>6</v>
      </c>
    </row>
    <row r="20" spans="1:13">
      <c r="A20" s="20" t="s">
        <v>27</v>
      </c>
      <c r="B20" s="21">
        <v>-5</v>
      </c>
      <c r="C20" s="22">
        <v>-5</v>
      </c>
      <c r="D20" s="22">
        <v>0</v>
      </c>
      <c r="E20" s="21">
        <v>0</v>
      </c>
      <c r="F20" s="22">
        <v>0</v>
      </c>
      <c r="G20" s="23">
        <v>0</v>
      </c>
      <c r="H20" s="22">
        <v>12</v>
      </c>
      <c r="I20" s="22">
        <v>6</v>
      </c>
      <c r="J20" s="22">
        <v>6</v>
      </c>
      <c r="K20" s="21">
        <v>17</v>
      </c>
      <c r="L20" s="53">
        <v>11</v>
      </c>
      <c r="M20" s="54">
        <v>6</v>
      </c>
    </row>
    <row r="21" spans="1:13">
      <c r="A21" s="20" t="s">
        <v>28</v>
      </c>
      <c r="B21" s="21">
        <v>3</v>
      </c>
      <c r="C21" s="22">
        <v>2</v>
      </c>
      <c r="D21" s="22">
        <v>1</v>
      </c>
      <c r="E21" s="21">
        <v>0</v>
      </c>
      <c r="F21" s="22">
        <v>0</v>
      </c>
      <c r="G21" s="23">
        <v>0</v>
      </c>
      <c r="H21" s="22">
        <v>20</v>
      </c>
      <c r="I21" s="22">
        <v>11</v>
      </c>
      <c r="J21" s="22">
        <v>9</v>
      </c>
      <c r="K21" s="21">
        <v>17</v>
      </c>
      <c r="L21" s="53">
        <v>9</v>
      </c>
      <c r="M21" s="54">
        <v>8</v>
      </c>
    </row>
    <row r="22" spans="1:13">
      <c r="A22" s="20" t="s">
        <v>29</v>
      </c>
      <c r="B22" s="21">
        <v>-5</v>
      </c>
      <c r="C22" s="22">
        <v>-8</v>
      </c>
      <c r="D22" s="22">
        <v>3</v>
      </c>
      <c r="E22" s="21">
        <v>0</v>
      </c>
      <c r="F22" s="22">
        <v>0</v>
      </c>
      <c r="G22" s="23">
        <v>0</v>
      </c>
      <c r="H22" s="22">
        <v>21</v>
      </c>
      <c r="I22" s="22">
        <v>8</v>
      </c>
      <c r="J22" s="22">
        <v>13</v>
      </c>
      <c r="K22" s="21">
        <v>26</v>
      </c>
      <c r="L22" s="53">
        <v>16</v>
      </c>
      <c r="M22" s="54">
        <v>10</v>
      </c>
    </row>
    <row r="23" spans="1:13">
      <c r="A23" s="20" t="s">
        <v>30</v>
      </c>
      <c r="B23" s="21">
        <v>-2</v>
      </c>
      <c r="C23" s="22">
        <v>-1</v>
      </c>
      <c r="D23" s="22">
        <v>-1</v>
      </c>
      <c r="E23" s="21">
        <v>0</v>
      </c>
      <c r="F23" s="22">
        <v>0</v>
      </c>
      <c r="G23" s="23">
        <v>0</v>
      </c>
      <c r="H23" s="22">
        <v>15</v>
      </c>
      <c r="I23" s="22">
        <v>9</v>
      </c>
      <c r="J23" s="22">
        <v>6</v>
      </c>
      <c r="K23" s="21">
        <v>17</v>
      </c>
      <c r="L23" s="53">
        <v>10</v>
      </c>
      <c r="M23" s="54">
        <v>7</v>
      </c>
    </row>
    <row r="24" spans="1:13" ht="20.100000000000001" customHeight="1">
      <c r="A24" s="16" t="s">
        <v>31</v>
      </c>
      <c r="B24" s="17">
        <v>77</v>
      </c>
      <c r="C24" s="18">
        <v>48</v>
      </c>
      <c r="D24" s="18">
        <v>29</v>
      </c>
      <c r="E24" s="17">
        <v>0</v>
      </c>
      <c r="F24" s="18">
        <v>0</v>
      </c>
      <c r="G24" s="19">
        <v>0</v>
      </c>
      <c r="H24" s="18">
        <v>254</v>
      </c>
      <c r="I24" s="18">
        <v>145</v>
      </c>
      <c r="J24" s="18">
        <v>109</v>
      </c>
      <c r="K24" s="17">
        <v>177</v>
      </c>
      <c r="L24" s="51">
        <v>97</v>
      </c>
      <c r="M24" s="52">
        <v>80</v>
      </c>
    </row>
    <row r="25" spans="1:13">
      <c r="A25" s="20" t="s">
        <v>32</v>
      </c>
      <c r="B25" s="21">
        <v>-1</v>
      </c>
      <c r="C25" s="22">
        <v>-4</v>
      </c>
      <c r="D25" s="22">
        <v>3</v>
      </c>
      <c r="E25" s="21">
        <v>0</v>
      </c>
      <c r="F25" s="22">
        <v>0</v>
      </c>
      <c r="G25" s="23">
        <v>0</v>
      </c>
      <c r="H25" s="22">
        <v>21</v>
      </c>
      <c r="I25" s="22">
        <v>5</v>
      </c>
      <c r="J25" s="22">
        <v>16</v>
      </c>
      <c r="K25" s="21">
        <v>22</v>
      </c>
      <c r="L25" s="53">
        <v>9</v>
      </c>
      <c r="M25" s="54">
        <v>13</v>
      </c>
    </row>
    <row r="26" spans="1:13">
      <c r="A26" s="20" t="s">
        <v>33</v>
      </c>
      <c r="B26" s="21">
        <v>-7</v>
      </c>
      <c r="C26" s="22">
        <v>-13</v>
      </c>
      <c r="D26" s="22">
        <v>6</v>
      </c>
      <c r="E26" s="21">
        <v>0</v>
      </c>
      <c r="F26" s="22">
        <v>0</v>
      </c>
      <c r="G26" s="23">
        <v>0</v>
      </c>
      <c r="H26" s="22">
        <v>26</v>
      </c>
      <c r="I26" s="22">
        <v>7</v>
      </c>
      <c r="J26" s="22">
        <v>19</v>
      </c>
      <c r="K26" s="21">
        <v>33</v>
      </c>
      <c r="L26" s="53">
        <v>20</v>
      </c>
      <c r="M26" s="54">
        <v>13</v>
      </c>
    </row>
    <row r="27" spans="1:13">
      <c r="A27" s="20" t="s">
        <v>34</v>
      </c>
      <c r="B27" s="21">
        <v>5</v>
      </c>
      <c r="C27" s="22">
        <v>4</v>
      </c>
      <c r="D27" s="22">
        <v>1</v>
      </c>
      <c r="E27" s="21">
        <v>0</v>
      </c>
      <c r="F27" s="22">
        <v>0</v>
      </c>
      <c r="G27" s="23">
        <v>0</v>
      </c>
      <c r="H27" s="22">
        <v>17</v>
      </c>
      <c r="I27" s="22">
        <v>9</v>
      </c>
      <c r="J27" s="22">
        <v>8</v>
      </c>
      <c r="K27" s="21">
        <v>12</v>
      </c>
      <c r="L27" s="53">
        <v>5</v>
      </c>
      <c r="M27" s="54">
        <v>7</v>
      </c>
    </row>
    <row r="28" spans="1:13">
      <c r="A28" s="20" t="s">
        <v>35</v>
      </c>
      <c r="B28" s="21">
        <v>32</v>
      </c>
      <c r="C28" s="22">
        <v>31</v>
      </c>
      <c r="D28" s="22">
        <v>1</v>
      </c>
      <c r="E28" s="21">
        <v>0</v>
      </c>
      <c r="F28" s="22">
        <v>0</v>
      </c>
      <c r="G28" s="23">
        <v>0</v>
      </c>
      <c r="H28" s="22">
        <v>63</v>
      </c>
      <c r="I28" s="22">
        <v>39</v>
      </c>
      <c r="J28" s="22">
        <v>24</v>
      </c>
      <c r="K28" s="21">
        <v>31</v>
      </c>
      <c r="L28" s="53">
        <v>8</v>
      </c>
      <c r="M28" s="54">
        <v>23</v>
      </c>
    </row>
    <row r="29" spans="1:13">
      <c r="A29" s="20" t="s">
        <v>36</v>
      </c>
      <c r="B29" s="21">
        <v>48</v>
      </c>
      <c r="C29" s="22">
        <v>30</v>
      </c>
      <c r="D29" s="22">
        <v>18</v>
      </c>
      <c r="E29" s="21">
        <v>0</v>
      </c>
      <c r="F29" s="22">
        <v>0</v>
      </c>
      <c r="G29" s="23">
        <v>0</v>
      </c>
      <c r="H29" s="22">
        <v>127</v>
      </c>
      <c r="I29" s="22">
        <v>85</v>
      </c>
      <c r="J29" s="22">
        <v>42</v>
      </c>
      <c r="K29" s="21">
        <v>79</v>
      </c>
      <c r="L29" s="53">
        <v>55</v>
      </c>
      <c r="M29" s="54">
        <v>24</v>
      </c>
    </row>
    <row r="30" spans="1:13" ht="20.100000000000001" customHeight="1">
      <c r="A30" s="16" t="s">
        <v>37</v>
      </c>
      <c r="B30" s="17">
        <v>-50</v>
      </c>
      <c r="C30" s="18">
        <v>-65</v>
      </c>
      <c r="D30" s="18">
        <v>15</v>
      </c>
      <c r="E30" s="17">
        <v>4</v>
      </c>
      <c r="F30" s="18">
        <v>3</v>
      </c>
      <c r="G30" s="19">
        <v>1</v>
      </c>
      <c r="H30" s="18">
        <v>964</v>
      </c>
      <c r="I30" s="18">
        <v>531</v>
      </c>
      <c r="J30" s="18">
        <v>433</v>
      </c>
      <c r="K30" s="17">
        <v>1010</v>
      </c>
      <c r="L30" s="51">
        <v>593</v>
      </c>
      <c r="M30" s="52">
        <v>417</v>
      </c>
    </row>
    <row r="31" spans="1:13">
      <c r="A31" s="20" t="s">
        <v>38</v>
      </c>
      <c r="B31" s="21">
        <v>-55</v>
      </c>
      <c r="C31" s="22">
        <v>-36</v>
      </c>
      <c r="D31" s="22">
        <v>-19</v>
      </c>
      <c r="E31" s="21">
        <v>2</v>
      </c>
      <c r="F31" s="22">
        <v>1</v>
      </c>
      <c r="G31" s="23">
        <v>1</v>
      </c>
      <c r="H31" s="22">
        <v>102</v>
      </c>
      <c r="I31" s="22">
        <v>70</v>
      </c>
      <c r="J31" s="22">
        <v>32</v>
      </c>
      <c r="K31" s="21">
        <v>155</v>
      </c>
      <c r="L31" s="53">
        <v>105</v>
      </c>
      <c r="M31" s="54">
        <v>50</v>
      </c>
    </row>
    <row r="32" spans="1:13">
      <c r="A32" s="20" t="s">
        <v>39</v>
      </c>
      <c r="B32" s="21">
        <v>24</v>
      </c>
      <c r="C32" s="22">
        <v>-1</v>
      </c>
      <c r="D32" s="22">
        <v>25</v>
      </c>
      <c r="E32" s="21">
        <v>0</v>
      </c>
      <c r="F32" s="22">
        <v>0</v>
      </c>
      <c r="G32" s="23">
        <v>0</v>
      </c>
      <c r="H32" s="22">
        <v>166</v>
      </c>
      <c r="I32" s="22">
        <v>81</v>
      </c>
      <c r="J32" s="22">
        <v>85</v>
      </c>
      <c r="K32" s="21">
        <v>142</v>
      </c>
      <c r="L32" s="53">
        <v>82</v>
      </c>
      <c r="M32" s="54">
        <v>60</v>
      </c>
    </row>
    <row r="33" spans="1:13">
      <c r="A33" s="20" t="s">
        <v>40</v>
      </c>
      <c r="B33" s="21">
        <v>-16</v>
      </c>
      <c r="C33" s="22">
        <v>-19</v>
      </c>
      <c r="D33" s="22">
        <v>3</v>
      </c>
      <c r="E33" s="21">
        <v>0</v>
      </c>
      <c r="F33" s="22">
        <v>0</v>
      </c>
      <c r="G33" s="23">
        <v>0</v>
      </c>
      <c r="H33" s="22">
        <v>162</v>
      </c>
      <c r="I33" s="22">
        <v>81</v>
      </c>
      <c r="J33" s="22">
        <v>81</v>
      </c>
      <c r="K33" s="21">
        <v>178</v>
      </c>
      <c r="L33" s="53">
        <v>100</v>
      </c>
      <c r="M33" s="54">
        <v>78</v>
      </c>
    </row>
    <row r="34" spans="1:13">
      <c r="A34" s="20" t="s">
        <v>41</v>
      </c>
      <c r="B34" s="21">
        <v>-15</v>
      </c>
      <c r="C34" s="22">
        <v>-20</v>
      </c>
      <c r="D34" s="22">
        <v>5</v>
      </c>
      <c r="E34" s="21">
        <v>1</v>
      </c>
      <c r="F34" s="22">
        <v>1</v>
      </c>
      <c r="G34" s="23">
        <v>0</v>
      </c>
      <c r="H34" s="22">
        <v>344</v>
      </c>
      <c r="I34" s="22">
        <v>202</v>
      </c>
      <c r="J34" s="22">
        <v>142</v>
      </c>
      <c r="K34" s="21">
        <v>358</v>
      </c>
      <c r="L34" s="53">
        <v>221</v>
      </c>
      <c r="M34" s="54">
        <v>137</v>
      </c>
    </row>
    <row r="35" spans="1:13">
      <c r="A35" s="20" t="s">
        <v>42</v>
      </c>
      <c r="B35" s="21">
        <v>12</v>
      </c>
      <c r="C35" s="22">
        <v>11</v>
      </c>
      <c r="D35" s="22">
        <v>1</v>
      </c>
      <c r="E35" s="21">
        <v>1</v>
      </c>
      <c r="F35" s="22">
        <v>1</v>
      </c>
      <c r="G35" s="23">
        <v>0</v>
      </c>
      <c r="H35" s="22">
        <v>190</v>
      </c>
      <c r="I35" s="22">
        <v>97</v>
      </c>
      <c r="J35" s="22">
        <v>93</v>
      </c>
      <c r="K35" s="21">
        <v>177</v>
      </c>
      <c r="L35" s="53">
        <v>85</v>
      </c>
      <c r="M35" s="54">
        <v>92</v>
      </c>
    </row>
    <row r="36" spans="1:13" ht="20.100000000000001" customHeight="1">
      <c r="A36" s="16" t="s">
        <v>43</v>
      </c>
      <c r="B36" s="17">
        <v>45</v>
      </c>
      <c r="C36" s="18">
        <v>36</v>
      </c>
      <c r="D36" s="18">
        <v>9</v>
      </c>
      <c r="E36" s="17">
        <v>1</v>
      </c>
      <c r="F36" s="18">
        <v>1</v>
      </c>
      <c r="G36" s="19">
        <v>0</v>
      </c>
      <c r="H36" s="18">
        <v>969</v>
      </c>
      <c r="I36" s="18">
        <v>522</v>
      </c>
      <c r="J36" s="18">
        <v>447</v>
      </c>
      <c r="K36" s="17">
        <v>923</v>
      </c>
      <c r="L36" s="51">
        <v>485</v>
      </c>
      <c r="M36" s="52">
        <v>438</v>
      </c>
    </row>
    <row r="37" spans="1:13">
      <c r="A37" s="20" t="s">
        <v>44</v>
      </c>
      <c r="B37" s="21">
        <v>-1</v>
      </c>
      <c r="C37" s="22">
        <v>-14</v>
      </c>
      <c r="D37" s="22">
        <v>13</v>
      </c>
      <c r="E37" s="21">
        <v>0</v>
      </c>
      <c r="F37" s="22">
        <v>0</v>
      </c>
      <c r="G37" s="23">
        <v>0</v>
      </c>
      <c r="H37" s="22">
        <v>199</v>
      </c>
      <c r="I37" s="22">
        <v>103</v>
      </c>
      <c r="J37" s="22">
        <v>96</v>
      </c>
      <c r="K37" s="21">
        <v>200</v>
      </c>
      <c r="L37" s="53">
        <v>117</v>
      </c>
      <c r="M37" s="54">
        <v>83</v>
      </c>
    </row>
    <row r="38" spans="1:13">
      <c r="A38" s="20" t="s">
        <v>45</v>
      </c>
      <c r="B38" s="21">
        <v>-7</v>
      </c>
      <c r="C38" s="22">
        <v>-7</v>
      </c>
      <c r="D38" s="22">
        <v>0</v>
      </c>
      <c r="E38" s="21">
        <v>0</v>
      </c>
      <c r="F38" s="22">
        <v>0</v>
      </c>
      <c r="G38" s="23">
        <v>0</v>
      </c>
      <c r="H38" s="22">
        <v>178</v>
      </c>
      <c r="I38" s="22">
        <v>93</v>
      </c>
      <c r="J38" s="22">
        <v>85</v>
      </c>
      <c r="K38" s="21">
        <v>185</v>
      </c>
      <c r="L38" s="53">
        <v>100</v>
      </c>
      <c r="M38" s="54">
        <v>85</v>
      </c>
    </row>
    <row r="39" spans="1:13">
      <c r="A39" s="20" t="s">
        <v>46</v>
      </c>
      <c r="B39" s="21">
        <v>37</v>
      </c>
      <c r="C39" s="22">
        <v>17</v>
      </c>
      <c r="D39" s="22">
        <v>20</v>
      </c>
      <c r="E39" s="21">
        <v>1</v>
      </c>
      <c r="F39" s="22">
        <v>1</v>
      </c>
      <c r="G39" s="23">
        <v>0</v>
      </c>
      <c r="H39" s="22">
        <v>212</v>
      </c>
      <c r="I39" s="22">
        <v>103</v>
      </c>
      <c r="J39" s="22">
        <v>109</v>
      </c>
      <c r="K39" s="21">
        <v>174</v>
      </c>
      <c r="L39" s="53">
        <v>85</v>
      </c>
      <c r="M39" s="54">
        <v>89</v>
      </c>
    </row>
    <row r="40" spans="1:13">
      <c r="A40" s="20" t="s">
        <v>47</v>
      </c>
      <c r="B40" s="21">
        <v>11</v>
      </c>
      <c r="C40" s="22">
        <v>25</v>
      </c>
      <c r="D40" s="22">
        <v>-14</v>
      </c>
      <c r="E40" s="21">
        <v>0</v>
      </c>
      <c r="F40" s="22">
        <v>0</v>
      </c>
      <c r="G40" s="23">
        <v>0</v>
      </c>
      <c r="H40" s="22">
        <v>199</v>
      </c>
      <c r="I40" s="22">
        <v>118</v>
      </c>
      <c r="J40" s="22">
        <v>81</v>
      </c>
      <c r="K40" s="21">
        <v>188</v>
      </c>
      <c r="L40" s="53">
        <v>93</v>
      </c>
      <c r="M40" s="54">
        <v>95</v>
      </c>
    </row>
    <row r="41" spans="1:13">
      <c r="A41" s="20" t="s">
        <v>48</v>
      </c>
      <c r="B41" s="21">
        <v>5</v>
      </c>
      <c r="C41" s="22">
        <v>15</v>
      </c>
      <c r="D41" s="22">
        <v>-10</v>
      </c>
      <c r="E41" s="21">
        <v>0</v>
      </c>
      <c r="F41" s="22">
        <v>0</v>
      </c>
      <c r="G41" s="23">
        <v>0</v>
      </c>
      <c r="H41" s="22">
        <v>181</v>
      </c>
      <c r="I41" s="22">
        <v>105</v>
      </c>
      <c r="J41" s="22">
        <v>76</v>
      </c>
      <c r="K41" s="21">
        <v>176</v>
      </c>
      <c r="L41" s="53">
        <v>90</v>
      </c>
      <c r="M41" s="54">
        <v>86</v>
      </c>
    </row>
    <row r="42" spans="1:13" ht="20.100000000000001" customHeight="1">
      <c r="A42" s="16" t="s">
        <v>49</v>
      </c>
      <c r="B42" s="17">
        <v>-16</v>
      </c>
      <c r="C42" s="18">
        <v>3</v>
      </c>
      <c r="D42" s="18">
        <v>-19</v>
      </c>
      <c r="E42" s="17">
        <v>2</v>
      </c>
      <c r="F42" s="18">
        <v>2</v>
      </c>
      <c r="G42" s="19">
        <v>0</v>
      </c>
      <c r="H42" s="18">
        <v>687</v>
      </c>
      <c r="I42" s="18">
        <v>369</v>
      </c>
      <c r="J42" s="18">
        <v>318</v>
      </c>
      <c r="K42" s="17">
        <v>701</v>
      </c>
      <c r="L42" s="51">
        <v>364</v>
      </c>
      <c r="M42" s="52">
        <v>337</v>
      </c>
    </row>
    <row r="43" spans="1:13">
      <c r="A43" s="20" t="s">
        <v>50</v>
      </c>
      <c r="B43" s="21">
        <v>-25</v>
      </c>
      <c r="C43" s="22">
        <v>-17</v>
      </c>
      <c r="D43" s="22">
        <v>-8</v>
      </c>
      <c r="E43" s="21">
        <v>0</v>
      </c>
      <c r="F43" s="22">
        <v>0</v>
      </c>
      <c r="G43" s="23">
        <v>0</v>
      </c>
      <c r="H43" s="22">
        <v>160</v>
      </c>
      <c r="I43" s="22">
        <v>83</v>
      </c>
      <c r="J43" s="22">
        <v>77</v>
      </c>
      <c r="K43" s="21">
        <v>185</v>
      </c>
      <c r="L43" s="53">
        <v>100</v>
      </c>
      <c r="M43" s="54">
        <v>85</v>
      </c>
    </row>
    <row r="44" spans="1:13">
      <c r="A44" s="20" t="s">
        <v>51</v>
      </c>
      <c r="B44" s="21">
        <v>-3</v>
      </c>
      <c r="C44" s="22">
        <v>-8</v>
      </c>
      <c r="D44" s="22">
        <v>5</v>
      </c>
      <c r="E44" s="21">
        <v>1</v>
      </c>
      <c r="F44" s="22">
        <v>1</v>
      </c>
      <c r="G44" s="23">
        <v>0</v>
      </c>
      <c r="H44" s="22">
        <v>169</v>
      </c>
      <c r="I44" s="22">
        <v>88</v>
      </c>
      <c r="J44" s="22">
        <v>81</v>
      </c>
      <c r="K44" s="21">
        <v>171</v>
      </c>
      <c r="L44" s="53">
        <v>95</v>
      </c>
      <c r="M44" s="54">
        <v>76</v>
      </c>
    </row>
    <row r="45" spans="1:13">
      <c r="A45" s="20" t="s">
        <v>52</v>
      </c>
      <c r="B45" s="21">
        <v>13</v>
      </c>
      <c r="C45" s="22">
        <v>7</v>
      </c>
      <c r="D45" s="22">
        <v>6</v>
      </c>
      <c r="E45" s="21">
        <v>1</v>
      </c>
      <c r="F45" s="22">
        <v>1</v>
      </c>
      <c r="G45" s="23">
        <v>0</v>
      </c>
      <c r="H45" s="22">
        <v>148</v>
      </c>
      <c r="I45" s="22">
        <v>83</v>
      </c>
      <c r="J45" s="22">
        <v>65</v>
      </c>
      <c r="K45" s="21">
        <v>134</v>
      </c>
      <c r="L45" s="53">
        <v>75</v>
      </c>
      <c r="M45" s="54">
        <v>59</v>
      </c>
    </row>
    <row r="46" spans="1:13">
      <c r="A46" s="20" t="s">
        <v>53</v>
      </c>
      <c r="B46" s="21">
        <v>-7</v>
      </c>
      <c r="C46" s="22">
        <v>9</v>
      </c>
      <c r="D46" s="22">
        <v>-16</v>
      </c>
      <c r="E46" s="21">
        <v>0</v>
      </c>
      <c r="F46" s="22">
        <v>0</v>
      </c>
      <c r="G46" s="23">
        <v>0</v>
      </c>
      <c r="H46" s="22">
        <v>100</v>
      </c>
      <c r="I46" s="22">
        <v>52</v>
      </c>
      <c r="J46" s="22">
        <v>48</v>
      </c>
      <c r="K46" s="21">
        <v>107</v>
      </c>
      <c r="L46" s="53">
        <v>43</v>
      </c>
      <c r="M46" s="54">
        <v>64</v>
      </c>
    </row>
    <row r="47" spans="1:13">
      <c r="A47" s="20" t="s">
        <v>54</v>
      </c>
      <c r="B47" s="21">
        <v>6</v>
      </c>
      <c r="C47" s="22">
        <v>12</v>
      </c>
      <c r="D47" s="22">
        <v>-6</v>
      </c>
      <c r="E47" s="21">
        <v>0</v>
      </c>
      <c r="F47" s="22">
        <v>0</v>
      </c>
      <c r="G47" s="23">
        <v>0</v>
      </c>
      <c r="H47" s="22">
        <v>110</v>
      </c>
      <c r="I47" s="22">
        <v>63</v>
      </c>
      <c r="J47" s="22">
        <v>47</v>
      </c>
      <c r="K47" s="21">
        <v>104</v>
      </c>
      <c r="L47" s="53">
        <v>51</v>
      </c>
      <c r="M47" s="54">
        <v>53</v>
      </c>
    </row>
    <row r="48" spans="1:13" ht="20.100000000000001" customHeight="1">
      <c r="A48" s="16" t="s">
        <v>55</v>
      </c>
      <c r="B48" s="17">
        <v>-1</v>
      </c>
      <c r="C48" s="18">
        <v>-27</v>
      </c>
      <c r="D48" s="18">
        <v>26</v>
      </c>
      <c r="E48" s="17">
        <v>2</v>
      </c>
      <c r="F48" s="18">
        <v>1</v>
      </c>
      <c r="G48" s="19">
        <v>1</v>
      </c>
      <c r="H48" s="18">
        <v>506</v>
      </c>
      <c r="I48" s="18">
        <v>250</v>
      </c>
      <c r="J48" s="18">
        <v>256</v>
      </c>
      <c r="K48" s="17">
        <v>505</v>
      </c>
      <c r="L48" s="51">
        <v>276</v>
      </c>
      <c r="M48" s="52">
        <v>229</v>
      </c>
    </row>
    <row r="49" spans="1:13">
      <c r="A49" s="20" t="s">
        <v>56</v>
      </c>
      <c r="B49" s="21">
        <v>-1</v>
      </c>
      <c r="C49" s="22">
        <v>-21</v>
      </c>
      <c r="D49" s="22">
        <v>20</v>
      </c>
      <c r="E49" s="21">
        <v>0</v>
      </c>
      <c r="F49" s="22">
        <v>0</v>
      </c>
      <c r="G49" s="23">
        <v>0</v>
      </c>
      <c r="H49" s="22">
        <v>137</v>
      </c>
      <c r="I49" s="22">
        <v>67</v>
      </c>
      <c r="J49" s="22">
        <v>70</v>
      </c>
      <c r="K49" s="21">
        <v>138</v>
      </c>
      <c r="L49" s="53">
        <v>88</v>
      </c>
      <c r="M49" s="54">
        <v>50</v>
      </c>
    </row>
    <row r="50" spans="1:13">
      <c r="A50" s="20" t="s">
        <v>57</v>
      </c>
      <c r="B50" s="21">
        <v>2</v>
      </c>
      <c r="C50" s="22">
        <v>-5</v>
      </c>
      <c r="D50" s="22">
        <v>7</v>
      </c>
      <c r="E50" s="21">
        <v>1</v>
      </c>
      <c r="F50" s="22">
        <v>1</v>
      </c>
      <c r="G50" s="23">
        <v>0</v>
      </c>
      <c r="H50" s="22">
        <v>108</v>
      </c>
      <c r="I50" s="22">
        <v>53</v>
      </c>
      <c r="J50" s="22">
        <v>55</v>
      </c>
      <c r="K50" s="21">
        <v>105</v>
      </c>
      <c r="L50" s="53">
        <v>57</v>
      </c>
      <c r="M50" s="54">
        <v>48</v>
      </c>
    </row>
    <row r="51" spans="1:13">
      <c r="A51" s="20" t="s">
        <v>58</v>
      </c>
      <c r="B51" s="21">
        <v>14</v>
      </c>
      <c r="C51" s="22">
        <v>0</v>
      </c>
      <c r="D51" s="22">
        <v>14</v>
      </c>
      <c r="E51" s="21">
        <v>0</v>
      </c>
      <c r="F51" s="22">
        <v>0</v>
      </c>
      <c r="G51" s="23">
        <v>0</v>
      </c>
      <c r="H51" s="22">
        <v>108</v>
      </c>
      <c r="I51" s="22">
        <v>46</v>
      </c>
      <c r="J51" s="22">
        <v>62</v>
      </c>
      <c r="K51" s="21">
        <v>94</v>
      </c>
      <c r="L51" s="53">
        <v>46</v>
      </c>
      <c r="M51" s="54">
        <v>48</v>
      </c>
    </row>
    <row r="52" spans="1:13">
      <c r="A52" s="20" t="s">
        <v>59</v>
      </c>
      <c r="B52" s="21">
        <v>6</v>
      </c>
      <c r="C52" s="22">
        <v>14</v>
      </c>
      <c r="D52" s="22">
        <v>-8</v>
      </c>
      <c r="E52" s="21">
        <v>1</v>
      </c>
      <c r="F52" s="22">
        <v>0</v>
      </c>
      <c r="G52" s="23">
        <v>1</v>
      </c>
      <c r="H52" s="22">
        <v>93</v>
      </c>
      <c r="I52" s="22">
        <v>51</v>
      </c>
      <c r="J52" s="22">
        <v>42</v>
      </c>
      <c r="K52" s="21">
        <v>86</v>
      </c>
      <c r="L52" s="53">
        <v>37</v>
      </c>
      <c r="M52" s="54">
        <v>49</v>
      </c>
    </row>
    <row r="53" spans="1:13">
      <c r="A53" s="20" t="s">
        <v>60</v>
      </c>
      <c r="B53" s="21">
        <v>-22</v>
      </c>
      <c r="C53" s="22">
        <v>-15</v>
      </c>
      <c r="D53" s="22">
        <v>-7</v>
      </c>
      <c r="E53" s="21">
        <v>0</v>
      </c>
      <c r="F53" s="22">
        <v>0</v>
      </c>
      <c r="G53" s="23">
        <v>0</v>
      </c>
      <c r="H53" s="22">
        <v>60</v>
      </c>
      <c r="I53" s="22">
        <v>33</v>
      </c>
      <c r="J53" s="22">
        <v>27</v>
      </c>
      <c r="K53" s="21">
        <v>82</v>
      </c>
      <c r="L53" s="53">
        <v>48</v>
      </c>
      <c r="M53" s="54">
        <v>34</v>
      </c>
    </row>
    <row r="54" spans="1:13" ht="20.100000000000001" customHeight="1">
      <c r="A54" s="16" t="s">
        <v>61</v>
      </c>
      <c r="B54" s="17">
        <v>-35</v>
      </c>
      <c r="C54" s="18">
        <v>-11</v>
      </c>
      <c r="D54" s="18">
        <v>-24</v>
      </c>
      <c r="E54" s="17">
        <v>4</v>
      </c>
      <c r="F54" s="18">
        <v>2</v>
      </c>
      <c r="G54" s="19">
        <v>2</v>
      </c>
      <c r="H54" s="18">
        <v>314</v>
      </c>
      <c r="I54" s="18">
        <v>178</v>
      </c>
      <c r="J54" s="18">
        <v>136</v>
      </c>
      <c r="K54" s="17">
        <v>345</v>
      </c>
      <c r="L54" s="51">
        <v>187</v>
      </c>
      <c r="M54" s="52">
        <v>158</v>
      </c>
    </row>
    <row r="55" spans="1:13">
      <c r="A55" s="20" t="s">
        <v>62</v>
      </c>
      <c r="B55" s="21">
        <v>3</v>
      </c>
      <c r="C55" s="22">
        <v>3</v>
      </c>
      <c r="D55" s="22">
        <v>0</v>
      </c>
      <c r="E55" s="21">
        <v>0</v>
      </c>
      <c r="F55" s="22">
        <v>0</v>
      </c>
      <c r="G55" s="23">
        <v>0</v>
      </c>
      <c r="H55" s="22">
        <v>69</v>
      </c>
      <c r="I55" s="22">
        <v>40</v>
      </c>
      <c r="J55" s="22">
        <v>29</v>
      </c>
      <c r="K55" s="21">
        <v>66</v>
      </c>
      <c r="L55" s="53">
        <v>37</v>
      </c>
      <c r="M55" s="54">
        <v>29</v>
      </c>
    </row>
    <row r="56" spans="1:13">
      <c r="A56" s="20" t="s">
        <v>63</v>
      </c>
      <c r="B56" s="21">
        <v>-7</v>
      </c>
      <c r="C56" s="22">
        <v>-9</v>
      </c>
      <c r="D56" s="22">
        <v>2</v>
      </c>
      <c r="E56" s="21">
        <v>2</v>
      </c>
      <c r="F56" s="22">
        <v>2</v>
      </c>
      <c r="G56" s="23">
        <v>0</v>
      </c>
      <c r="H56" s="22">
        <v>66</v>
      </c>
      <c r="I56" s="22">
        <v>32</v>
      </c>
      <c r="J56" s="22">
        <v>34</v>
      </c>
      <c r="K56" s="21">
        <v>71</v>
      </c>
      <c r="L56" s="53">
        <v>39</v>
      </c>
      <c r="M56" s="54">
        <v>32</v>
      </c>
    </row>
    <row r="57" spans="1:13">
      <c r="A57" s="20" t="s">
        <v>64</v>
      </c>
      <c r="B57" s="21">
        <v>-12</v>
      </c>
      <c r="C57" s="22">
        <v>-3</v>
      </c>
      <c r="D57" s="22">
        <v>-9</v>
      </c>
      <c r="E57" s="21">
        <v>1</v>
      </c>
      <c r="F57" s="22">
        <v>0</v>
      </c>
      <c r="G57" s="23">
        <v>1</v>
      </c>
      <c r="H57" s="22">
        <v>59</v>
      </c>
      <c r="I57" s="22">
        <v>37</v>
      </c>
      <c r="J57" s="22">
        <v>22</v>
      </c>
      <c r="K57" s="21">
        <v>70</v>
      </c>
      <c r="L57" s="53">
        <v>40</v>
      </c>
      <c r="M57" s="54">
        <v>30</v>
      </c>
    </row>
    <row r="58" spans="1:13">
      <c r="A58" s="20" t="s">
        <v>65</v>
      </c>
      <c r="B58" s="21">
        <v>-8</v>
      </c>
      <c r="C58" s="22">
        <v>-1</v>
      </c>
      <c r="D58" s="22">
        <v>-7</v>
      </c>
      <c r="E58" s="21">
        <v>1</v>
      </c>
      <c r="F58" s="22">
        <v>0</v>
      </c>
      <c r="G58" s="23">
        <v>1</v>
      </c>
      <c r="H58" s="22">
        <v>71</v>
      </c>
      <c r="I58" s="22">
        <v>43</v>
      </c>
      <c r="J58" s="22">
        <v>28</v>
      </c>
      <c r="K58" s="21">
        <v>78</v>
      </c>
      <c r="L58" s="53">
        <v>44</v>
      </c>
      <c r="M58" s="54">
        <v>34</v>
      </c>
    </row>
    <row r="59" spans="1:13">
      <c r="A59" s="20" t="s">
        <v>66</v>
      </c>
      <c r="B59" s="21">
        <v>-11</v>
      </c>
      <c r="C59" s="22">
        <v>-1</v>
      </c>
      <c r="D59" s="22">
        <v>-10</v>
      </c>
      <c r="E59" s="21">
        <v>0</v>
      </c>
      <c r="F59" s="22">
        <v>0</v>
      </c>
      <c r="G59" s="23">
        <v>0</v>
      </c>
      <c r="H59" s="22">
        <v>49</v>
      </c>
      <c r="I59" s="22">
        <v>26</v>
      </c>
      <c r="J59" s="22">
        <v>23</v>
      </c>
      <c r="K59" s="21">
        <v>60</v>
      </c>
      <c r="L59" s="53">
        <v>27</v>
      </c>
      <c r="M59" s="54">
        <v>33</v>
      </c>
    </row>
    <row r="60" spans="1:13" ht="20.100000000000001" customHeight="1">
      <c r="A60" s="16" t="s">
        <v>67</v>
      </c>
      <c r="B60" s="17">
        <v>-38</v>
      </c>
      <c r="C60" s="18">
        <v>-25</v>
      </c>
      <c r="D60" s="18">
        <v>-13</v>
      </c>
      <c r="E60" s="17">
        <v>9</v>
      </c>
      <c r="F60" s="18">
        <v>7</v>
      </c>
      <c r="G60" s="19">
        <v>2</v>
      </c>
      <c r="H60" s="18">
        <v>280</v>
      </c>
      <c r="I60" s="18">
        <v>160</v>
      </c>
      <c r="J60" s="18">
        <v>120</v>
      </c>
      <c r="K60" s="17">
        <v>309</v>
      </c>
      <c r="L60" s="51">
        <v>178</v>
      </c>
      <c r="M60" s="52">
        <v>131</v>
      </c>
    </row>
    <row r="61" spans="1:13">
      <c r="A61" s="20" t="s">
        <v>68</v>
      </c>
      <c r="B61" s="21">
        <v>-28</v>
      </c>
      <c r="C61" s="22">
        <v>-21</v>
      </c>
      <c r="D61" s="22">
        <v>-7</v>
      </c>
      <c r="E61" s="21">
        <v>0</v>
      </c>
      <c r="F61" s="22">
        <v>0</v>
      </c>
      <c r="G61" s="23">
        <v>0</v>
      </c>
      <c r="H61" s="22">
        <v>47</v>
      </c>
      <c r="I61" s="22">
        <v>25</v>
      </c>
      <c r="J61" s="22">
        <v>22</v>
      </c>
      <c r="K61" s="21">
        <v>75</v>
      </c>
      <c r="L61" s="53">
        <v>46</v>
      </c>
      <c r="M61" s="54">
        <v>29</v>
      </c>
    </row>
    <row r="62" spans="1:13">
      <c r="A62" s="20" t="s">
        <v>69</v>
      </c>
      <c r="B62" s="21">
        <v>10</v>
      </c>
      <c r="C62" s="22">
        <v>10</v>
      </c>
      <c r="D62" s="22">
        <v>0</v>
      </c>
      <c r="E62" s="21">
        <v>2</v>
      </c>
      <c r="F62" s="22">
        <v>1</v>
      </c>
      <c r="G62" s="23">
        <v>1</v>
      </c>
      <c r="H62" s="22">
        <v>64</v>
      </c>
      <c r="I62" s="22">
        <v>35</v>
      </c>
      <c r="J62" s="22">
        <v>29</v>
      </c>
      <c r="K62" s="21">
        <v>52</v>
      </c>
      <c r="L62" s="53">
        <v>24</v>
      </c>
      <c r="M62" s="54">
        <v>28</v>
      </c>
    </row>
    <row r="63" spans="1:13">
      <c r="A63" s="20" t="s">
        <v>70</v>
      </c>
      <c r="B63" s="21">
        <v>-19</v>
      </c>
      <c r="C63" s="22">
        <v>-9</v>
      </c>
      <c r="D63" s="22">
        <v>-10</v>
      </c>
      <c r="E63" s="21">
        <v>1</v>
      </c>
      <c r="F63" s="22">
        <v>1</v>
      </c>
      <c r="G63" s="23">
        <v>0</v>
      </c>
      <c r="H63" s="22">
        <v>50</v>
      </c>
      <c r="I63" s="22">
        <v>30</v>
      </c>
      <c r="J63" s="22">
        <v>20</v>
      </c>
      <c r="K63" s="21">
        <v>68</v>
      </c>
      <c r="L63" s="53">
        <v>38</v>
      </c>
      <c r="M63" s="54">
        <v>30</v>
      </c>
    </row>
    <row r="64" spans="1:13">
      <c r="A64" s="20" t="s">
        <v>71</v>
      </c>
      <c r="B64" s="21">
        <v>7</v>
      </c>
      <c r="C64" s="22">
        <v>2</v>
      </c>
      <c r="D64" s="22">
        <v>5</v>
      </c>
      <c r="E64" s="21">
        <v>3</v>
      </c>
      <c r="F64" s="22">
        <v>3</v>
      </c>
      <c r="G64" s="23">
        <v>0</v>
      </c>
      <c r="H64" s="22">
        <v>59</v>
      </c>
      <c r="I64" s="22">
        <v>33</v>
      </c>
      <c r="J64" s="22">
        <v>26</v>
      </c>
      <c r="K64" s="21">
        <v>49</v>
      </c>
      <c r="L64" s="53">
        <v>28</v>
      </c>
      <c r="M64" s="54">
        <v>21</v>
      </c>
    </row>
    <row r="65" spans="1:13">
      <c r="A65" s="24" t="s">
        <v>72</v>
      </c>
      <c r="B65" s="25">
        <v>-8</v>
      </c>
      <c r="C65" s="26">
        <v>-7</v>
      </c>
      <c r="D65" s="26">
        <v>-1</v>
      </c>
      <c r="E65" s="25">
        <v>3</v>
      </c>
      <c r="F65" s="26">
        <v>2</v>
      </c>
      <c r="G65" s="27">
        <v>1</v>
      </c>
      <c r="H65" s="26">
        <v>60</v>
      </c>
      <c r="I65" s="26">
        <v>37</v>
      </c>
      <c r="J65" s="26">
        <v>23</v>
      </c>
      <c r="K65" s="25">
        <v>65</v>
      </c>
      <c r="L65" s="55">
        <v>42</v>
      </c>
      <c r="M65" s="56">
        <v>2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709</v>
      </c>
      <c r="C69" s="58">
        <v>371</v>
      </c>
      <c r="D69" s="59">
        <v>33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709</v>
      </c>
      <c r="C70" s="61">
        <v>371</v>
      </c>
      <c r="D70" s="62">
        <v>338</v>
      </c>
    </row>
    <row r="71" spans="1:13">
      <c r="A71" s="24" t="s">
        <v>14</v>
      </c>
      <c r="B71" s="63">
        <v>709</v>
      </c>
      <c r="C71" s="64">
        <v>371</v>
      </c>
      <c r="D71" s="65">
        <v>338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6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10</v>
      </c>
      <c r="C77" s="18">
        <v>9</v>
      </c>
      <c r="D77" s="18">
        <v>1</v>
      </c>
      <c r="E77" s="17">
        <v>16</v>
      </c>
      <c r="F77" s="18">
        <v>11</v>
      </c>
      <c r="G77" s="19">
        <v>5</v>
      </c>
      <c r="H77" s="18">
        <v>250</v>
      </c>
      <c r="I77" s="18">
        <v>144</v>
      </c>
      <c r="J77" s="18">
        <v>106</v>
      </c>
      <c r="K77" s="17">
        <v>224</v>
      </c>
      <c r="L77" s="51">
        <v>124</v>
      </c>
      <c r="M77" s="52">
        <v>100</v>
      </c>
    </row>
    <row r="78" spans="1:13">
      <c r="A78" s="40" t="s">
        <v>81</v>
      </c>
      <c r="B78" s="21">
        <v>18</v>
      </c>
      <c r="C78" s="22">
        <v>10</v>
      </c>
      <c r="D78" s="22">
        <v>8</v>
      </c>
      <c r="E78" s="21">
        <v>2</v>
      </c>
      <c r="F78" s="22">
        <v>1</v>
      </c>
      <c r="G78" s="23">
        <v>1</v>
      </c>
      <c r="H78" s="22">
        <v>67</v>
      </c>
      <c r="I78" s="22">
        <v>30</v>
      </c>
      <c r="J78" s="22">
        <v>37</v>
      </c>
      <c r="K78" s="21">
        <v>47</v>
      </c>
      <c r="L78" s="53">
        <v>19</v>
      </c>
      <c r="M78" s="54">
        <v>28</v>
      </c>
    </row>
    <row r="79" spans="1:13">
      <c r="A79" s="40" t="s">
        <v>82</v>
      </c>
      <c r="B79" s="21">
        <v>13</v>
      </c>
      <c r="C79" s="22">
        <v>16</v>
      </c>
      <c r="D79" s="22">
        <v>-3</v>
      </c>
      <c r="E79" s="21">
        <v>4</v>
      </c>
      <c r="F79" s="22">
        <v>2</v>
      </c>
      <c r="G79" s="23">
        <v>2</v>
      </c>
      <c r="H79" s="22">
        <v>55</v>
      </c>
      <c r="I79" s="22">
        <v>36</v>
      </c>
      <c r="J79" s="22">
        <v>19</v>
      </c>
      <c r="K79" s="21">
        <v>38</v>
      </c>
      <c r="L79" s="53">
        <v>18</v>
      </c>
      <c r="M79" s="54">
        <v>20</v>
      </c>
    </row>
    <row r="80" spans="1:13">
      <c r="A80" s="40" t="s">
        <v>83</v>
      </c>
      <c r="B80" s="21">
        <v>-10</v>
      </c>
      <c r="C80" s="22">
        <v>-8</v>
      </c>
      <c r="D80" s="22">
        <v>-2</v>
      </c>
      <c r="E80" s="21">
        <v>6</v>
      </c>
      <c r="F80" s="22">
        <v>6</v>
      </c>
      <c r="G80" s="23">
        <v>0</v>
      </c>
      <c r="H80" s="22">
        <v>52</v>
      </c>
      <c r="I80" s="22">
        <v>31</v>
      </c>
      <c r="J80" s="22">
        <v>21</v>
      </c>
      <c r="K80" s="21">
        <v>56</v>
      </c>
      <c r="L80" s="53">
        <v>33</v>
      </c>
      <c r="M80" s="54">
        <v>23</v>
      </c>
    </row>
    <row r="81" spans="1:13">
      <c r="A81" s="40" t="s">
        <v>84</v>
      </c>
      <c r="B81" s="21">
        <v>-13</v>
      </c>
      <c r="C81" s="22">
        <v>-8</v>
      </c>
      <c r="D81" s="22">
        <v>-5</v>
      </c>
      <c r="E81" s="21">
        <v>3</v>
      </c>
      <c r="F81" s="22">
        <v>2</v>
      </c>
      <c r="G81" s="23">
        <v>1</v>
      </c>
      <c r="H81" s="22">
        <v>30</v>
      </c>
      <c r="I81" s="22">
        <v>17</v>
      </c>
      <c r="J81" s="22">
        <v>13</v>
      </c>
      <c r="K81" s="21">
        <v>40</v>
      </c>
      <c r="L81" s="53">
        <v>23</v>
      </c>
      <c r="M81" s="54">
        <v>17</v>
      </c>
    </row>
    <row r="82" spans="1:13">
      <c r="A82" s="40" t="s">
        <v>85</v>
      </c>
      <c r="B82" s="21">
        <v>2</v>
      </c>
      <c r="C82" s="22">
        <v>-1</v>
      </c>
      <c r="D82" s="22">
        <v>3</v>
      </c>
      <c r="E82" s="21">
        <v>1</v>
      </c>
      <c r="F82" s="22">
        <v>0</v>
      </c>
      <c r="G82" s="23">
        <v>1</v>
      </c>
      <c r="H82" s="22">
        <v>46</v>
      </c>
      <c r="I82" s="22">
        <v>30</v>
      </c>
      <c r="J82" s="22">
        <v>16</v>
      </c>
      <c r="K82" s="21">
        <v>43</v>
      </c>
      <c r="L82" s="53">
        <v>31</v>
      </c>
      <c r="M82" s="54">
        <v>12</v>
      </c>
    </row>
    <row r="83" spans="1:13" ht="19.5" customHeight="1">
      <c r="A83" s="34" t="s">
        <v>86</v>
      </c>
      <c r="B83" s="17">
        <v>-20</v>
      </c>
      <c r="C83" s="18">
        <v>-8</v>
      </c>
      <c r="D83" s="18">
        <v>-12</v>
      </c>
      <c r="E83" s="17">
        <v>25</v>
      </c>
      <c r="F83" s="18">
        <v>15</v>
      </c>
      <c r="G83" s="19">
        <v>10</v>
      </c>
      <c r="H83" s="18">
        <v>149</v>
      </c>
      <c r="I83" s="18">
        <v>80</v>
      </c>
      <c r="J83" s="18">
        <v>69</v>
      </c>
      <c r="K83" s="17">
        <v>144</v>
      </c>
      <c r="L83" s="51">
        <v>73</v>
      </c>
      <c r="M83" s="52">
        <v>71</v>
      </c>
    </row>
    <row r="84" spans="1:13">
      <c r="A84" s="40" t="s">
        <v>87</v>
      </c>
      <c r="B84" s="21">
        <v>6</v>
      </c>
      <c r="C84" s="22">
        <v>5</v>
      </c>
      <c r="D84" s="22">
        <v>1</v>
      </c>
      <c r="E84" s="21">
        <v>7</v>
      </c>
      <c r="F84" s="22">
        <v>5</v>
      </c>
      <c r="G84" s="23">
        <v>2</v>
      </c>
      <c r="H84" s="22">
        <v>41</v>
      </c>
      <c r="I84" s="22">
        <v>24</v>
      </c>
      <c r="J84" s="22">
        <v>17</v>
      </c>
      <c r="K84" s="21">
        <v>28</v>
      </c>
      <c r="L84" s="53">
        <v>14</v>
      </c>
      <c r="M84" s="54">
        <v>14</v>
      </c>
    </row>
    <row r="85" spans="1:13">
      <c r="A85" s="40" t="s">
        <v>88</v>
      </c>
      <c r="B85" s="21">
        <v>0</v>
      </c>
      <c r="C85" s="22">
        <v>-1</v>
      </c>
      <c r="D85" s="22">
        <v>1</v>
      </c>
      <c r="E85" s="21">
        <v>4</v>
      </c>
      <c r="F85" s="22">
        <v>4</v>
      </c>
      <c r="G85" s="23">
        <v>0</v>
      </c>
      <c r="H85" s="22">
        <v>31</v>
      </c>
      <c r="I85" s="22">
        <v>16</v>
      </c>
      <c r="J85" s="22">
        <v>15</v>
      </c>
      <c r="K85" s="21">
        <v>27</v>
      </c>
      <c r="L85" s="53">
        <v>13</v>
      </c>
      <c r="M85" s="54">
        <v>14</v>
      </c>
    </row>
    <row r="86" spans="1:13">
      <c r="A86" s="40" t="s">
        <v>89</v>
      </c>
      <c r="B86" s="21">
        <v>-12</v>
      </c>
      <c r="C86" s="22">
        <v>-10</v>
      </c>
      <c r="D86" s="22">
        <v>-2</v>
      </c>
      <c r="E86" s="21">
        <v>2</v>
      </c>
      <c r="F86" s="22">
        <v>0</v>
      </c>
      <c r="G86" s="23">
        <v>2</v>
      </c>
      <c r="H86" s="22">
        <v>19</v>
      </c>
      <c r="I86" s="22">
        <v>8</v>
      </c>
      <c r="J86" s="22">
        <v>11</v>
      </c>
      <c r="K86" s="21">
        <v>29</v>
      </c>
      <c r="L86" s="53">
        <v>18</v>
      </c>
      <c r="M86" s="54">
        <v>11</v>
      </c>
    </row>
    <row r="87" spans="1:13">
      <c r="A87" s="40" t="s">
        <v>90</v>
      </c>
      <c r="B87" s="21">
        <v>-14</v>
      </c>
      <c r="C87" s="22">
        <v>-5</v>
      </c>
      <c r="D87" s="22">
        <v>-9</v>
      </c>
      <c r="E87" s="21">
        <v>10</v>
      </c>
      <c r="F87" s="22">
        <v>5</v>
      </c>
      <c r="G87" s="23">
        <v>5</v>
      </c>
      <c r="H87" s="22">
        <v>26</v>
      </c>
      <c r="I87" s="22">
        <v>13</v>
      </c>
      <c r="J87" s="22">
        <v>13</v>
      </c>
      <c r="K87" s="21">
        <v>30</v>
      </c>
      <c r="L87" s="53">
        <v>13</v>
      </c>
      <c r="M87" s="54">
        <v>17</v>
      </c>
    </row>
    <row r="88" spans="1:13">
      <c r="A88" s="40" t="s">
        <v>91</v>
      </c>
      <c r="B88" s="21">
        <v>0</v>
      </c>
      <c r="C88" s="22">
        <v>3</v>
      </c>
      <c r="D88" s="22">
        <v>-3</v>
      </c>
      <c r="E88" s="21">
        <v>2</v>
      </c>
      <c r="F88" s="22">
        <v>1</v>
      </c>
      <c r="G88" s="23">
        <v>1</v>
      </c>
      <c r="H88" s="22">
        <v>32</v>
      </c>
      <c r="I88" s="22">
        <v>19</v>
      </c>
      <c r="J88" s="22">
        <v>13</v>
      </c>
      <c r="K88" s="21">
        <v>30</v>
      </c>
      <c r="L88" s="53">
        <v>15</v>
      </c>
      <c r="M88" s="54">
        <v>15</v>
      </c>
    </row>
    <row r="89" spans="1:13" ht="19.5" customHeight="1">
      <c r="A89" s="34" t="s">
        <v>92</v>
      </c>
      <c r="B89" s="17">
        <v>-26</v>
      </c>
      <c r="C89" s="18">
        <v>-7</v>
      </c>
      <c r="D89" s="18">
        <v>-19</v>
      </c>
      <c r="E89" s="17">
        <v>21</v>
      </c>
      <c r="F89" s="18">
        <v>12</v>
      </c>
      <c r="G89" s="19">
        <v>9</v>
      </c>
      <c r="H89" s="18">
        <v>128</v>
      </c>
      <c r="I89" s="18">
        <v>81</v>
      </c>
      <c r="J89" s="18">
        <v>47</v>
      </c>
      <c r="K89" s="17">
        <v>133</v>
      </c>
      <c r="L89" s="51">
        <v>76</v>
      </c>
      <c r="M89" s="52">
        <v>57</v>
      </c>
    </row>
    <row r="90" spans="1:13">
      <c r="A90" s="40" t="s">
        <v>93</v>
      </c>
      <c r="B90" s="21">
        <v>-4</v>
      </c>
      <c r="C90" s="22">
        <v>6</v>
      </c>
      <c r="D90" s="22">
        <v>-10</v>
      </c>
      <c r="E90" s="21">
        <v>1</v>
      </c>
      <c r="F90" s="22">
        <v>1</v>
      </c>
      <c r="G90" s="23">
        <v>0</v>
      </c>
      <c r="H90" s="22">
        <v>35</v>
      </c>
      <c r="I90" s="22">
        <v>26</v>
      </c>
      <c r="J90" s="22">
        <v>9</v>
      </c>
      <c r="K90" s="21">
        <v>38</v>
      </c>
      <c r="L90" s="53">
        <v>19</v>
      </c>
      <c r="M90" s="54">
        <v>19</v>
      </c>
    </row>
    <row r="91" spans="1:13">
      <c r="A91" s="40" t="s">
        <v>94</v>
      </c>
      <c r="B91" s="21">
        <v>-3</v>
      </c>
      <c r="C91" s="22">
        <v>-1</v>
      </c>
      <c r="D91" s="22">
        <v>-2</v>
      </c>
      <c r="E91" s="21">
        <v>5</v>
      </c>
      <c r="F91" s="22">
        <v>1</v>
      </c>
      <c r="G91" s="23">
        <v>4</v>
      </c>
      <c r="H91" s="22">
        <v>21</v>
      </c>
      <c r="I91" s="22">
        <v>13</v>
      </c>
      <c r="J91" s="22">
        <v>8</v>
      </c>
      <c r="K91" s="21">
        <v>19</v>
      </c>
      <c r="L91" s="53">
        <v>13</v>
      </c>
      <c r="M91" s="54">
        <v>6</v>
      </c>
    </row>
    <row r="92" spans="1:13">
      <c r="A92" s="40" t="s">
        <v>95</v>
      </c>
      <c r="B92" s="21">
        <v>1</v>
      </c>
      <c r="C92" s="22">
        <v>1</v>
      </c>
      <c r="D92" s="22">
        <v>0</v>
      </c>
      <c r="E92" s="21">
        <v>6</v>
      </c>
      <c r="F92" s="22">
        <v>2</v>
      </c>
      <c r="G92" s="23">
        <v>4</v>
      </c>
      <c r="H92" s="22">
        <v>27</v>
      </c>
      <c r="I92" s="22">
        <v>13</v>
      </c>
      <c r="J92" s="22">
        <v>14</v>
      </c>
      <c r="K92" s="21">
        <v>20</v>
      </c>
      <c r="L92" s="53">
        <v>10</v>
      </c>
      <c r="M92" s="54">
        <v>10</v>
      </c>
    </row>
    <row r="93" spans="1:13">
      <c r="A93" s="40" t="s">
        <v>96</v>
      </c>
      <c r="B93" s="21">
        <v>-9</v>
      </c>
      <c r="C93" s="22">
        <v>-11</v>
      </c>
      <c r="D93" s="22">
        <v>2</v>
      </c>
      <c r="E93" s="21">
        <v>6</v>
      </c>
      <c r="F93" s="22">
        <v>5</v>
      </c>
      <c r="G93" s="23">
        <v>1</v>
      </c>
      <c r="H93" s="22">
        <v>25</v>
      </c>
      <c r="I93" s="22">
        <v>12</v>
      </c>
      <c r="J93" s="22">
        <v>13</v>
      </c>
      <c r="K93" s="21">
        <v>28</v>
      </c>
      <c r="L93" s="53">
        <v>18</v>
      </c>
      <c r="M93" s="54">
        <v>10</v>
      </c>
    </row>
    <row r="94" spans="1:13">
      <c r="A94" s="40" t="s">
        <v>97</v>
      </c>
      <c r="B94" s="21">
        <v>-11</v>
      </c>
      <c r="C94" s="22">
        <v>-2</v>
      </c>
      <c r="D94" s="22">
        <v>-9</v>
      </c>
      <c r="E94" s="21">
        <v>3</v>
      </c>
      <c r="F94" s="22">
        <v>3</v>
      </c>
      <c r="G94" s="23">
        <v>0</v>
      </c>
      <c r="H94" s="22">
        <v>20</v>
      </c>
      <c r="I94" s="22">
        <v>17</v>
      </c>
      <c r="J94" s="22">
        <v>3</v>
      </c>
      <c r="K94" s="21">
        <v>28</v>
      </c>
      <c r="L94" s="53">
        <v>16</v>
      </c>
      <c r="M94" s="54">
        <v>12</v>
      </c>
    </row>
    <row r="95" spans="1:13" ht="19.5" customHeight="1">
      <c r="A95" s="34" t="s">
        <v>98</v>
      </c>
      <c r="B95" s="17">
        <v>-61</v>
      </c>
      <c r="C95" s="18">
        <v>-39</v>
      </c>
      <c r="D95" s="18">
        <v>-22</v>
      </c>
      <c r="E95" s="17">
        <v>64</v>
      </c>
      <c r="F95" s="18">
        <v>41</v>
      </c>
      <c r="G95" s="19">
        <v>23</v>
      </c>
      <c r="H95" s="18">
        <v>101</v>
      </c>
      <c r="I95" s="18">
        <v>57</v>
      </c>
      <c r="J95" s="18">
        <v>44</v>
      </c>
      <c r="K95" s="17">
        <v>98</v>
      </c>
      <c r="L95" s="51">
        <v>55</v>
      </c>
      <c r="M95" s="52">
        <v>43</v>
      </c>
    </row>
    <row r="96" spans="1:13">
      <c r="A96" s="40" t="s">
        <v>99</v>
      </c>
      <c r="B96" s="21">
        <v>-20</v>
      </c>
      <c r="C96" s="22">
        <v>-14</v>
      </c>
      <c r="D96" s="22">
        <v>-6</v>
      </c>
      <c r="E96" s="21">
        <v>14</v>
      </c>
      <c r="F96" s="22">
        <v>7</v>
      </c>
      <c r="G96" s="23">
        <v>7</v>
      </c>
      <c r="H96" s="22">
        <v>16</v>
      </c>
      <c r="I96" s="22">
        <v>8</v>
      </c>
      <c r="J96" s="22">
        <v>8</v>
      </c>
      <c r="K96" s="21">
        <v>22</v>
      </c>
      <c r="L96" s="53">
        <v>15</v>
      </c>
      <c r="M96" s="54">
        <v>7</v>
      </c>
    </row>
    <row r="97" spans="1:13">
      <c r="A97" s="40" t="s">
        <v>100</v>
      </c>
      <c r="B97" s="21">
        <v>1</v>
      </c>
      <c r="C97" s="22">
        <v>-2</v>
      </c>
      <c r="D97" s="22">
        <v>3</v>
      </c>
      <c r="E97" s="21">
        <v>6</v>
      </c>
      <c r="F97" s="22">
        <v>3</v>
      </c>
      <c r="G97" s="23">
        <v>3</v>
      </c>
      <c r="H97" s="22">
        <v>27</v>
      </c>
      <c r="I97" s="22">
        <v>13</v>
      </c>
      <c r="J97" s="22">
        <v>14</v>
      </c>
      <c r="K97" s="21">
        <v>20</v>
      </c>
      <c r="L97" s="53">
        <v>12</v>
      </c>
      <c r="M97" s="54">
        <v>8</v>
      </c>
    </row>
    <row r="98" spans="1:13">
      <c r="A98" s="40" t="s">
        <v>101</v>
      </c>
      <c r="B98" s="21">
        <v>-3</v>
      </c>
      <c r="C98" s="22">
        <v>2</v>
      </c>
      <c r="D98" s="22">
        <v>-5</v>
      </c>
      <c r="E98" s="21">
        <v>11</v>
      </c>
      <c r="F98" s="22">
        <v>8</v>
      </c>
      <c r="G98" s="23">
        <v>3</v>
      </c>
      <c r="H98" s="22">
        <v>26</v>
      </c>
      <c r="I98" s="22">
        <v>17</v>
      </c>
      <c r="J98" s="22">
        <v>9</v>
      </c>
      <c r="K98" s="21">
        <v>18</v>
      </c>
      <c r="L98" s="53">
        <v>7</v>
      </c>
      <c r="M98" s="54">
        <v>11</v>
      </c>
    </row>
    <row r="99" spans="1:13">
      <c r="A99" s="40" t="s">
        <v>102</v>
      </c>
      <c r="B99" s="21">
        <v>-23</v>
      </c>
      <c r="C99" s="22">
        <v>-13</v>
      </c>
      <c r="D99" s="22">
        <v>-10</v>
      </c>
      <c r="E99" s="21">
        <v>15</v>
      </c>
      <c r="F99" s="22">
        <v>10</v>
      </c>
      <c r="G99" s="23">
        <v>5</v>
      </c>
      <c r="H99" s="22">
        <v>17</v>
      </c>
      <c r="I99" s="22">
        <v>9</v>
      </c>
      <c r="J99" s="22">
        <v>8</v>
      </c>
      <c r="K99" s="21">
        <v>25</v>
      </c>
      <c r="L99" s="53">
        <v>12</v>
      </c>
      <c r="M99" s="54">
        <v>13</v>
      </c>
    </row>
    <row r="100" spans="1:13">
      <c r="A100" s="40" t="s">
        <v>103</v>
      </c>
      <c r="B100" s="21">
        <v>-16</v>
      </c>
      <c r="C100" s="22">
        <v>-12</v>
      </c>
      <c r="D100" s="22">
        <v>-4</v>
      </c>
      <c r="E100" s="21">
        <v>18</v>
      </c>
      <c r="F100" s="22">
        <v>13</v>
      </c>
      <c r="G100" s="23">
        <v>5</v>
      </c>
      <c r="H100" s="22">
        <v>15</v>
      </c>
      <c r="I100" s="22">
        <v>10</v>
      </c>
      <c r="J100" s="22">
        <v>5</v>
      </c>
      <c r="K100" s="21">
        <v>13</v>
      </c>
      <c r="L100" s="53">
        <v>9</v>
      </c>
      <c r="M100" s="54">
        <v>4</v>
      </c>
    </row>
    <row r="101" spans="1:13" ht="19.5" customHeight="1">
      <c r="A101" s="34" t="s">
        <v>104</v>
      </c>
      <c r="B101" s="17">
        <v>-106</v>
      </c>
      <c r="C101" s="18">
        <v>-69</v>
      </c>
      <c r="D101" s="18">
        <v>-37</v>
      </c>
      <c r="E101" s="17">
        <v>98</v>
      </c>
      <c r="F101" s="18">
        <v>74</v>
      </c>
      <c r="G101" s="19">
        <v>24</v>
      </c>
      <c r="H101" s="18">
        <v>103</v>
      </c>
      <c r="I101" s="18">
        <v>53</v>
      </c>
      <c r="J101" s="18">
        <v>50</v>
      </c>
      <c r="K101" s="17">
        <v>111</v>
      </c>
      <c r="L101" s="51">
        <v>48</v>
      </c>
      <c r="M101" s="52">
        <v>63</v>
      </c>
    </row>
    <row r="102" spans="1:13">
      <c r="A102" s="40" t="s">
        <v>105</v>
      </c>
      <c r="B102" s="21">
        <v>-34</v>
      </c>
      <c r="C102" s="22">
        <v>-18</v>
      </c>
      <c r="D102" s="22">
        <v>-16</v>
      </c>
      <c r="E102" s="21">
        <v>23</v>
      </c>
      <c r="F102" s="22">
        <v>15</v>
      </c>
      <c r="G102" s="23">
        <v>8</v>
      </c>
      <c r="H102" s="22">
        <v>24</v>
      </c>
      <c r="I102" s="22">
        <v>12</v>
      </c>
      <c r="J102" s="22">
        <v>12</v>
      </c>
      <c r="K102" s="21">
        <v>35</v>
      </c>
      <c r="L102" s="53">
        <v>15</v>
      </c>
      <c r="M102" s="54">
        <v>20</v>
      </c>
    </row>
    <row r="103" spans="1:13">
      <c r="A103" s="40" t="s">
        <v>106</v>
      </c>
      <c r="B103" s="21">
        <v>-14</v>
      </c>
      <c r="C103" s="22">
        <v>-11</v>
      </c>
      <c r="D103" s="22">
        <v>-3</v>
      </c>
      <c r="E103" s="21">
        <v>17</v>
      </c>
      <c r="F103" s="22">
        <v>15</v>
      </c>
      <c r="G103" s="23">
        <v>2</v>
      </c>
      <c r="H103" s="22">
        <v>28</v>
      </c>
      <c r="I103" s="22">
        <v>12</v>
      </c>
      <c r="J103" s="22">
        <v>16</v>
      </c>
      <c r="K103" s="21">
        <v>25</v>
      </c>
      <c r="L103" s="53">
        <v>8</v>
      </c>
      <c r="M103" s="54">
        <v>17</v>
      </c>
    </row>
    <row r="104" spans="1:13">
      <c r="A104" s="40" t="s">
        <v>107</v>
      </c>
      <c r="B104" s="21">
        <v>-5</v>
      </c>
      <c r="C104" s="22">
        <v>-1</v>
      </c>
      <c r="D104" s="22">
        <v>-4</v>
      </c>
      <c r="E104" s="21">
        <v>16</v>
      </c>
      <c r="F104" s="22">
        <v>12</v>
      </c>
      <c r="G104" s="23">
        <v>4</v>
      </c>
      <c r="H104" s="22">
        <v>27</v>
      </c>
      <c r="I104" s="22">
        <v>18</v>
      </c>
      <c r="J104" s="22">
        <v>9</v>
      </c>
      <c r="K104" s="21">
        <v>16</v>
      </c>
      <c r="L104" s="53">
        <v>7</v>
      </c>
      <c r="M104" s="54">
        <v>9</v>
      </c>
    </row>
    <row r="105" spans="1:13">
      <c r="A105" s="40" t="s">
        <v>108</v>
      </c>
      <c r="B105" s="21">
        <v>-27</v>
      </c>
      <c r="C105" s="22">
        <v>-23</v>
      </c>
      <c r="D105" s="22">
        <v>-4</v>
      </c>
      <c r="E105" s="21">
        <v>21</v>
      </c>
      <c r="F105" s="22">
        <v>16</v>
      </c>
      <c r="G105" s="23">
        <v>5</v>
      </c>
      <c r="H105" s="22">
        <v>10</v>
      </c>
      <c r="I105" s="22">
        <v>2</v>
      </c>
      <c r="J105" s="22">
        <v>8</v>
      </c>
      <c r="K105" s="21">
        <v>16</v>
      </c>
      <c r="L105" s="53">
        <v>9</v>
      </c>
      <c r="M105" s="54">
        <v>7</v>
      </c>
    </row>
    <row r="106" spans="1:13">
      <c r="A106" s="40" t="s">
        <v>109</v>
      </c>
      <c r="B106" s="21">
        <v>-26</v>
      </c>
      <c r="C106" s="22">
        <v>-16</v>
      </c>
      <c r="D106" s="22">
        <v>-10</v>
      </c>
      <c r="E106" s="21">
        <v>21</v>
      </c>
      <c r="F106" s="22">
        <v>16</v>
      </c>
      <c r="G106" s="23">
        <v>5</v>
      </c>
      <c r="H106" s="22">
        <v>14</v>
      </c>
      <c r="I106" s="22">
        <v>9</v>
      </c>
      <c r="J106" s="22">
        <v>5</v>
      </c>
      <c r="K106" s="21">
        <v>19</v>
      </c>
      <c r="L106" s="53">
        <v>9</v>
      </c>
      <c r="M106" s="54">
        <v>10</v>
      </c>
    </row>
    <row r="107" spans="1:13" ht="19.5" customHeight="1">
      <c r="A107" s="34" t="s">
        <v>110</v>
      </c>
      <c r="B107" s="17">
        <v>-137</v>
      </c>
      <c r="C107" s="18">
        <v>-83</v>
      </c>
      <c r="D107" s="18">
        <v>-54</v>
      </c>
      <c r="E107" s="17">
        <v>158</v>
      </c>
      <c r="F107" s="18">
        <v>97</v>
      </c>
      <c r="G107" s="19">
        <v>61</v>
      </c>
      <c r="H107" s="18">
        <v>92</v>
      </c>
      <c r="I107" s="18">
        <v>42</v>
      </c>
      <c r="J107" s="18">
        <v>50</v>
      </c>
      <c r="K107" s="17">
        <v>71</v>
      </c>
      <c r="L107" s="51">
        <v>28</v>
      </c>
      <c r="M107" s="52">
        <v>43</v>
      </c>
    </row>
    <row r="108" spans="1:13">
      <c r="A108" s="40" t="s">
        <v>111</v>
      </c>
      <c r="B108" s="21">
        <v>-9</v>
      </c>
      <c r="C108" s="22">
        <v>-2</v>
      </c>
      <c r="D108" s="22">
        <v>-7</v>
      </c>
      <c r="E108" s="21">
        <v>21</v>
      </c>
      <c r="F108" s="22">
        <v>9</v>
      </c>
      <c r="G108" s="23">
        <v>12</v>
      </c>
      <c r="H108" s="22">
        <v>26</v>
      </c>
      <c r="I108" s="22">
        <v>14</v>
      </c>
      <c r="J108" s="22">
        <v>12</v>
      </c>
      <c r="K108" s="21">
        <v>14</v>
      </c>
      <c r="L108" s="53">
        <v>7</v>
      </c>
      <c r="M108" s="54">
        <v>7</v>
      </c>
    </row>
    <row r="109" spans="1:13">
      <c r="A109" s="40" t="s">
        <v>112</v>
      </c>
      <c r="B109" s="21">
        <v>-28</v>
      </c>
      <c r="C109" s="22">
        <v>-20</v>
      </c>
      <c r="D109" s="22">
        <v>-8</v>
      </c>
      <c r="E109" s="21">
        <v>30</v>
      </c>
      <c r="F109" s="22">
        <v>19</v>
      </c>
      <c r="G109" s="23">
        <v>11</v>
      </c>
      <c r="H109" s="22">
        <v>14</v>
      </c>
      <c r="I109" s="22">
        <v>6</v>
      </c>
      <c r="J109" s="22">
        <v>8</v>
      </c>
      <c r="K109" s="21">
        <v>12</v>
      </c>
      <c r="L109" s="53">
        <v>7</v>
      </c>
      <c r="M109" s="54">
        <v>5</v>
      </c>
    </row>
    <row r="110" spans="1:13">
      <c r="A110" s="40" t="s">
        <v>113</v>
      </c>
      <c r="B110" s="21">
        <v>-36</v>
      </c>
      <c r="C110" s="22">
        <v>-22</v>
      </c>
      <c r="D110" s="22">
        <v>-14</v>
      </c>
      <c r="E110" s="21">
        <v>37</v>
      </c>
      <c r="F110" s="22">
        <v>25</v>
      </c>
      <c r="G110" s="23">
        <v>12</v>
      </c>
      <c r="H110" s="22">
        <v>15</v>
      </c>
      <c r="I110" s="22">
        <v>7</v>
      </c>
      <c r="J110" s="22">
        <v>8</v>
      </c>
      <c r="K110" s="21">
        <v>14</v>
      </c>
      <c r="L110" s="53">
        <v>4</v>
      </c>
      <c r="M110" s="54">
        <v>10</v>
      </c>
    </row>
    <row r="111" spans="1:13">
      <c r="A111" s="40" t="s">
        <v>114</v>
      </c>
      <c r="B111" s="21">
        <v>-23</v>
      </c>
      <c r="C111" s="22">
        <v>-16</v>
      </c>
      <c r="D111" s="22">
        <v>-7</v>
      </c>
      <c r="E111" s="21">
        <v>34</v>
      </c>
      <c r="F111" s="22">
        <v>22</v>
      </c>
      <c r="G111" s="23">
        <v>12</v>
      </c>
      <c r="H111" s="22">
        <v>24</v>
      </c>
      <c r="I111" s="22">
        <v>10</v>
      </c>
      <c r="J111" s="22">
        <v>14</v>
      </c>
      <c r="K111" s="21">
        <v>13</v>
      </c>
      <c r="L111" s="53">
        <v>4</v>
      </c>
      <c r="M111" s="54">
        <v>9</v>
      </c>
    </row>
    <row r="112" spans="1:13">
      <c r="A112" s="40" t="s">
        <v>115</v>
      </c>
      <c r="B112" s="21">
        <v>-41</v>
      </c>
      <c r="C112" s="22">
        <v>-23</v>
      </c>
      <c r="D112" s="22">
        <v>-18</v>
      </c>
      <c r="E112" s="21">
        <v>36</v>
      </c>
      <c r="F112" s="22">
        <v>22</v>
      </c>
      <c r="G112" s="23">
        <v>14</v>
      </c>
      <c r="H112" s="22">
        <v>13</v>
      </c>
      <c r="I112" s="22">
        <v>5</v>
      </c>
      <c r="J112" s="22">
        <v>8</v>
      </c>
      <c r="K112" s="21">
        <v>18</v>
      </c>
      <c r="L112" s="53">
        <v>6</v>
      </c>
      <c r="M112" s="54">
        <v>12</v>
      </c>
    </row>
    <row r="113" spans="1:13" ht="19.5" customHeight="1">
      <c r="A113" s="34" t="s">
        <v>116</v>
      </c>
      <c r="B113" s="17">
        <v>-249</v>
      </c>
      <c r="C113" s="18">
        <v>-146</v>
      </c>
      <c r="D113" s="18">
        <v>-103</v>
      </c>
      <c r="E113" s="17">
        <v>251</v>
      </c>
      <c r="F113" s="18">
        <v>151</v>
      </c>
      <c r="G113" s="19">
        <v>100</v>
      </c>
      <c r="H113" s="18">
        <v>71</v>
      </c>
      <c r="I113" s="18">
        <v>24</v>
      </c>
      <c r="J113" s="18">
        <v>47</v>
      </c>
      <c r="K113" s="17">
        <v>69</v>
      </c>
      <c r="L113" s="51">
        <v>19</v>
      </c>
      <c r="M113" s="52">
        <v>50</v>
      </c>
    </row>
    <row r="114" spans="1:13">
      <c r="A114" s="40" t="s">
        <v>117</v>
      </c>
      <c r="B114" s="21">
        <v>-34</v>
      </c>
      <c r="C114" s="22">
        <v>-25</v>
      </c>
      <c r="D114" s="22">
        <v>-9</v>
      </c>
      <c r="E114" s="21">
        <v>37</v>
      </c>
      <c r="F114" s="22">
        <v>27</v>
      </c>
      <c r="G114" s="23">
        <v>10</v>
      </c>
      <c r="H114" s="22">
        <v>19</v>
      </c>
      <c r="I114" s="22">
        <v>5</v>
      </c>
      <c r="J114" s="22">
        <v>14</v>
      </c>
      <c r="K114" s="21">
        <v>16</v>
      </c>
      <c r="L114" s="53">
        <v>3</v>
      </c>
      <c r="M114" s="54">
        <v>13</v>
      </c>
    </row>
    <row r="115" spans="1:13">
      <c r="A115" s="40" t="s">
        <v>118</v>
      </c>
      <c r="B115" s="21">
        <v>-36</v>
      </c>
      <c r="C115" s="22">
        <v>-26</v>
      </c>
      <c r="D115" s="22">
        <v>-10</v>
      </c>
      <c r="E115" s="21">
        <v>41</v>
      </c>
      <c r="F115" s="22">
        <v>24</v>
      </c>
      <c r="G115" s="23">
        <v>17</v>
      </c>
      <c r="H115" s="22">
        <v>12</v>
      </c>
      <c r="I115" s="22">
        <v>1</v>
      </c>
      <c r="J115" s="22">
        <v>11</v>
      </c>
      <c r="K115" s="21">
        <v>7</v>
      </c>
      <c r="L115" s="53">
        <v>3</v>
      </c>
      <c r="M115" s="54">
        <v>4</v>
      </c>
    </row>
    <row r="116" spans="1:13">
      <c r="A116" s="40" t="s">
        <v>119</v>
      </c>
      <c r="B116" s="21">
        <v>-54</v>
      </c>
      <c r="C116" s="22">
        <v>-27</v>
      </c>
      <c r="D116" s="22">
        <v>-27</v>
      </c>
      <c r="E116" s="21">
        <v>59</v>
      </c>
      <c r="F116" s="22">
        <v>29</v>
      </c>
      <c r="G116" s="23">
        <v>30</v>
      </c>
      <c r="H116" s="22">
        <v>18</v>
      </c>
      <c r="I116" s="22">
        <v>8</v>
      </c>
      <c r="J116" s="22">
        <v>10</v>
      </c>
      <c r="K116" s="21">
        <v>13</v>
      </c>
      <c r="L116" s="53">
        <v>6</v>
      </c>
      <c r="M116" s="54">
        <v>7</v>
      </c>
    </row>
    <row r="117" spans="1:13">
      <c r="A117" s="40" t="s">
        <v>120</v>
      </c>
      <c r="B117" s="21">
        <v>-64</v>
      </c>
      <c r="C117" s="22">
        <v>-35</v>
      </c>
      <c r="D117" s="22">
        <v>-29</v>
      </c>
      <c r="E117" s="21">
        <v>60</v>
      </c>
      <c r="F117" s="22">
        <v>37</v>
      </c>
      <c r="G117" s="23">
        <v>23</v>
      </c>
      <c r="H117" s="22">
        <v>15</v>
      </c>
      <c r="I117" s="22">
        <v>6</v>
      </c>
      <c r="J117" s="22">
        <v>9</v>
      </c>
      <c r="K117" s="21">
        <v>19</v>
      </c>
      <c r="L117" s="53">
        <v>4</v>
      </c>
      <c r="M117" s="54">
        <v>15</v>
      </c>
    </row>
    <row r="118" spans="1:13">
      <c r="A118" s="40" t="s">
        <v>121</v>
      </c>
      <c r="B118" s="21">
        <v>-61</v>
      </c>
      <c r="C118" s="22">
        <v>-33</v>
      </c>
      <c r="D118" s="22">
        <v>-28</v>
      </c>
      <c r="E118" s="21">
        <v>54</v>
      </c>
      <c r="F118" s="22">
        <v>34</v>
      </c>
      <c r="G118" s="23">
        <v>20</v>
      </c>
      <c r="H118" s="22">
        <v>7</v>
      </c>
      <c r="I118" s="22">
        <v>4</v>
      </c>
      <c r="J118" s="22">
        <v>3</v>
      </c>
      <c r="K118" s="21">
        <v>14</v>
      </c>
      <c r="L118" s="53">
        <v>3</v>
      </c>
      <c r="M118" s="54">
        <v>11</v>
      </c>
    </row>
    <row r="119" spans="1:13" ht="19.5" customHeight="1">
      <c r="A119" s="34" t="s">
        <v>122</v>
      </c>
      <c r="B119" s="17">
        <v>-246</v>
      </c>
      <c r="C119" s="18">
        <v>-124</v>
      </c>
      <c r="D119" s="18">
        <v>-122</v>
      </c>
      <c r="E119" s="17">
        <v>233</v>
      </c>
      <c r="F119" s="18">
        <v>121</v>
      </c>
      <c r="G119" s="19">
        <v>112</v>
      </c>
      <c r="H119" s="18">
        <v>51</v>
      </c>
      <c r="I119" s="18">
        <v>15</v>
      </c>
      <c r="J119" s="18">
        <v>36</v>
      </c>
      <c r="K119" s="17">
        <v>64</v>
      </c>
      <c r="L119" s="51">
        <v>18</v>
      </c>
      <c r="M119" s="52">
        <v>46</v>
      </c>
    </row>
    <row r="120" spans="1:13">
      <c r="A120" s="40" t="s">
        <v>123</v>
      </c>
      <c r="B120" s="21">
        <v>-51</v>
      </c>
      <c r="C120" s="22">
        <v>-27</v>
      </c>
      <c r="D120" s="22">
        <v>-24</v>
      </c>
      <c r="E120" s="21">
        <v>51</v>
      </c>
      <c r="F120" s="22">
        <v>29</v>
      </c>
      <c r="G120" s="23">
        <v>22</v>
      </c>
      <c r="H120" s="22">
        <v>13</v>
      </c>
      <c r="I120" s="22">
        <v>4</v>
      </c>
      <c r="J120" s="22">
        <v>9</v>
      </c>
      <c r="K120" s="21">
        <v>13</v>
      </c>
      <c r="L120" s="53">
        <v>2</v>
      </c>
      <c r="M120" s="54">
        <v>11</v>
      </c>
    </row>
    <row r="121" spans="1:13">
      <c r="A121" s="40" t="s">
        <v>124</v>
      </c>
      <c r="B121" s="21">
        <v>-41</v>
      </c>
      <c r="C121" s="22">
        <v>-22</v>
      </c>
      <c r="D121" s="22">
        <v>-19</v>
      </c>
      <c r="E121" s="21">
        <v>36</v>
      </c>
      <c r="F121" s="22">
        <v>20</v>
      </c>
      <c r="G121" s="23">
        <v>16</v>
      </c>
      <c r="H121" s="22">
        <v>9</v>
      </c>
      <c r="I121" s="22">
        <v>3</v>
      </c>
      <c r="J121" s="22">
        <v>6</v>
      </c>
      <c r="K121" s="21">
        <v>14</v>
      </c>
      <c r="L121" s="53">
        <v>5</v>
      </c>
      <c r="M121" s="54">
        <v>9</v>
      </c>
    </row>
    <row r="122" spans="1:13">
      <c r="A122" s="40" t="s">
        <v>125</v>
      </c>
      <c r="B122" s="21">
        <v>-41</v>
      </c>
      <c r="C122" s="22">
        <v>-30</v>
      </c>
      <c r="D122" s="22">
        <v>-11</v>
      </c>
      <c r="E122" s="21">
        <v>48</v>
      </c>
      <c r="F122" s="22">
        <v>28</v>
      </c>
      <c r="G122" s="23">
        <v>20</v>
      </c>
      <c r="H122" s="22">
        <v>15</v>
      </c>
      <c r="I122" s="22">
        <v>3</v>
      </c>
      <c r="J122" s="22">
        <v>12</v>
      </c>
      <c r="K122" s="21">
        <v>8</v>
      </c>
      <c r="L122" s="53">
        <v>5</v>
      </c>
      <c r="M122" s="54">
        <v>3</v>
      </c>
    </row>
    <row r="123" spans="1:13">
      <c r="A123" s="40" t="s">
        <v>126</v>
      </c>
      <c r="B123" s="21">
        <v>-56</v>
      </c>
      <c r="C123" s="22">
        <v>-21</v>
      </c>
      <c r="D123" s="22">
        <v>-35</v>
      </c>
      <c r="E123" s="21">
        <v>48</v>
      </c>
      <c r="F123" s="22">
        <v>20</v>
      </c>
      <c r="G123" s="23">
        <v>28</v>
      </c>
      <c r="H123" s="22">
        <v>7</v>
      </c>
      <c r="I123" s="22">
        <v>3</v>
      </c>
      <c r="J123" s="22">
        <v>4</v>
      </c>
      <c r="K123" s="21">
        <v>15</v>
      </c>
      <c r="L123" s="53">
        <v>4</v>
      </c>
      <c r="M123" s="54">
        <v>11</v>
      </c>
    </row>
    <row r="124" spans="1:13">
      <c r="A124" s="40" t="s">
        <v>127</v>
      </c>
      <c r="B124" s="21">
        <v>-57</v>
      </c>
      <c r="C124" s="22">
        <v>-24</v>
      </c>
      <c r="D124" s="22">
        <v>-33</v>
      </c>
      <c r="E124" s="21">
        <v>50</v>
      </c>
      <c r="F124" s="22">
        <v>24</v>
      </c>
      <c r="G124" s="23">
        <v>26</v>
      </c>
      <c r="H124" s="22">
        <v>7</v>
      </c>
      <c r="I124" s="22">
        <v>2</v>
      </c>
      <c r="J124" s="22">
        <v>5</v>
      </c>
      <c r="K124" s="21">
        <v>14</v>
      </c>
      <c r="L124" s="53">
        <v>2</v>
      </c>
      <c r="M124" s="54">
        <v>12</v>
      </c>
    </row>
    <row r="125" spans="1:13" ht="19.5" customHeight="1">
      <c r="A125" s="34" t="s">
        <v>128</v>
      </c>
      <c r="B125" s="17">
        <v>-188</v>
      </c>
      <c r="C125" s="18">
        <v>-72</v>
      </c>
      <c r="D125" s="18">
        <v>-116</v>
      </c>
      <c r="E125" s="17">
        <v>193</v>
      </c>
      <c r="F125" s="18">
        <v>71</v>
      </c>
      <c r="G125" s="19">
        <v>122</v>
      </c>
      <c r="H125" s="18">
        <v>42</v>
      </c>
      <c r="I125" s="18">
        <v>8</v>
      </c>
      <c r="J125" s="18">
        <v>34</v>
      </c>
      <c r="K125" s="17">
        <v>37</v>
      </c>
      <c r="L125" s="51">
        <v>9</v>
      </c>
      <c r="M125" s="52">
        <v>28</v>
      </c>
    </row>
    <row r="126" spans="1:13">
      <c r="A126" s="40" t="s">
        <v>129</v>
      </c>
      <c r="B126" s="21">
        <v>-29</v>
      </c>
      <c r="C126" s="22">
        <v>-13</v>
      </c>
      <c r="D126" s="22">
        <v>-16</v>
      </c>
      <c r="E126" s="21">
        <v>33</v>
      </c>
      <c r="F126" s="22">
        <v>12</v>
      </c>
      <c r="G126" s="23">
        <v>21</v>
      </c>
      <c r="H126" s="22">
        <v>14</v>
      </c>
      <c r="I126" s="22">
        <v>3</v>
      </c>
      <c r="J126" s="22">
        <v>11</v>
      </c>
      <c r="K126" s="21">
        <v>10</v>
      </c>
      <c r="L126" s="53">
        <v>4</v>
      </c>
      <c r="M126" s="54">
        <v>6</v>
      </c>
    </row>
    <row r="127" spans="1:13">
      <c r="A127" s="40" t="s">
        <v>130</v>
      </c>
      <c r="B127" s="21">
        <v>-41</v>
      </c>
      <c r="C127" s="22">
        <v>-19</v>
      </c>
      <c r="D127" s="22">
        <v>-22</v>
      </c>
      <c r="E127" s="21">
        <v>43</v>
      </c>
      <c r="F127" s="22">
        <v>20</v>
      </c>
      <c r="G127" s="23">
        <v>23</v>
      </c>
      <c r="H127" s="22">
        <v>13</v>
      </c>
      <c r="I127" s="22">
        <v>3</v>
      </c>
      <c r="J127" s="22">
        <v>10</v>
      </c>
      <c r="K127" s="21">
        <v>11</v>
      </c>
      <c r="L127" s="53">
        <v>2</v>
      </c>
      <c r="M127" s="54">
        <v>9</v>
      </c>
    </row>
    <row r="128" spans="1:13">
      <c r="A128" s="40" t="s">
        <v>131</v>
      </c>
      <c r="B128" s="21">
        <v>-41</v>
      </c>
      <c r="C128" s="22">
        <v>-15</v>
      </c>
      <c r="D128" s="22">
        <v>-26</v>
      </c>
      <c r="E128" s="21">
        <v>43</v>
      </c>
      <c r="F128" s="22">
        <v>15</v>
      </c>
      <c r="G128" s="23">
        <v>28</v>
      </c>
      <c r="H128" s="22">
        <v>6</v>
      </c>
      <c r="I128" s="22">
        <v>1</v>
      </c>
      <c r="J128" s="22">
        <v>5</v>
      </c>
      <c r="K128" s="21">
        <v>4</v>
      </c>
      <c r="L128" s="53">
        <v>1</v>
      </c>
      <c r="M128" s="54">
        <v>3</v>
      </c>
    </row>
    <row r="129" spans="1:13">
      <c r="A129" s="40" t="s">
        <v>132</v>
      </c>
      <c r="B129" s="21">
        <v>-40</v>
      </c>
      <c r="C129" s="22">
        <v>-12</v>
      </c>
      <c r="D129" s="22">
        <v>-28</v>
      </c>
      <c r="E129" s="21">
        <v>41</v>
      </c>
      <c r="F129" s="22">
        <v>10</v>
      </c>
      <c r="G129" s="23">
        <v>31</v>
      </c>
      <c r="H129" s="22">
        <v>4</v>
      </c>
      <c r="I129" s="22">
        <v>0</v>
      </c>
      <c r="J129" s="22">
        <v>4</v>
      </c>
      <c r="K129" s="21">
        <v>3</v>
      </c>
      <c r="L129" s="53">
        <v>2</v>
      </c>
      <c r="M129" s="54">
        <v>1</v>
      </c>
    </row>
    <row r="130" spans="1:13">
      <c r="A130" s="40" t="s">
        <v>133</v>
      </c>
      <c r="B130" s="21">
        <v>-37</v>
      </c>
      <c r="C130" s="22">
        <v>-13</v>
      </c>
      <c r="D130" s="22">
        <v>-24</v>
      </c>
      <c r="E130" s="21">
        <v>33</v>
      </c>
      <c r="F130" s="22">
        <v>14</v>
      </c>
      <c r="G130" s="23">
        <v>19</v>
      </c>
      <c r="H130" s="22">
        <v>5</v>
      </c>
      <c r="I130" s="22">
        <v>1</v>
      </c>
      <c r="J130" s="22">
        <v>4</v>
      </c>
      <c r="K130" s="21">
        <v>9</v>
      </c>
      <c r="L130" s="53">
        <v>0</v>
      </c>
      <c r="M130" s="54">
        <v>9</v>
      </c>
    </row>
    <row r="131" spans="1:13" ht="19.5" customHeight="1">
      <c r="A131" s="34" t="s">
        <v>134</v>
      </c>
      <c r="B131" s="17">
        <v>-101</v>
      </c>
      <c r="C131" s="18">
        <v>-30</v>
      </c>
      <c r="D131" s="18">
        <v>-71</v>
      </c>
      <c r="E131" s="17">
        <v>107</v>
      </c>
      <c r="F131" s="18">
        <v>32</v>
      </c>
      <c r="G131" s="19">
        <v>75</v>
      </c>
      <c r="H131" s="18">
        <v>10</v>
      </c>
      <c r="I131" s="18">
        <v>2</v>
      </c>
      <c r="J131" s="18">
        <v>8</v>
      </c>
      <c r="K131" s="17">
        <v>4</v>
      </c>
      <c r="L131" s="51">
        <v>0</v>
      </c>
      <c r="M131" s="52">
        <v>4</v>
      </c>
    </row>
    <row r="132" spans="1:13">
      <c r="A132" s="40" t="s">
        <v>135</v>
      </c>
      <c r="B132" s="21">
        <v>-36</v>
      </c>
      <c r="C132" s="22">
        <v>-14</v>
      </c>
      <c r="D132" s="22">
        <v>-22</v>
      </c>
      <c r="E132" s="21">
        <v>36</v>
      </c>
      <c r="F132" s="22">
        <v>15</v>
      </c>
      <c r="G132" s="23">
        <v>21</v>
      </c>
      <c r="H132" s="22">
        <v>3</v>
      </c>
      <c r="I132" s="22">
        <v>1</v>
      </c>
      <c r="J132" s="22">
        <v>2</v>
      </c>
      <c r="K132" s="21">
        <v>3</v>
      </c>
      <c r="L132" s="53">
        <v>0</v>
      </c>
      <c r="M132" s="54">
        <v>3</v>
      </c>
    </row>
    <row r="133" spans="1:13">
      <c r="A133" s="40" t="s">
        <v>136</v>
      </c>
      <c r="B133" s="21">
        <v>-27</v>
      </c>
      <c r="C133" s="22">
        <v>-6</v>
      </c>
      <c r="D133" s="22">
        <v>-21</v>
      </c>
      <c r="E133" s="21">
        <v>29</v>
      </c>
      <c r="F133" s="22">
        <v>6</v>
      </c>
      <c r="G133" s="23">
        <v>23</v>
      </c>
      <c r="H133" s="22">
        <v>2</v>
      </c>
      <c r="I133" s="22">
        <v>0</v>
      </c>
      <c r="J133" s="22">
        <v>2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17</v>
      </c>
      <c r="C134" s="22">
        <v>-6</v>
      </c>
      <c r="D134" s="22">
        <v>-11</v>
      </c>
      <c r="E134" s="21">
        <v>20</v>
      </c>
      <c r="F134" s="22">
        <v>7</v>
      </c>
      <c r="G134" s="23">
        <v>13</v>
      </c>
      <c r="H134" s="22">
        <v>3</v>
      </c>
      <c r="I134" s="22">
        <v>1</v>
      </c>
      <c r="J134" s="22">
        <v>2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9</v>
      </c>
      <c r="C135" s="22">
        <v>-2</v>
      </c>
      <c r="D135" s="22">
        <v>-7</v>
      </c>
      <c r="E135" s="21">
        <v>11</v>
      </c>
      <c r="F135" s="22">
        <v>2</v>
      </c>
      <c r="G135" s="23">
        <v>9</v>
      </c>
      <c r="H135" s="22">
        <v>2</v>
      </c>
      <c r="I135" s="22">
        <v>0</v>
      </c>
      <c r="J135" s="22">
        <v>2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2</v>
      </c>
      <c r="C136" s="22">
        <v>-2</v>
      </c>
      <c r="D136" s="22">
        <v>-10</v>
      </c>
      <c r="E136" s="21">
        <v>11</v>
      </c>
      <c r="F136" s="22">
        <v>2</v>
      </c>
      <c r="G136" s="23">
        <v>9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20</v>
      </c>
      <c r="C137" s="43">
        <v>-2</v>
      </c>
      <c r="D137" s="43">
        <v>-18</v>
      </c>
      <c r="E137" s="42">
        <v>18</v>
      </c>
      <c r="F137" s="43">
        <v>2</v>
      </c>
      <c r="G137" s="44">
        <v>16</v>
      </c>
      <c r="H137" s="43">
        <v>0</v>
      </c>
      <c r="I137" s="43">
        <v>0</v>
      </c>
      <c r="J137" s="43">
        <v>0</v>
      </c>
      <c r="K137" s="42">
        <v>2</v>
      </c>
      <c r="L137" s="67">
        <v>0</v>
      </c>
      <c r="M137" s="68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6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7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466</v>
      </c>
      <c r="C5" s="14">
        <v>-226</v>
      </c>
      <c r="D5" s="14">
        <v>-240</v>
      </c>
      <c r="E5" s="13">
        <v>1487</v>
      </c>
      <c r="F5" s="14">
        <v>783</v>
      </c>
      <c r="G5" s="15">
        <v>704</v>
      </c>
      <c r="H5" s="14">
        <v>6522</v>
      </c>
      <c r="I5" s="14">
        <v>3399</v>
      </c>
      <c r="J5" s="14">
        <v>3123</v>
      </c>
      <c r="K5" s="13">
        <v>6521</v>
      </c>
      <c r="L5" s="49">
        <v>3372</v>
      </c>
      <c r="M5" s="50">
        <v>3149</v>
      </c>
    </row>
    <row r="6" spans="1:13" ht="19.5" customHeight="1">
      <c r="A6" s="16" t="s">
        <v>13</v>
      </c>
      <c r="B6" s="17">
        <v>1000</v>
      </c>
      <c r="C6" s="18">
        <v>530</v>
      </c>
      <c r="D6" s="18">
        <v>470</v>
      </c>
      <c r="E6" s="17">
        <v>3</v>
      </c>
      <c r="F6" s="18">
        <v>2</v>
      </c>
      <c r="G6" s="19">
        <v>1</v>
      </c>
      <c r="H6" s="18">
        <v>432</v>
      </c>
      <c r="I6" s="18">
        <v>240</v>
      </c>
      <c r="J6" s="18">
        <v>192</v>
      </c>
      <c r="K6" s="17">
        <v>449</v>
      </c>
      <c r="L6" s="51">
        <v>238</v>
      </c>
      <c r="M6" s="52">
        <v>211</v>
      </c>
    </row>
    <row r="7" spans="1:13">
      <c r="A7" s="20" t="s">
        <v>14</v>
      </c>
      <c r="B7" s="21">
        <v>1031</v>
      </c>
      <c r="C7" s="22">
        <v>535</v>
      </c>
      <c r="D7" s="22">
        <v>496</v>
      </c>
      <c r="E7" s="21">
        <v>3</v>
      </c>
      <c r="F7" s="22">
        <v>2</v>
      </c>
      <c r="G7" s="23">
        <v>1</v>
      </c>
      <c r="H7" s="22">
        <v>72</v>
      </c>
      <c r="I7" s="22">
        <v>39</v>
      </c>
      <c r="J7" s="22">
        <v>33</v>
      </c>
      <c r="K7" s="21">
        <v>58</v>
      </c>
      <c r="L7" s="53">
        <v>32</v>
      </c>
      <c r="M7" s="54">
        <v>26</v>
      </c>
    </row>
    <row r="8" spans="1:13">
      <c r="A8" s="20" t="s">
        <v>15</v>
      </c>
      <c r="B8" s="21">
        <v>-1</v>
      </c>
      <c r="C8" s="22">
        <v>3</v>
      </c>
      <c r="D8" s="22">
        <v>-4</v>
      </c>
      <c r="E8" s="21">
        <v>0</v>
      </c>
      <c r="F8" s="22">
        <v>0</v>
      </c>
      <c r="G8" s="23">
        <v>0</v>
      </c>
      <c r="H8" s="22">
        <v>141</v>
      </c>
      <c r="I8" s="22">
        <v>81</v>
      </c>
      <c r="J8" s="22">
        <v>60</v>
      </c>
      <c r="K8" s="21">
        <v>142</v>
      </c>
      <c r="L8" s="53">
        <v>78</v>
      </c>
      <c r="M8" s="54">
        <v>64</v>
      </c>
    </row>
    <row r="9" spans="1:13">
      <c r="A9" s="20" t="s">
        <v>16</v>
      </c>
      <c r="B9" s="21">
        <v>-21</v>
      </c>
      <c r="C9" s="22">
        <v>-3</v>
      </c>
      <c r="D9" s="22">
        <v>-18</v>
      </c>
      <c r="E9" s="21">
        <v>0</v>
      </c>
      <c r="F9" s="22">
        <v>0</v>
      </c>
      <c r="G9" s="23">
        <v>0</v>
      </c>
      <c r="H9" s="22">
        <v>92</v>
      </c>
      <c r="I9" s="22">
        <v>52</v>
      </c>
      <c r="J9" s="22">
        <v>40</v>
      </c>
      <c r="K9" s="21">
        <v>113</v>
      </c>
      <c r="L9" s="53">
        <v>55</v>
      </c>
      <c r="M9" s="54">
        <v>58</v>
      </c>
    </row>
    <row r="10" spans="1:13">
      <c r="A10" s="20" t="s">
        <v>17</v>
      </c>
      <c r="B10" s="21">
        <v>-8</v>
      </c>
      <c r="C10" s="22">
        <v>-5</v>
      </c>
      <c r="D10" s="22">
        <v>-3</v>
      </c>
      <c r="E10" s="21">
        <v>0</v>
      </c>
      <c r="F10" s="22">
        <v>0</v>
      </c>
      <c r="G10" s="23">
        <v>0</v>
      </c>
      <c r="H10" s="22">
        <v>65</v>
      </c>
      <c r="I10" s="22">
        <v>32</v>
      </c>
      <c r="J10" s="22">
        <v>33</v>
      </c>
      <c r="K10" s="21">
        <v>73</v>
      </c>
      <c r="L10" s="53">
        <v>37</v>
      </c>
      <c r="M10" s="54">
        <v>36</v>
      </c>
    </row>
    <row r="11" spans="1:13">
      <c r="A11" s="20" t="s">
        <v>18</v>
      </c>
      <c r="B11" s="21">
        <v>-1</v>
      </c>
      <c r="C11" s="22">
        <v>0</v>
      </c>
      <c r="D11" s="22">
        <v>-1</v>
      </c>
      <c r="E11" s="21">
        <v>0</v>
      </c>
      <c r="F11" s="22">
        <v>0</v>
      </c>
      <c r="G11" s="23">
        <v>0</v>
      </c>
      <c r="H11" s="22">
        <v>62</v>
      </c>
      <c r="I11" s="22">
        <v>36</v>
      </c>
      <c r="J11" s="22">
        <v>26</v>
      </c>
      <c r="K11" s="21">
        <v>63</v>
      </c>
      <c r="L11" s="53">
        <v>36</v>
      </c>
      <c r="M11" s="54">
        <v>27</v>
      </c>
    </row>
    <row r="12" spans="1:13" ht="20.100000000000001" customHeight="1">
      <c r="A12" s="16" t="s">
        <v>19</v>
      </c>
      <c r="B12" s="17">
        <v>-44</v>
      </c>
      <c r="C12" s="18">
        <v>-16</v>
      </c>
      <c r="D12" s="18">
        <v>-28</v>
      </c>
      <c r="E12" s="17">
        <v>0</v>
      </c>
      <c r="F12" s="18">
        <v>0</v>
      </c>
      <c r="G12" s="19">
        <v>0</v>
      </c>
      <c r="H12" s="18">
        <v>167</v>
      </c>
      <c r="I12" s="18">
        <v>92</v>
      </c>
      <c r="J12" s="18">
        <v>75</v>
      </c>
      <c r="K12" s="17">
        <v>211</v>
      </c>
      <c r="L12" s="51">
        <v>108</v>
      </c>
      <c r="M12" s="52">
        <v>103</v>
      </c>
    </row>
    <row r="13" spans="1:13">
      <c r="A13" s="20" t="s">
        <v>20</v>
      </c>
      <c r="B13" s="21">
        <v>-15</v>
      </c>
      <c r="C13" s="22">
        <v>-5</v>
      </c>
      <c r="D13" s="22">
        <v>-10</v>
      </c>
      <c r="E13" s="21">
        <v>0</v>
      </c>
      <c r="F13" s="22">
        <v>0</v>
      </c>
      <c r="G13" s="23">
        <v>0</v>
      </c>
      <c r="H13" s="22">
        <v>40</v>
      </c>
      <c r="I13" s="22">
        <v>27</v>
      </c>
      <c r="J13" s="22">
        <v>13</v>
      </c>
      <c r="K13" s="21">
        <v>55</v>
      </c>
      <c r="L13" s="53">
        <v>32</v>
      </c>
      <c r="M13" s="54">
        <v>23</v>
      </c>
    </row>
    <row r="14" spans="1:13">
      <c r="A14" s="20" t="s">
        <v>21</v>
      </c>
      <c r="B14" s="21">
        <v>-10</v>
      </c>
      <c r="C14" s="22">
        <v>1</v>
      </c>
      <c r="D14" s="22">
        <v>-11</v>
      </c>
      <c r="E14" s="21">
        <v>0</v>
      </c>
      <c r="F14" s="22">
        <v>0</v>
      </c>
      <c r="G14" s="23">
        <v>0</v>
      </c>
      <c r="H14" s="22">
        <v>38</v>
      </c>
      <c r="I14" s="22">
        <v>24</v>
      </c>
      <c r="J14" s="22">
        <v>14</v>
      </c>
      <c r="K14" s="21">
        <v>48</v>
      </c>
      <c r="L14" s="53">
        <v>23</v>
      </c>
      <c r="M14" s="54">
        <v>25</v>
      </c>
    </row>
    <row r="15" spans="1:13">
      <c r="A15" s="20" t="s">
        <v>22</v>
      </c>
      <c r="B15" s="21">
        <v>-7</v>
      </c>
      <c r="C15" s="22">
        <v>-2</v>
      </c>
      <c r="D15" s="22">
        <v>-5</v>
      </c>
      <c r="E15" s="21">
        <v>0</v>
      </c>
      <c r="F15" s="22">
        <v>0</v>
      </c>
      <c r="G15" s="23">
        <v>0</v>
      </c>
      <c r="H15" s="22">
        <v>47</v>
      </c>
      <c r="I15" s="22">
        <v>23</v>
      </c>
      <c r="J15" s="22">
        <v>24</v>
      </c>
      <c r="K15" s="21">
        <v>54</v>
      </c>
      <c r="L15" s="53">
        <v>25</v>
      </c>
      <c r="M15" s="54">
        <v>29</v>
      </c>
    </row>
    <row r="16" spans="1:13">
      <c r="A16" s="20" t="s">
        <v>23</v>
      </c>
      <c r="B16" s="21">
        <v>-7</v>
      </c>
      <c r="C16" s="22">
        <v>-1</v>
      </c>
      <c r="D16" s="22">
        <v>-6</v>
      </c>
      <c r="E16" s="21">
        <v>0</v>
      </c>
      <c r="F16" s="22">
        <v>0</v>
      </c>
      <c r="G16" s="23">
        <v>0</v>
      </c>
      <c r="H16" s="22">
        <v>20</v>
      </c>
      <c r="I16" s="22">
        <v>12</v>
      </c>
      <c r="J16" s="22">
        <v>8</v>
      </c>
      <c r="K16" s="21">
        <v>27</v>
      </c>
      <c r="L16" s="53">
        <v>13</v>
      </c>
      <c r="M16" s="54">
        <v>14</v>
      </c>
    </row>
    <row r="17" spans="1:13">
      <c r="A17" s="20" t="s">
        <v>24</v>
      </c>
      <c r="B17" s="21">
        <v>-5</v>
      </c>
      <c r="C17" s="22">
        <v>-9</v>
      </c>
      <c r="D17" s="22">
        <v>4</v>
      </c>
      <c r="E17" s="21">
        <v>0</v>
      </c>
      <c r="F17" s="22">
        <v>0</v>
      </c>
      <c r="G17" s="23">
        <v>0</v>
      </c>
      <c r="H17" s="22">
        <v>22</v>
      </c>
      <c r="I17" s="22">
        <v>6</v>
      </c>
      <c r="J17" s="22">
        <v>16</v>
      </c>
      <c r="K17" s="21">
        <v>27</v>
      </c>
      <c r="L17" s="53">
        <v>15</v>
      </c>
      <c r="M17" s="54">
        <v>12</v>
      </c>
    </row>
    <row r="18" spans="1:13" ht="20.100000000000001" customHeight="1">
      <c r="A18" s="16" t="s">
        <v>25</v>
      </c>
      <c r="B18" s="17">
        <v>-19</v>
      </c>
      <c r="C18" s="18">
        <v>-13</v>
      </c>
      <c r="D18" s="18">
        <v>-6</v>
      </c>
      <c r="E18" s="17">
        <v>3</v>
      </c>
      <c r="F18" s="18">
        <v>2</v>
      </c>
      <c r="G18" s="19">
        <v>1</v>
      </c>
      <c r="H18" s="18">
        <v>103</v>
      </c>
      <c r="I18" s="18">
        <v>54</v>
      </c>
      <c r="J18" s="18">
        <v>49</v>
      </c>
      <c r="K18" s="17">
        <v>119</v>
      </c>
      <c r="L18" s="51">
        <v>65</v>
      </c>
      <c r="M18" s="52">
        <v>54</v>
      </c>
    </row>
    <row r="19" spans="1:13">
      <c r="A19" s="20" t="s">
        <v>26</v>
      </c>
      <c r="B19" s="21">
        <v>-7</v>
      </c>
      <c r="C19" s="22">
        <v>1</v>
      </c>
      <c r="D19" s="22">
        <v>-8</v>
      </c>
      <c r="E19" s="21">
        <v>0</v>
      </c>
      <c r="F19" s="22">
        <v>0</v>
      </c>
      <c r="G19" s="23">
        <v>0</v>
      </c>
      <c r="H19" s="22">
        <v>18</v>
      </c>
      <c r="I19" s="22">
        <v>11</v>
      </c>
      <c r="J19" s="22">
        <v>7</v>
      </c>
      <c r="K19" s="21">
        <v>25</v>
      </c>
      <c r="L19" s="53">
        <v>10</v>
      </c>
      <c r="M19" s="54">
        <v>15</v>
      </c>
    </row>
    <row r="20" spans="1:13">
      <c r="A20" s="20" t="s">
        <v>27</v>
      </c>
      <c r="B20" s="21">
        <v>2</v>
      </c>
      <c r="C20" s="22">
        <v>1</v>
      </c>
      <c r="D20" s="22">
        <v>1</v>
      </c>
      <c r="E20" s="21">
        <v>1</v>
      </c>
      <c r="F20" s="22">
        <v>1</v>
      </c>
      <c r="G20" s="23">
        <v>0</v>
      </c>
      <c r="H20" s="22">
        <v>24</v>
      </c>
      <c r="I20" s="22">
        <v>12</v>
      </c>
      <c r="J20" s="22">
        <v>12</v>
      </c>
      <c r="K20" s="21">
        <v>21</v>
      </c>
      <c r="L20" s="53">
        <v>10</v>
      </c>
      <c r="M20" s="54">
        <v>11</v>
      </c>
    </row>
    <row r="21" spans="1:13">
      <c r="A21" s="20" t="s">
        <v>28</v>
      </c>
      <c r="B21" s="21">
        <v>-1</v>
      </c>
      <c r="C21" s="22">
        <v>0</v>
      </c>
      <c r="D21" s="22">
        <v>-1</v>
      </c>
      <c r="E21" s="21">
        <v>0</v>
      </c>
      <c r="F21" s="22">
        <v>0</v>
      </c>
      <c r="G21" s="23">
        <v>0</v>
      </c>
      <c r="H21" s="22">
        <v>18</v>
      </c>
      <c r="I21" s="22">
        <v>11</v>
      </c>
      <c r="J21" s="22">
        <v>7</v>
      </c>
      <c r="K21" s="21">
        <v>19</v>
      </c>
      <c r="L21" s="53">
        <v>11</v>
      </c>
      <c r="M21" s="54">
        <v>8</v>
      </c>
    </row>
    <row r="22" spans="1:13">
      <c r="A22" s="20" t="s">
        <v>29</v>
      </c>
      <c r="B22" s="21">
        <v>-8</v>
      </c>
      <c r="C22" s="22">
        <v>-9</v>
      </c>
      <c r="D22" s="22">
        <v>1</v>
      </c>
      <c r="E22" s="21">
        <v>2</v>
      </c>
      <c r="F22" s="22">
        <v>1</v>
      </c>
      <c r="G22" s="23">
        <v>1</v>
      </c>
      <c r="H22" s="22">
        <v>29</v>
      </c>
      <c r="I22" s="22">
        <v>16</v>
      </c>
      <c r="J22" s="22">
        <v>13</v>
      </c>
      <c r="K22" s="21">
        <v>35</v>
      </c>
      <c r="L22" s="53">
        <v>24</v>
      </c>
      <c r="M22" s="54">
        <v>11</v>
      </c>
    </row>
    <row r="23" spans="1:13">
      <c r="A23" s="20" t="s">
        <v>30</v>
      </c>
      <c r="B23" s="21">
        <v>-5</v>
      </c>
      <c r="C23" s="22">
        <v>-6</v>
      </c>
      <c r="D23" s="22">
        <v>1</v>
      </c>
      <c r="E23" s="21">
        <v>0</v>
      </c>
      <c r="F23" s="22">
        <v>0</v>
      </c>
      <c r="G23" s="23">
        <v>0</v>
      </c>
      <c r="H23" s="22">
        <v>14</v>
      </c>
      <c r="I23" s="22">
        <v>4</v>
      </c>
      <c r="J23" s="22">
        <v>10</v>
      </c>
      <c r="K23" s="21">
        <v>19</v>
      </c>
      <c r="L23" s="53">
        <v>10</v>
      </c>
      <c r="M23" s="54">
        <v>9</v>
      </c>
    </row>
    <row r="24" spans="1:13" ht="20.100000000000001" customHeight="1">
      <c r="A24" s="16" t="s">
        <v>31</v>
      </c>
      <c r="B24" s="17">
        <v>14</v>
      </c>
      <c r="C24" s="18">
        <v>-2</v>
      </c>
      <c r="D24" s="18">
        <v>16</v>
      </c>
      <c r="E24" s="17">
        <v>0</v>
      </c>
      <c r="F24" s="18">
        <v>0</v>
      </c>
      <c r="G24" s="19">
        <v>0</v>
      </c>
      <c r="H24" s="18">
        <v>211</v>
      </c>
      <c r="I24" s="18">
        <v>93</v>
      </c>
      <c r="J24" s="18">
        <v>118</v>
      </c>
      <c r="K24" s="17">
        <v>197</v>
      </c>
      <c r="L24" s="51">
        <v>95</v>
      </c>
      <c r="M24" s="52">
        <v>102</v>
      </c>
    </row>
    <row r="25" spans="1:13">
      <c r="A25" s="20" t="s">
        <v>32</v>
      </c>
      <c r="B25" s="21">
        <v>7</v>
      </c>
      <c r="C25" s="22">
        <v>4</v>
      </c>
      <c r="D25" s="22">
        <v>3</v>
      </c>
      <c r="E25" s="21">
        <v>0</v>
      </c>
      <c r="F25" s="22">
        <v>0</v>
      </c>
      <c r="G25" s="23">
        <v>0</v>
      </c>
      <c r="H25" s="22">
        <v>26</v>
      </c>
      <c r="I25" s="22">
        <v>12</v>
      </c>
      <c r="J25" s="22">
        <v>14</v>
      </c>
      <c r="K25" s="21">
        <v>19</v>
      </c>
      <c r="L25" s="53">
        <v>8</v>
      </c>
      <c r="M25" s="54">
        <v>11</v>
      </c>
    </row>
    <row r="26" spans="1:13">
      <c r="A26" s="20" t="s">
        <v>33</v>
      </c>
      <c r="B26" s="21">
        <v>5</v>
      </c>
      <c r="C26" s="22">
        <v>4</v>
      </c>
      <c r="D26" s="22">
        <v>1</v>
      </c>
      <c r="E26" s="21">
        <v>0</v>
      </c>
      <c r="F26" s="22">
        <v>0</v>
      </c>
      <c r="G26" s="23">
        <v>0</v>
      </c>
      <c r="H26" s="22">
        <v>35</v>
      </c>
      <c r="I26" s="22">
        <v>18</v>
      </c>
      <c r="J26" s="22">
        <v>17</v>
      </c>
      <c r="K26" s="21">
        <v>30</v>
      </c>
      <c r="L26" s="53">
        <v>14</v>
      </c>
      <c r="M26" s="54">
        <v>16</v>
      </c>
    </row>
    <row r="27" spans="1:13">
      <c r="A27" s="20" t="s">
        <v>34</v>
      </c>
      <c r="B27" s="21">
        <v>4</v>
      </c>
      <c r="C27" s="22">
        <v>3</v>
      </c>
      <c r="D27" s="22">
        <v>1</v>
      </c>
      <c r="E27" s="21">
        <v>0</v>
      </c>
      <c r="F27" s="22">
        <v>0</v>
      </c>
      <c r="G27" s="23">
        <v>0</v>
      </c>
      <c r="H27" s="22">
        <v>26</v>
      </c>
      <c r="I27" s="22">
        <v>10</v>
      </c>
      <c r="J27" s="22">
        <v>16</v>
      </c>
      <c r="K27" s="21">
        <v>22</v>
      </c>
      <c r="L27" s="53">
        <v>7</v>
      </c>
      <c r="M27" s="54">
        <v>15</v>
      </c>
    </row>
    <row r="28" spans="1:13">
      <c r="A28" s="20" t="s">
        <v>35</v>
      </c>
      <c r="B28" s="21">
        <v>-9</v>
      </c>
      <c r="C28" s="22">
        <v>-6</v>
      </c>
      <c r="D28" s="22">
        <v>-3</v>
      </c>
      <c r="E28" s="21">
        <v>0</v>
      </c>
      <c r="F28" s="22">
        <v>0</v>
      </c>
      <c r="G28" s="23">
        <v>0</v>
      </c>
      <c r="H28" s="22">
        <v>41</v>
      </c>
      <c r="I28" s="22">
        <v>17</v>
      </c>
      <c r="J28" s="22">
        <v>24</v>
      </c>
      <c r="K28" s="21">
        <v>50</v>
      </c>
      <c r="L28" s="53">
        <v>23</v>
      </c>
      <c r="M28" s="54">
        <v>27</v>
      </c>
    </row>
    <row r="29" spans="1:13">
      <c r="A29" s="20" t="s">
        <v>36</v>
      </c>
      <c r="B29" s="21">
        <v>7</v>
      </c>
      <c r="C29" s="22">
        <v>-7</v>
      </c>
      <c r="D29" s="22">
        <v>14</v>
      </c>
      <c r="E29" s="21">
        <v>0</v>
      </c>
      <c r="F29" s="22">
        <v>0</v>
      </c>
      <c r="G29" s="23">
        <v>0</v>
      </c>
      <c r="H29" s="22">
        <v>83</v>
      </c>
      <c r="I29" s="22">
        <v>36</v>
      </c>
      <c r="J29" s="22">
        <v>47</v>
      </c>
      <c r="K29" s="21">
        <v>76</v>
      </c>
      <c r="L29" s="53">
        <v>43</v>
      </c>
      <c r="M29" s="54">
        <v>33</v>
      </c>
    </row>
    <row r="30" spans="1:13" ht="20.100000000000001" customHeight="1">
      <c r="A30" s="16" t="s">
        <v>37</v>
      </c>
      <c r="B30" s="17">
        <v>-116</v>
      </c>
      <c r="C30" s="18">
        <v>-61</v>
      </c>
      <c r="D30" s="18">
        <v>-55</v>
      </c>
      <c r="E30" s="17">
        <v>2</v>
      </c>
      <c r="F30" s="18">
        <v>2</v>
      </c>
      <c r="G30" s="19">
        <v>0</v>
      </c>
      <c r="H30" s="18">
        <v>767</v>
      </c>
      <c r="I30" s="18">
        <v>382</v>
      </c>
      <c r="J30" s="18">
        <v>385</v>
      </c>
      <c r="K30" s="17">
        <v>881</v>
      </c>
      <c r="L30" s="51">
        <v>441</v>
      </c>
      <c r="M30" s="52">
        <v>440</v>
      </c>
    </row>
    <row r="31" spans="1:13">
      <c r="A31" s="20" t="s">
        <v>38</v>
      </c>
      <c r="B31" s="21">
        <v>1</v>
      </c>
      <c r="C31" s="22">
        <v>1</v>
      </c>
      <c r="D31" s="22">
        <v>0</v>
      </c>
      <c r="E31" s="21">
        <v>1</v>
      </c>
      <c r="F31" s="22">
        <v>1</v>
      </c>
      <c r="G31" s="23">
        <v>0</v>
      </c>
      <c r="H31" s="22">
        <v>73</v>
      </c>
      <c r="I31" s="22">
        <v>41</v>
      </c>
      <c r="J31" s="22">
        <v>32</v>
      </c>
      <c r="K31" s="21">
        <v>71</v>
      </c>
      <c r="L31" s="53">
        <v>39</v>
      </c>
      <c r="M31" s="54">
        <v>32</v>
      </c>
    </row>
    <row r="32" spans="1:13">
      <c r="A32" s="20" t="s">
        <v>39</v>
      </c>
      <c r="B32" s="21">
        <v>-10</v>
      </c>
      <c r="C32" s="22">
        <v>-9</v>
      </c>
      <c r="D32" s="22">
        <v>-1</v>
      </c>
      <c r="E32" s="21">
        <v>1</v>
      </c>
      <c r="F32" s="22">
        <v>1</v>
      </c>
      <c r="G32" s="23">
        <v>0</v>
      </c>
      <c r="H32" s="22">
        <v>106</v>
      </c>
      <c r="I32" s="22">
        <v>46</v>
      </c>
      <c r="J32" s="22">
        <v>60</v>
      </c>
      <c r="K32" s="21">
        <v>115</v>
      </c>
      <c r="L32" s="53">
        <v>54</v>
      </c>
      <c r="M32" s="54">
        <v>61</v>
      </c>
    </row>
    <row r="33" spans="1:13">
      <c r="A33" s="20" t="s">
        <v>40</v>
      </c>
      <c r="B33" s="21">
        <v>-14</v>
      </c>
      <c r="C33" s="22">
        <v>1</v>
      </c>
      <c r="D33" s="22">
        <v>-15</v>
      </c>
      <c r="E33" s="21">
        <v>0</v>
      </c>
      <c r="F33" s="22">
        <v>0</v>
      </c>
      <c r="G33" s="23">
        <v>0</v>
      </c>
      <c r="H33" s="22">
        <v>150</v>
      </c>
      <c r="I33" s="22">
        <v>75</v>
      </c>
      <c r="J33" s="22">
        <v>75</v>
      </c>
      <c r="K33" s="21">
        <v>164</v>
      </c>
      <c r="L33" s="53">
        <v>74</v>
      </c>
      <c r="M33" s="54">
        <v>90</v>
      </c>
    </row>
    <row r="34" spans="1:13">
      <c r="A34" s="20" t="s">
        <v>41</v>
      </c>
      <c r="B34" s="21">
        <v>-99</v>
      </c>
      <c r="C34" s="22">
        <v>-67</v>
      </c>
      <c r="D34" s="22">
        <v>-32</v>
      </c>
      <c r="E34" s="21">
        <v>0</v>
      </c>
      <c r="F34" s="22">
        <v>0</v>
      </c>
      <c r="G34" s="23">
        <v>0</v>
      </c>
      <c r="H34" s="22">
        <v>205</v>
      </c>
      <c r="I34" s="22">
        <v>95</v>
      </c>
      <c r="J34" s="22">
        <v>110</v>
      </c>
      <c r="K34" s="21">
        <v>304</v>
      </c>
      <c r="L34" s="53">
        <v>162</v>
      </c>
      <c r="M34" s="54">
        <v>142</v>
      </c>
    </row>
    <row r="35" spans="1:13">
      <c r="A35" s="20" t="s">
        <v>42</v>
      </c>
      <c r="B35" s="21">
        <v>6</v>
      </c>
      <c r="C35" s="22">
        <v>13</v>
      </c>
      <c r="D35" s="22">
        <v>-7</v>
      </c>
      <c r="E35" s="21">
        <v>0</v>
      </c>
      <c r="F35" s="22">
        <v>0</v>
      </c>
      <c r="G35" s="23">
        <v>0</v>
      </c>
      <c r="H35" s="22">
        <v>233</v>
      </c>
      <c r="I35" s="22">
        <v>125</v>
      </c>
      <c r="J35" s="22">
        <v>108</v>
      </c>
      <c r="K35" s="21">
        <v>227</v>
      </c>
      <c r="L35" s="53">
        <v>112</v>
      </c>
      <c r="M35" s="54">
        <v>115</v>
      </c>
    </row>
    <row r="36" spans="1:13" ht="20.100000000000001" customHeight="1">
      <c r="A36" s="16" t="s">
        <v>43</v>
      </c>
      <c r="B36" s="17">
        <v>-1</v>
      </c>
      <c r="C36" s="18">
        <v>7</v>
      </c>
      <c r="D36" s="18">
        <v>-8</v>
      </c>
      <c r="E36" s="17">
        <v>1</v>
      </c>
      <c r="F36" s="18">
        <v>1</v>
      </c>
      <c r="G36" s="19">
        <v>0</v>
      </c>
      <c r="H36" s="18">
        <v>1260</v>
      </c>
      <c r="I36" s="18">
        <v>667</v>
      </c>
      <c r="J36" s="18">
        <v>593</v>
      </c>
      <c r="K36" s="17">
        <v>1260</v>
      </c>
      <c r="L36" s="51">
        <v>659</v>
      </c>
      <c r="M36" s="52">
        <v>601</v>
      </c>
    </row>
    <row r="37" spans="1:13">
      <c r="A37" s="20" t="s">
        <v>44</v>
      </c>
      <c r="B37" s="21">
        <v>-6</v>
      </c>
      <c r="C37" s="22">
        <v>5</v>
      </c>
      <c r="D37" s="22">
        <v>-11</v>
      </c>
      <c r="E37" s="21">
        <v>0</v>
      </c>
      <c r="F37" s="22">
        <v>0</v>
      </c>
      <c r="G37" s="23">
        <v>0</v>
      </c>
      <c r="H37" s="22">
        <v>277</v>
      </c>
      <c r="I37" s="22">
        <v>163</v>
      </c>
      <c r="J37" s="22">
        <v>114</v>
      </c>
      <c r="K37" s="21">
        <v>283</v>
      </c>
      <c r="L37" s="53">
        <v>158</v>
      </c>
      <c r="M37" s="54">
        <v>125</v>
      </c>
    </row>
    <row r="38" spans="1:13">
      <c r="A38" s="20" t="s">
        <v>45</v>
      </c>
      <c r="B38" s="21">
        <v>-10</v>
      </c>
      <c r="C38" s="22">
        <v>-15</v>
      </c>
      <c r="D38" s="22">
        <v>5</v>
      </c>
      <c r="E38" s="21">
        <v>0</v>
      </c>
      <c r="F38" s="22">
        <v>0</v>
      </c>
      <c r="G38" s="23">
        <v>0</v>
      </c>
      <c r="H38" s="22">
        <v>247</v>
      </c>
      <c r="I38" s="22">
        <v>125</v>
      </c>
      <c r="J38" s="22">
        <v>122</v>
      </c>
      <c r="K38" s="21">
        <v>257</v>
      </c>
      <c r="L38" s="53">
        <v>140</v>
      </c>
      <c r="M38" s="54">
        <v>117</v>
      </c>
    </row>
    <row r="39" spans="1:13">
      <c r="A39" s="20" t="s">
        <v>46</v>
      </c>
      <c r="B39" s="21">
        <v>2</v>
      </c>
      <c r="C39" s="22">
        <v>-1</v>
      </c>
      <c r="D39" s="22">
        <v>3</v>
      </c>
      <c r="E39" s="21">
        <v>0</v>
      </c>
      <c r="F39" s="22">
        <v>0</v>
      </c>
      <c r="G39" s="23">
        <v>0</v>
      </c>
      <c r="H39" s="22">
        <v>254</v>
      </c>
      <c r="I39" s="22">
        <v>127</v>
      </c>
      <c r="J39" s="22">
        <v>127</v>
      </c>
      <c r="K39" s="21">
        <v>252</v>
      </c>
      <c r="L39" s="53">
        <v>128</v>
      </c>
      <c r="M39" s="54">
        <v>124</v>
      </c>
    </row>
    <row r="40" spans="1:13">
      <c r="A40" s="20" t="s">
        <v>47</v>
      </c>
      <c r="B40" s="21">
        <v>7</v>
      </c>
      <c r="C40" s="22">
        <v>-3</v>
      </c>
      <c r="D40" s="22">
        <v>10</v>
      </c>
      <c r="E40" s="21">
        <v>1</v>
      </c>
      <c r="F40" s="22">
        <v>1</v>
      </c>
      <c r="G40" s="23">
        <v>0</v>
      </c>
      <c r="H40" s="22">
        <v>264</v>
      </c>
      <c r="I40" s="22">
        <v>132</v>
      </c>
      <c r="J40" s="22">
        <v>132</v>
      </c>
      <c r="K40" s="21">
        <v>256</v>
      </c>
      <c r="L40" s="53">
        <v>134</v>
      </c>
      <c r="M40" s="54">
        <v>122</v>
      </c>
    </row>
    <row r="41" spans="1:13">
      <c r="A41" s="20" t="s">
        <v>48</v>
      </c>
      <c r="B41" s="21">
        <v>6</v>
      </c>
      <c r="C41" s="22">
        <v>21</v>
      </c>
      <c r="D41" s="22">
        <v>-15</v>
      </c>
      <c r="E41" s="21">
        <v>0</v>
      </c>
      <c r="F41" s="22">
        <v>0</v>
      </c>
      <c r="G41" s="23">
        <v>0</v>
      </c>
      <c r="H41" s="22">
        <v>218</v>
      </c>
      <c r="I41" s="22">
        <v>120</v>
      </c>
      <c r="J41" s="22">
        <v>98</v>
      </c>
      <c r="K41" s="21">
        <v>212</v>
      </c>
      <c r="L41" s="53">
        <v>99</v>
      </c>
      <c r="M41" s="54">
        <v>113</v>
      </c>
    </row>
    <row r="42" spans="1:13" ht="20.100000000000001" customHeight="1">
      <c r="A42" s="16" t="s">
        <v>49</v>
      </c>
      <c r="B42" s="17">
        <v>58</v>
      </c>
      <c r="C42" s="18">
        <v>62</v>
      </c>
      <c r="D42" s="18">
        <v>-4</v>
      </c>
      <c r="E42" s="17">
        <v>4</v>
      </c>
      <c r="F42" s="18">
        <v>4</v>
      </c>
      <c r="G42" s="19">
        <v>0</v>
      </c>
      <c r="H42" s="18">
        <v>936</v>
      </c>
      <c r="I42" s="18">
        <v>505</v>
      </c>
      <c r="J42" s="18">
        <v>431</v>
      </c>
      <c r="K42" s="17">
        <v>874</v>
      </c>
      <c r="L42" s="51">
        <v>439</v>
      </c>
      <c r="M42" s="52">
        <v>435</v>
      </c>
    </row>
    <row r="43" spans="1:13">
      <c r="A43" s="20" t="s">
        <v>50</v>
      </c>
      <c r="B43" s="21">
        <v>33</v>
      </c>
      <c r="C43" s="22">
        <v>15</v>
      </c>
      <c r="D43" s="22">
        <v>18</v>
      </c>
      <c r="E43" s="21">
        <v>1</v>
      </c>
      <c r="F43" s="22">
        <v>1</v>
      </c>
      <c r="G43" s="23">
        <v>0</v>
      </c>
      <c r="H43" s="22">
        <v>218</v>
      </c>
      <c r="I43" s="22">
        <v>113</v>
      </c>
      <c r="J43" s="22">
        <v>105</v>
      </c>
      <c r="K43" s="21">
        <v>184</v>
      </c>
      <c r="L43" s="53">
        <v>97</v>
      </c>
      <c r="M43" s="54">
        <v>87</v>
      </c>
    </row>
    <row r="44" spans="1:13">
      <c r="A44" s="20" t="s">
        <v>51</v>
      </c>
      <c r="B44" s="21">
        <v>-13</v>
      </c>
      <c r="C44" s="22">
        <v>-2</v>
      </c>
      <c r="D44" s="22">
        <v>-11</v>
      </c>
      <c r="E44" s="21">
        <v>0</v>
      </c>
      <c r="F44" s="22">
        <v>0</v>
      </c>
      <c r="G44" s="23">
        <v>0</v>
      </c>
      <c r="H44" s="22">
        <v>206</v>
      </c>
      <c r="I44" s="22">
        <v>108</v>
      </c>
      <c r="J44" s="22">
        <v>98</v>
      </c>
      <c r="K44" s="21">
        <v>219</v>
      </c>
      <c r="L44" s="53">
        <v>110</v>
      </c>
      <c r="M44" s="54">
        <v>109</v>
      </c>
    </row>
    <row r="45" spans="1:13">
      <c r="A45" s="20" t="s">
        <v>52</v>
      </c>
      <c r="B45" s="21">
        <v>46</v>
      </c>
      <c r="C45" s="22">
        <v>42</v>
      </c>
      <c r="D45" s="22">
        <v>4</v>
      </c>
      <c r="E45" s="21">
        <v>0</v>
      </c>
      <c r="F45" s="22">
        <v>0</v>
      </c>
      <c r="G45" s="23">
        <v>0</v>
      </c>
      <c r="H45" s="22">
        <v>193</v>
      </c>
      <c r="I45" s="22">
        <v>114</v>
      </c>
      <c r="J45" s="22">
        <v>79</v>
      </c>
      <c r="K45" s="21">
        <v>147</v>
      </c>
      <c r="L45" s="53">
        <v>72</v>
      </c>
      <c r="M45" s="54">
        <v>75</v>
      </c>
    </row>
    <row r="46" spans="1:13">
      <c r="A46" s="20" t="s">
        <v>53</v>
      </c>
      <c r="B46" s="21">
        <v>-9</v>
      </c>
      <c r="C46" s="22">
        <v>3</v>
      </c>
      <c r="D46" s="22">
        <v>-12</v>
      </c>
      <c r="E46" s="21">
        <v>2</v>
      </c>
      <c r="F46" s="22">
        <v>2</v>
      </c>
      <c r="G46" s="23">
        <v>0</v>
      </c>
      <c r="H46" s="22">
        <v>161</v>
      </c>
      <c r="I46" s="22">
        <v>86</v>
      </c>
      <c r="J46" s="22">
        <v>75</v>
      </c>
      <c r="K46" s="21">
        <v>168</v>
      </c>
      <c r="L46" s="53">
        <v>81</v>
      </c>
      <c r="M46" s="54">
        <v>87</v>
      </c>
    </row>
    <row r="47" spans="1:13">
      <c r="A47" s="20" t="s">
        <v>54</v>
      </c>
      <c r="B47" s="21">
        <v>1</v>
      </c>
      <c r="C47" s="22">
        <v>4</v>
      </c>
      <c r="D47" s="22">
        <v>-3</v>
      </c>
      <c r="E47" s="21">
        <v>1</v>
      </c>
      <c r="F47" s="22">
        <v>1</v>
      </c>
      <c r="G47" s="23">
        <v>0</v>
      </c>
      <c r="H47" s="22">
        <v>158</v>
      </c>
      <c r="I47" s="22">
        <v>84</v>
      </c>
      <c r="J47" s="22">
        <v>74</v>
      </c>
      <c r="K47" s="21">
        <v>156</v>
      </c>
      <c r="L47" s="53">
        <v>79</v>
      </c>
      <c r="M47" s="54">
        <v>77</v>
      </c>
    </row>
    <row r="48" spans="1:13" ht="20.100000000000001" customHeight="1">
      <c r="A48" s="16" t="s">
        <v>55</v>
      </c>
      <c r="B48" s="17">
        <v>-41</v>
      </c>
      <c r="C48" s="18">
        <v>-20</v>
      </c>
      <c r="D48" s="18">
        <v>-21</v>
      </c>
      <c r="E48" s="17">
        <v>5</v>
      </c>
      <c r="F48" s="18">
        <v>4</v>
      </c>
      <c r="G48" s="19">
        <v>1</v>
      </c>
      <c r="H48" s="18">
        <v>625</v>
      </c>
      <c r="I48" s="18">
        <v>333</v>
      </c>
      <c r="J48" s="18">
        <v>292</v>
      </c>
      <c r="K48" s="17">
        <v>661</v>
      </c>
      <c r="L48" s="51">
        <v>349</v>
      </c>
      <c r="M48" s="52">
        <v>312</v>
      </c>
    </row>
    <row r="49" spans="1:13">
      <c r="A49" s="20" t="s">
        <v>56</v>
      </c>
      <c r="B49" s="21">
        <v>-11</v>
      </c>
      <c r="C49" s="22">
        <v>-5</v>
      </c>
      <c r="D49" s="22">
        <v>-6</v>
      </c>
      <c r="E49" s="21">
        <v>0</v>
      </c>
      <c r="F49" s="22">
        <v>0</v>
      </c>
      <c r="G49" s="23">
        <v>0</v>
      </c>
      <c r="H49" s="22">
        <v>149</v>
      </c>
      <c r="I49" s="22">
        <v>88</v>
      </c>
      <c r="J49" s="22">
        <v>61</v>
      </c>
      <c r="K49" s="21">
        <v>160</v>
      </c>
      <c r="L49" s="53">
        <v>93</v>
      </c>
      <c r="M49" s="54">
        <v>67</v>
      </c>
    </row>
    <row r="50" spans="1:13">
      <c r="A50" s="20" t="s">
        <v>57</v>
      </c>
      <c r="B50" s="21">
        <v>-11</v>
      </c>
      <c r="C50" s="22">
        <v>-10</v>
      </c>
      <c r="D50" s="22">
        <v>-1</v>
      </c>
      <c r="E50" s="21">
        <v>3</v>
      </c>
      <c r="F50" s="22">
        <v>2</v>
      </c>
      <c r="G50" s="23">
        <v>1</v>
      </c>
      <c r="H50" s="22">
        <v>132</v>
      </c>
      <c r="I50" s="22">
        <v>70</v>
      </c>
      <c r="J50" s="22">
        <v>62</v>
      </c>
      <c r="K50" s="21">
        <v>140</v>
      </c>
      <c r="L50" s="53">
        <v>78</v>
      </c>
      <c r="M50" s="54">
        <v>62</v>
      </c>
    </row>
    <row r="51" spans="1:13">
      <c r="A51" s="20" t="s">
        <v>58</v>
      </c>
      <c r="B51" s="21">
        <v>-4</v>
      </c>
      <c r="C51" s="22">
        <v>-1</v>
      </c>
      <c r="D51" s="22">
        <v>-3</v>
      </c>
      <c r="E51" s="21">
        <v>1</v>
      </c>
      <c r="F51" s="22">
        <v>1</v>
      </c>
      <c r="G51" s="23">
        <v>0</v>
      </c>
      <c r="H51" s="22">
        <v>134</v>
      </c>
      <c r="I51" s="22">
        <v>70</v>
      </c>
      <c r="J51" s="22">
        <v>64</v>
      </c>
      <c r="K51" s="21">
        <v>137</v>
      </c>
      <c r="L51" s="53">
        <v>70</v>
      </c>
      <c r="M51" s="54">
        <v>67</v>
      </c>
    </row>
    <row r="52" spans="1:13">
      <c r="A52" s="20" t="s">
        <v>59</v>
      </c>
      <c r="B52" s="21">
        <v>-7</v>
      </c>
      <c r="C52" s="22">
        <v>-5</v>
      </c>
      <c r="D52" s="22">
        <v>-2</v>
      </c>
      <c r="E52" s="21">
        <v>1</v>
      </c>
      <c r="F52" s="22">
        <v>1</v>
      </c>
      <c r="G52" s="23">
        <v>0</v>
      </c>
      <c r="H52" s="22">
        <v>112</v>
      </c>
      <c r="I52" s="22">
        <v>54</v>
      </c>
      <c r="J52" s="22">
        <v>58</v>
      </c>
      <c r="K52" s="21">
        <v>118</v>
      </c>
      <c r="L52" s="53">
        <v>58</v>
      </c>
      <c r="M52" s="54">
        <v>60</v>
      </c>
    </row>
    <row r="53" spans="1:13">
      <c r="A53" s="20" t="s">
        <v>60</v>
      </c>
      <c r="B53" s="21">
        <v>-8</v>
      </c>
      <c r="C53" s="22">
        <v>1</v>
      </c>
      <c r="D53" s="22">
        <v>-9</v>
      </c>
      <c r="E53" s="21">
        <v>0</v>
      </c>
      <c r="F53" s="22">
        <v>0</v>
      </c>
      <c r="G53" s="23">
        <v>0</v>
      </c>
      <c r="H53" s="22">
        <v>98</v>
      </c>
      <c r="I53" s="22">
        <v>51</v>
      </c>
      <c r="J53" s="22">
        <v>47</v>
      </c>
      <c r="K53" s="21">
        <v>106</v>
      </c>
      <c r="L53" s="53">
        <v>50</v>
      </c>
      <c r="M53" s="54">
        <v>56</v>
      </c>
    </row>
    <row r="54" spans="1:13" ht="20.100000000000001" customHeight="1">
      <c r="A54" s="16" t="s">
        <v>61</v>
      </c>
      <c r="B54" s="17">
        <v>-43</v>
      </c>
      <c r="C54" s="18">
        <v>-7</v>
      </c>
      <c r="D54" s="18">
        <v>-36</v>
      </c>
      <c r="E54" s="17">
        <v>7</v>
      </c>
      <c r="F54" s="18">
        <v>3</v>
      </c>
      <c r="G54" s="19">
        <v>4</v>
      </c>
      <c r="H54" s="18">
        <v>419</v>
      </c>
      <c r="I54" s="18">
        <v>248</v>
      </c>
      <c r="J54" s="18">
        <v>171</v>
      </c>
      <c r="K54" s="17">
        <v>455</v>
      </c>
      <c r="L54" s="51">
        <v>252</v>
      </c>
      <c r="M54" s="52">
        <v>203</v>
      </c>
    </row>
    <row r="55" spans="1:13">
      <c r="A55" s="20" t="s">
        <v>62</v>
      </c>
      <c r="B55" s="21">
        <v>-29</v>
      </c>
      <c r="C55" s="22">
        <v>-7</v>
      </c>
      <c r="D55" s="22">
        <v>-22</v>
      </c>
      <c r="E55" s="21">
        <v>0</v>
      </c>
      <c r="F55" s="22">
        <v>0</v>
      </c>
      <c r="G55" s="23">
        <v>0</v>
      </c>
      <c r="H55" s="22">
        <v>81</v>
      </c>
      <c r="I55" s="22">
        <v>47</v>
      </c>
      <c r="J55" s="22">
        <v>34</v>
      </c>
      <c r="K55" s="21">
        <v>110</v>
      </c>
      <c r="L55" s="53">
        <v>54</v>
      </c>
      <c r="M55" s="54">
        <v>56</v>
      </c>
    </row>
    <row r="56" spans="1:13">
      <c r="A56" s="20" t="s">
        <v>63</v>
      </c>
      <c r="B56" s="21">
        <v>20</v>
      </c>
      <c r="C56" s="22">
        <v>15</v>
      </c>
      <c r="D56" s="22">
        <v>5</v>
      </c>
      <c r="E56" s="21">
        <v>1</v>
      </c>
      <c r="F56" s="22">
        <v>1</v>
      </c>
      <c r="G56" s="23">
        <v>0</v>
      </c>
      <c r="H56" s="22">
        <v>103</v>
      </c>
      <c r="I56" s="22">
        <v>58</v>
      </c>
      <c r="J56" s="22">
        <v>45</v>
      </c>
      <c r="K56" s="21">
        <v>82</v>
      </c>
      <c r="L56" s="53">
        <v>42</v>
      </c>
      <c r="M56" s="54">
        <v>40</v>
      </c>
    </row>
    <row r="57" spans="1:13">
      <c r="A57" s="20" t="s">
        <v>64</v>
      </c>
      <c r="B57" s="21">
        <v>-15</v>
      </c>
      <c r="C57" s="22">
        <v>-5</v>
      </c>
      <c r="D57" s="22">
        <v>-10</v>
      </c>
      <c r="E57" s="21">
        <v>3</v>
      </c>
      <c r="F57" s="22">
        <v>1</v>
      </c>
      <c r="G57" s="23">
        <v>2</v>
      </c>
      <c r="H57" s="22">
        <v>74</v>
      </c>
      <c r="I57" s="22">
        <v>49</v>
      </c>
      <c r="J57" s="22">
        <v>25</v>
      </c>
      <c r="K57" s="21">
        <v>86</v>
      </c>
      <c r="L57" s="53">
        <v>53</v>
      </c>
      <c r="M57" s="54">
        <v>33</v>
      </c>
    </row>
    <row r="58" spans="1:13">
      <c r="A58" s="20" t="s">
        <v>65</v>
      </c>
      <c r="B58" s="21">
        <v>-14</v>
      </c>
      <c r="C58" s="22">
        <v>-11</v>
      </c>
      <c r="D58" s="22">
        <v>-3</v>
      </c>
      <c r="E58" s="21">
        <v>3</v>
      </c>
      <c r="F58" s="22">
        <v>1</v>
      </c>
      <c r="G58" s="23">
        <v>2</v>
      </c>
      <c r="H58" s="22">
        <v>80</v>
      </c>
      <c r="I58" s="22">
        <v>45</v>
      </c>
      <c r="J58" s="22">
        <v>35</v>
      </c>
      <c r="K58" s="21">
        <v>91</v>
      </c>
      <c r="L58" s="53">
        <v>55</v>
      </c>
      <c r="M58" s="54">
        <v>36</v>
      </c>
    </row>
    <row r="59" spans="1:13">
      <c r="A59" s="20" t="s">
        <v>66</v>
      </c>
      <c r="B59" s="21">
        <v>-5</v>
      </c>
      <c r="C59" s="22">
        <v>1</v>
      </c>
      <c r="D59" s="22">
        <v>-6</v>
      </c>
      <c r="E59" s="21">
        <v>0</v>
      </c>
      <c r="F59" s="22">
        <v>0</v>
      </c>
      <c r="G59" s="23">
        <v>0</v>
      </c>
      <c r="H59" s="22">
        <v>81</v>
      </c>
      <c r="I59" s="22">
        <v>49</v>
      </c>
      <c r="J59" s="22">
        <v>32</v>
      </c>
      <c r="K59" s="21">
        <v>86</v>
      </c>
      <c r="L59" s="53">
        <v>48</v>
      </c>
      <c r="M59" s="54">
        <v>38</v>
      </c>
    </row>
    <row r="60" spans="1:13" ht="20.100000000000001" customHeight="1">
      <c r="A60" s="16" t="s">
        <v>67</v>
      </c>
      <c r="B60" s="17">
        <v>-16</v>
      </c>
      <c r="C60" s="18">
        <v>-21</v>
      </c>
      <c r="D60" s="18">
        <v>5</v>
      </c>
      <c r="E60" s="17">
        <v>25</v>
      </c>
      <c r="F60" s="18">
        <v>15</v>
      </c>
      <c r="G60" s="19">
        <v>10</v>
      </c>
      <c r="H60" s="18">
        <v>337</v>
      </c>
      <c r="I60" s="18">
        <v>174</v>
      </c>
      <c r="J60" s="18">
        <v>163</v>
      </c>
      <c r="K60" s="17">
        <v>328</v>
      </c>
      <c r="L60" s="51">
        <v>180</v>
      </c>
      <c r="M60" s="52">
        <v>148</v>
      </c>
    </row>
    <row r="61" spans="1:13">
      <c r="A61" s="20" t="s">
        <v>68</v>
      </c>
      <c r="B61" s="21">
        <v>7</v>
      </c>
      <c r="C61" s="22">
        <v>1</v>
      </c>
      <c r="D61" s="22">
        <v>6</v>
      </c>
      <c r="E61" s="21">
        <v>3</v>
      </c>
      <c r="F61" s="22">
        <v>2</v>
      </c>
      <c r="G61" s="23">
        <v>1</v>
      </c>
      <c r="H61" s="22">
        <v>79</v>
      </c>
      <c r="I61" s="22">
        <v>43</v>
      </c>
      <c r="J61" s="22">
        <v>36</v>
      </c>
      <c r="K61" s="21">
        <v>69</v>
      </c>
      <c r="L61" s="53">
        <v>40</v>
      </c>
      <c r="M61" s="54">
        <v>29</v>
      </c>
    </row>
    <row r="62" spans="1:13">
      <c r="A62" s="20" t="s">
        <v>69</v>
      </c>
      <c r="B62" s="21">
        <v>3</v>
      </c>
      <c r="C62" s="22">
        <v>5</v>
      </c>
      <c r="D62" s="22">
        <v>-2</v>
      </c>
      <c r="E62" s="21">
        <v>6</v>
      </c>
      <c r="F62" s="22">
        <v>3</v>
      </c>
      <c r="G62" s="23">
        <v>3</v>
      </c>
      <c r="H62" s="22">
        <v>72</v>
      </c>
      <c r="I62" s="22">
        <v>39</v>
      </c>
      <c r="J62" s="22">
        <v>33</v>
      </c>
      <c r="K62" s="21">
        <v>63</v>
      </c>
      <c r="L62" s="53">
        <v>31</v>
      </c>
      <c r="M62" s="54">
        <v>32</v>
      </c>
    </row>
    <row r="63" spans="1:13">
      <c r="A63" s="20" t="s">
        <v>70</v>
      </c>
      <c r="B63" s="21">
        <v>-7</v>
      </c>
      <c r="C63" s="22">
        <v>-11</v>
      </c>
      <c r="D63" s="22">
        <v>4</v>
      </c>
      <c r="E63" s="21">
        <v>3</v>
      </c>
      <c r="F63" s="22">
        <v>1</v>
      </c>
      <c r="G63" s="23">
        <v>2</v>
      </c>
      <c r="H63" s="22">
        <v>67</v>
      </c>
      <c r="I63" s="22">
        <v>28</v>
      </c>
      <c r="J63" s="22">
        <v>39</v>
      </c>
      <c r="K63" s="21">
        <v>71</v>
      </c>
      <c r="L63" s="53">
        <v>38</v>
      </c>
      <c r="M63" s="54">
        <v>33</v>
      </c>
    </row>
    <row r="64" spans="1:13">
      <c r="A64" s="20" t="s">
        <v>71</v>
      </c>
      <c r="B64" s="21">
        <v>-5</v>
      </c>
      <c r="C64" s="22">
        <v>-7</v>
      </c>
      <c r="D64" s="22">
        <v>2</v>
      </c>
      <c r="E64" s="21">
        <v>8</v>
      </c>
      <c r="F64" s="22">
        <v>6</v>
      </c>
      <c r="G64" s="23">
        <v>2</v>
      </c>
      <c r="H64" s="22">
        <v>66</v>
      </c>
      <c r="I64" s="22">
        <v>39</v>
      </c>
      <c r="J64" s="22">
        <v>27</v>
      </c>
      <c r="K64" s="21">
        <v>63</v>
      </c>
      <c r="L64" s="53">
        <v>40</v>
      </c>
      <c r="M64" s="54">
        <v>23</v>
      </c>
    </row>
    <row r="65" spans="1:13">
      <c r="A65" s="24" t="s">
        <v>72</v>
      </c>
      <c r="B65" s="25">
        <v>-14</v>
      </c>
      <c r="C65" s="26">
        <v>-9</v>
      </c>
      <c r="D65" s="26">
        <v>-5</v>
      </c>
      <c r="E65" s="25">
        <v>5</v>
      </c>
      <c r="F65" s="26">
        <v>3</v>
      </c>
      <c r="G65" s="27">
        <v>2</v>
      </c>
      <c r="H65" s="26">
        <v>53</v>
      </c>
      <c r="I65" s="26">
        <v>25</v>
      </c>
      <c r="J65" s="26">
        <v>28</v>
      </c>
      <c r="K65" s="25">
        <v>62</v>
      </c>
      <c r="L65" s="55">
        <v>31</v>
      </c>
      <c r="M65" s="56">
        <v>3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020</v>
      </c>
      <c r="C69" s="58">
        <v>530</v>
      </c>
      <c r="D69" s="59">
        <v>49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020</v>
      </c>
      <c r="C70" s="61">
        <v>530</v>
      </c>
      <c r="D70" s="62">
        <v>490</v>
      </c>
    </row>
    <row r="71" spans="1:13">
      <c r="A71" s="24" t="s">
        <v>14</v>
      </c>
      <c r="B71" s="63">
        <v>1020</v>
      </c>
      <c r="C71" s="64">
        <v>530</v>
      </c>
      <c r="D71" s="65">
        <v>490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6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8</v>
      </c>
      <c r="C77" s="18">
        <v>7</v>
      </c>
      <c r="D77" s="18">
        <v>1</v>
      </c>
      <c r="E77" s="17">
        <v>25</v>
      </c>
      <c r="F77" s="18">
        <v>15</v>
      </c>
      <c r="G77" s="19">
        <v>10</v>
      </c>
      <c r="H77" s="18">
        <v>296</v>
      </c>
      <c r="I77" s="18">
        <v>155</v>
      </c>
      <c r="J77" s="18">
        <v>141</v>
      </c>
      <c r="K77" s="17">
        <v>263</v>
      </c>
      <c r="L77" s="51">
        <v>133</v>
      </c>
      <c r="M77" s="52">
        <v>130</v>
      </c>
    </row>
    <row r="78" spans="1:13">
      <c r="A78" s="40" t="s">
        <v>81</v>
      </c>
      <c r="B78" s="21">
        <v>-14</v>
      </c>
      <c r="C78" s="22">
        <v>-7</v>
      </c>
      <c r="D78" s="22">
        <v>-7</v>
      </c>
      <c r="E78" s="21">
        <v>2</v>
      </c>
      <c r="F78" s="22">
        <v>0</v>
      </c>
      <c r="G78" s="23">
        <v>2</v>
      </c>
      <c r="H78" s="22">
        <v>55</v>
      </c>
      <c r="I78" s="22">
        <v>26</v>
      </c>
      <c r="J78" s="22">
        <v>29</v>
      </c>
      <c r="K78" s="21">
        <v>67</v>
      </c>
      <c r="L78" s="53">
        <v>33</v>
      </c>
      <c r="M78" s="54">
        <v>34</v>
      </c>
    </row>
    <row r="79" spans="1:13">
      <c r="A79" s="40" t="s">
        <v>82</v>
      </c>
      <c r="B79" s="21">
        <v>18</v>
      </c>
      <c r="C79" s="22">
        <v>17</v>
      </c>
      <c r="D79" s="22">
        <v>1</v>
      </c>
      <c r="E79" s="21">
        <v>3</v>
      </c>
      <c r="F79" s="22">
        <v>1</v>
      </c>
      <c r="G79" s="23">
        <v>2</v>
      </c>
      <c r="H79" s="22">
        <v>73</v>
      </c>
      <c r="I79" s="22">
        <v>43</v>
      </c>
      <c r="J79" s="22">
        <v>30</v>
      </c>
      <c r="K79" s="21">
        <v>52</v>
      </c>
      <c r="L79" s="53">
        <v>25</v>
      </c>
      <c r="M79" s="54">
        <v>27</v>
      </c>
    </row>
    <row r="80" spans="1:13">
      <c r="A80" s="40" t="s">
        <v>83</v>
      </c>
      <c r="B80" s="21">
        <v>6</v>
      </c>
      <c r="C80" s="22">
        <v>6</v>
      </c>
      <c r="D80" s="22">
        <v>0</v>
      </c>
      <c r="E80" s="21">
        <v>7</v>
      </c>
      <c r="F80" s="22">
        <v>4</v>
      </c>
      <c r="G80" s="23">
        <v>3</v>
      </c>
      <c r="H80" s="22">
        <v>68</v>
      </c>
      <c r="I80" s="22">
        <v>36</v>
      </c>
      <c r="J80" s="22">
        <v>32</v>
      </c>
      <c r="K80" s="21">
        <v>55</v>
      </c>
      <c r="L80" s="53">
        <v>26</v>
      </c>
      <c r="M80" s="54">
        <v>29</v>
      </c>
    </row>
    <row r="81" spans="1:13">
      <c r="A81" s="40" t="s">
        <v>84</v>
      </c>
      <c r="B81" s="21">
        <v>-2</v>
      </c>
      <c r="C81" s="22">
        <v>-2</v>
      </c>
      <c r="D81" s="22">
        <v>0</v>
      </c>
      <c r="E81" s="21">
        <v>2</v>
      </c>
      <c r="F81" s="22">
        <v>2</v>
      </c>
      <c r="G81" s="23">
        <v>0</v>
      </c>
      <c r="H81" s="22">
        <v>46</v>
      </c>
      <c r="I81" s="22">
        <v>26</v>
      </c>
      <c r="J81" s="22">
        <v>20</v>
      </c>
      <c r="K81" s="21">
        <v>46</v>
      </c>
      <c r="L81" s="53">
        <v>26</v>
      </c>
      <c r="M81" s="54">
        <v>20</v>
      </c>
    </row>
    <row r="82" spans="1:13">
      <c r="A82" s="40" t="s">
        <v>85</v>
      </c>
      <c r="B82" s="21">
        <v>0</v>
      </c>
      <c r="C82" s="22">
        <v>-7</v>
      </c>
      <c r="D82" s="22">
        <v>7</v>
      </c>
      <c r="E82" s="21">
        <v>11</v>
      </c>
      <c r="F82" s="22">
        <v>8</v>
      </c>
      <c r="G82" s="23">
        <v>3</v>
      </c>
      <c r="H82" s="22">
        <v>54</v>
      </c>
      <c r="I82" s="22">
        <v>24</v>
      </c>
      <c r="J82" s="22">
        <v>30</v>
      </c>
      <c r="K82" s="21">
        <v>43</v>
      </c>
      <c r="L82" s="53">
        <v>23</v>
      </c>
      <c r="M82" s="54">
        <v>20</v>
      </c>
    </row>
    <row r="83" spans="1:13" ht="19.5" customHeight="1">
      <c r="A83" s="34" t="s">
        <v>86</v>
      </c>
      <c r="B83" s="17">
        <v>-13</v>
      </c>
      <c r="C83" s="18">
        <v>-15</v>
      </c>
      <c r="D83" s="18">
        <v>2</v>
      </c>
      <c r="E83" s="17">
        <v>32</v>
      </c>
      <c r="F83" s="18">
        <v>21</v>
      </c>
      <c r="G83" s="19">
        <v>11</v>
      </c>
      <c r="H83" s="18">
        <v>203</v>
      </c>
      <c r="I83" s="18">
        <v>115</v>
      </c>
      <c r="J83" s="18">
        <v>88</v>
      </c>
      <c r="K83" s="17">
        <v>184</v>
      </c>
      <c r="L83" s="51">
        <v>109</v>
      </c>
      <c r="M83" s="52">
        <v>75</v>
      </c>
    </row>
    <row r="84" spans="1:13">
      <c r="A84" s="40" t="s">
        <v>87</v>
      </c>
      <c r="B84" s="21">
        <v>-2</v>
      </c>
      <c r="C84" s="22">
        <v>-5</v>
      </c>
      <c r="D84" s="22">
        <v>3</v>
      </c>
      <c r="E84" s="21">
        <v>4</v>
      </c>
      <c r="F84" s="22">
        <v>3</v>
      </c>
      <c r="G84" s="23">
        <v>1</v>
      </c>
      <c r="H84" s="22">
        <v>44</v>
      </c>
      <c r="I84" s="22">
        <v>26</v>
      </c>
      <c r="J84" s="22">
        <v>18</v>
      </c>
      <c r="K84" s="21">
        <v>42</v>
      </c>
      <c r="L84" s="53">
        <v>28</v>
      </c>
      <c r="M84" s="54">
        <v>14</v>
      </c>
    </row>
    <row r="85" spans="1:13">
      <c r="A85" s="40" t="s">
        <v>88</v>
      </c>
      <c r="B85" s="21">
        <v>2</v>
      </c>
      <c r="C85" s="22">
        <v>-2</v>
      </c>
      <c r="D85" s="22">
        <v>4</v>
      </c>
      <c r="E85" s="21">
        <v>6</v>
      </c>
      <c r="F85" s="22">
        <v>6</v>
      </c>
      <c r="G85" s="23">
        <v>0</v>
      </c>
      <c r="H85" s="22">
        <v>47</v>
      </c>
      <c r="I85" s="22">
        <v>28</v>
      </c>
      <c r="J85" s="22">
        <v>19</v>
      </c>
      <c r="K85" s="21">
        <v>39</v>
      </c>
      <c r="L85" s="53">
        <v>24</v>
      </c>
      <c r="M85" s="54">
        <v>15</v>
      </c>
    </row>
    <row r="86" spans="1:13">
      <c r="A86" s="40" t="s">
        <v>89</v>
      </c>
      <c r="B86" s="21">
        <v>-8</v>
      </c>
      <c r="C86" s="22">
        <v>-5</v>
      </c>
      <c r="D86" s="22">
        <v>-3</v>
      </c>
      <c r="E86" s="21">
        <v>6</v>
      </c>
      <c r="F86" s="22">
        <v>2</v>
      </c>
      <c r="G86" s="23">
        <v>4</v>
      </c>
      <c r="H86" s="22">
        <v>35</v>
      </c>
      <c r="I86" s="22">
        <v>20</v>
      </c>
      <c r="J86" s="22">
        <v>15</v>
      </c>
      <c r="K86" s="21">
        <v>37</v>
      </c>
      <c r="L86" s="53">
        <v>23</v>
      </c>
      <c r="M86" s="54">
        <v>14</v>
      </c>
    </row>
    <row r="87" spans="1:13">
      <c r="A87" s="40" t="s">
        <v>90</v>
      </c>
      <c r="B87" s="21">
        <v>6</v>
      </c>
      <c r="C87" s="22">
        <v>-2</v>
      </c>
      <c r="D87" s="22">
        <v>8</v>
      </c>
      <c r="E87" s="21">
        <v>8</v>
      </c>
      <c r="F87" s="22">
        <v>6</v>
      </c>
      <c r="G87" s="23">
        <v>2</v>
      </c>
      <c r="H87" s="22">
        <v>45</v>
      </c>
      <c r="I87" s="22">
        <v>22</v>
      </c>
      <c r="J87" s="22">
        <v>23</v>
      </c>
      <c r="K87" s="21">
        <v>31</v>
      </c>
      <c r="L87" s="53">
        <v>18</v>
      </c>
      <c r="M87" s="54">
        <v>13</v>
      </c>
    </row>
    <row r="88" spans="1:13">
      <c r="A88" s="40" t="s">
        <v>91</v>
      </c>
      <c r="B88" s="21">
        <v>-11</v>
      </c>
      <c r="C88" s="22">
        <v>-1</v>
      </c>
      <c r="D88" s="22">
        <v>-10</v>
      </c>
      <c r="E88" s="21">
        <v>8</v>
      </c>
      <c r="F88" s="22">
        <v>4</v>
      </c>
      <c r="G88" s="23">
        <v>4</v>
      </c>
      <c r="H88" s="22">
        <v>32</v>
      </c>
      <c r="I88" s="22">
        <v>19</v>
      </c>
      <c r="J88" s="22">
        <v>13</v>
      </c>
      <c r="K88" s="21">
        <v>35</v>
      </c>
      <c r="L88" s="53">
        <v>16</v>
      </c>
      <c r="M88" s="54">
        <v>19</v>
      </c>
    </row>
    <row r="89" spans="1:13" ht="19.5" customHeight="1">
      <c r="A89" s="34" t="s">
        <v>92</v>
      </c>
      <c r="B89" s="17">
        <v>-12</v>
      </c>
      <c r="C89" s="18">
        <v>-20</v>
      </c>
      <c r="D89" s="18">
        <v>8</v>
      </c>
      <c r="E89" s="17">
        <v>28</v>
      </c>
      <c r="F89" s="18">
        <v>22</v>
      </c>
      <c r="G89" s="19">
        <v>6</v>
      </c>
      <c r="H89" s="18">
        <v>166</v>
      </c>
      <c r="I89" s="18">
        <v>92</v>
      </c>
      <c r="J89" s="18">
        <v>74</v>
      </c>
      <c r="K89" s="17">
        <v>150</v>
      </c>
      <c r="L89" s="51">
        <v>90</v>
      </c>
      <c r="M89" s="52">
        <v>60</v>
      </c>
    </row>
    <row r="90" spans="1:13">
      <c r="A90" s="40" t="s">
        <v>93</v>
      </c>
      <c r="B90" s="21">
        <v>2</v>
      </c>
      <c r="C90" s="22">
        <v>3</v>
      </c>
      <c r="D90" s="22">
        <v>-1</v>
      </c>
      <c r="E90" s="21">
        <v>6</v>
      </c>
      <c r="F90" s="22">
        <v>5</v>
      </c>
      <c r="G90" s="23">
        <v>1</v>
      </c>
      <c r="H90" s="22">
        <v>46</v>
      </c>
      <c r="I90" s="22">
        <v>26</v>
      </c>
      <c r="J90" s="22">
        <v>20</v>
      </c>
      <c r="K90" s="21">
        <v>38</v>
      </c>
      <c r="L90" s="53">
        <v>18</v>
      </c>
      <c r="M90" s="54">
        <v>20</v>
      </c>
    </row>
    <row r="91" spans="1:13">
      <c r="A91" s="40" t="s">
        <v>94</v>
      </c>
      <c r="B91" s="21">
        <v>3</v>
      </c>
      <c r="C91" s="22">
        <v>0</v>
      </c>
      <c r="D91" s="22">
        <v>3</v>
      </c>
      <c r="E91" s="21">
        <v>3</v>
      </c>
      <c r="F91" s="22">
        <v>3</v>
      </c>
      <c r="G91" s="23">
        <v>0</v>
      </c>
      <c r="H91" s="22">
        <v>34</v>
      </c>
      <c r="I91" s="22">
        <v>20</v>
      </c>
      <c r="J91" s="22">
        <v>14</v>
      </c>
      <c r="K91" s="21">
        <v>28</v>
      </c>
      <c r="L91" s="53">
        <v>17</v>
      </c>
      <c r="M91" s="54">
        <v>11</v>
      </c>
    </row>
    <row r="92" spans="1:13">
      <c r="A92" s="40" t="s">
        <v>95</v>
      </c>
      <c r="B92" s="21">
        <v>-3</v>
      </c>
      <c r="C92" s="22">
        <v>-5</v>
      </c>
      <c r="D92" s="22">
        <v>2</v>
      </c>
      <c r="E92" s="21">
        <v>4</v>
      </c>
      <c r="F92" s="22">
        <v>2</v>
      </c>
      <c r="G92" s="23">
        <v>2</v>
      </c>
      <c r="H92" s="22">
        <v>28</v>
      </c>
      <c r="I92" s="22">
        <v>17</v>
      </c>
      <c r="J92" s="22">
        <v>11</v>
      </c>
      <c r="K92" s="21">
        <v>27</v>
      </c>
      <c r="L92" s="53">
        <v>20</v>
      </c>
      <c r="M92" s="54">
        <v>7</v>
      </c>
    </row>
    <row r="93" spans="1:13">
      <c r="A93" s="40" t="s">
        <v>96</v>
      </c>
      <c r="B93" s="21">
        <v>3</v>
      </c>
      <c r="C93" s="22">
        <v>-6</v>
      </c>
      <c r="D93" s="22">
        <v>9</v>
      </c>
      <c r="E93" s="21">
        <v>4</v>
      </c>
      <c r="F93" s="22">
        <v>3</v>
      </c>
      <c r="G93" s="23">
        <v>1</v>
      </c>
      <c r="H93" s="22">
        <v>37</v>
      </c>
      <c r="I93" s="22">
        <v>17</v>
      </c>
      <c r="J93" s="22">
        <v>20</v>
      </c>
      <c r="K93" s="21">
        <v>30</v>
      </c>
      <c r="L93" s="53">
        <v>20</v>
      </c>
      <c r="M93" s="54">
        <v>10</v>
      </c>
    </row>
    <row r="94" spans="1:13">
      <c r="A94" s="40" t="s">
        <v>97</v>
      </c>
      <c r="B94" s="21">
        <v>-17</v>
      </c>
      <c r="C94" s="22">
        <v>-12</v>
      </c>
      <c r="D94" s="22">
        <v>-5</v>
      </c>
      <c r="E94" s="21">
        <v>11</v>
      </c>
      <c r="F94" s="22">
        <v>9</v>
      </c>
      <c r="G94" s="23">
        <v>2</v>
      </c>
      <c r="H94" s="22">
        <v>21</v>
      </c>
      <c r="I94" s="22">
        <v>12</v>
      </c>
      <c r="J94" s="22">
        <v>9</v>
      </c>
      <c r="K94" s="21">
        <v>27</v>
      </c>
      <c r="L94" s="53">
        <v>15</v>
      </c>
      <c r="M94" s="54">
        <v>12</v>
      </c>
    </row>
    <row r="95" spans="1:13" ht="19.5" customHeight="1">
      <c r="A95" s="34" t="s">
        <v>98</v>
      </c>
      <c r="B95" s="17">
        <v>-80</v>
      </c>
      <c r="C95" s="18">
        <v>-39</v>
      </c>
      <c r="D95" s="18">
        <v>-41</v>
      </c>
      <c r="E95" s="17">
        <v>61</v>
      </c>
      <c r="F95" s="18">
        <v>32</v>
      </c>
      <c r="G95" s="19">
        <v>29</v>
      </c>
      <c r="H95" s="18">
        <v>128</v>
      </c>
      <c r="I95" s="18">
        <v>76</v>
      </c>
      <c r="J95" s="18">
        <v>52</v>
      </c>
      <c r="K95" s="17">
        <v>147</v>
      </c>
      <c r="L95" s="51">
        <v>83</v>
      </c>
      <c r="M95" s="52">
        <v>64</v>
      </c>
    </row>
    <row r="96" spans="1:13">
      <c r="A96" s="40" t="s">
        <v>99</v>
      </c>
      <c r="B96" s="21">
        <v>-21</v>
      </c>
      <c r="C96" s="22">
        <v>-8</v>
      </c>
      <c r="D96" s="22">
        <v>-13</v>
      </c>
      <c r="E96" s="21">
        <v>12</v>
      </c>
      <c r="F96" s="22">
        <v>5</v>
      </c>
      <c r="G96" s="23">
        <v>7</v>
      </c>
      <c r="H96" s="22">
        <v>26</v>
      </c>
      <c r="I96" s="22">
        <v>17</v>
      </c>
      <c r="J96" s="22">
        <v>9</v>
      </c>
      <c r="K96" s="21">
        <v>35</v>
      </c>
      <c r="L96" s="53">
        <v>20</v>
      </c>
      <c r="M96" s="54">
        <v>15</v>
      </c>
    </row>
    <row r="97" spans="1:13">
      <c r="A97" s="40" t="s">
        <v>100</v>
      </c>
      <c r="B97" s="21">
        <v>-12</v>
      </c>
      <c r="C97" s="22">
        <v>-7</v>
      </c>
      <c r="D97" s="22">
        <v>-5</v>
      </c>
      <c r="E97" s="21">
        <v>12</v>
      </c>
      <c r="F97" s="22">
        <v>6</v>
      </c>
      <c r="G97" s="23">
        <v>6</v>
      </c>
      <c r="H97" s="22">
        <v>28</v>
      </c>
      <c r="I97" s="22">
        <v>15</v>
      </c>
      <c r="J97" s="22">
        <v>13</v>
      </c>
      <c r="K97" s="21">
        <v>28</v>
      </c>
      <c r="L97" s="53">
        <v>16</v>
      </c>
      <c r="M97" s="54">
        <v>12</v>
      </c>
    </row>
    <row r="98" spans="1:13">
      <c r="A98" s="40" t="s">
        <v>101</v>
      </c>
      <c r="B98" s="21">
        <v>-13</v>
      </c>
      <c r="C98" s="22">
        <v>-8</v>
      </c>
      <c r="D98" s="22">
        <v>-5</v>
      </c>
      <c r="E98" s="21">
        <v>7</v>
      </c>
      <c r="F98" s="22">
        <v>5</v>
      </c>
      <c r="G98" s="23">
        <v>2</v>
      </c>
      <c r="H98" s="22">
        <v>26</v>
      </c>
      <c r="I98" s="22">
        <v>15</v>
      </c>
      <c r="J98" s="22">
        <v>11</v>
      </c>
      <c r="K98" s="21">
        <v>32</v>
      </c>
      <c r="L98" s="53">
        <v>18</v>
      </c>
      <c r="M98" s="54">
        <v>14</v>
      </c>
    </row>
    <row r="99" spans="1:13">
      <c r="A99" s="40" t="s">
        <v>102</v>
      </c>
      <c r="B99" s="21">
        <v>-10</v>
      </c>
      <c r="C99" s="22">
        <v>-4</v>
      </c>
      <c r="D99" s="22">
        <v>-6</v>
      </c>
      <c r="E99" s="21">
        <v>12</v>
      </c>
      <c r="F99" s="22">
        <v>6</v>
      </c>
      <c r="G99" s="23">
        <v>6</v>
      </c>
      <c r="H99" s="22">
        <v>26</v>
      </c>
      <c r="I99" s="22">
        <v>17</v>
      </c>
      <c r="J99" s="22">
        <v>9</v>
      </c>
      <c r="K99" s="21">
        <v>24</v>
      </c>
      <c r="L99" s="53">
        <v>15</v>
      </c>
      <c r="M99" s="54">
        <v>9</v>
      </c>
    </row>
    <row r="100" spans="1:13">
      <c r="A100" s="40" t="s">
        <v>103</v>
      </c>
      <c r="B100" s="21">
        <v>-24</v>
      </c>
      <c r="C100" s="22">
        <v>-12</v>
      </c>
      <c r="D100" s="22">
        <v>-12</v>
      </c>
      <c r="E100" s="21">
        <v>18</v>
      </c>
      <c r="F100" s="22">
        <v>10</v>
      </c>
      <c r="G100" s="23">
        <v>8</v>
      </c>
      <c r="H100" s="22">
        <v>22</v>
      </c>
      <c r="I100" s="22">
        <v>12</v>
      </c>
      <c r="J100" s="22">
        <v>10</v>
      </c>
      <c r="K100" s="21">
        <v>28</v>
      </c>
      <c r="L100" s="53">
        <v>14</v>
      </c>
      <c r="M100" s="54">
        <v>14</v>
      </c>
    </row>
    <row r="101" spans="1:13" ht="19.5" customHeight="1">
      <c r="A101" s="34" t="s">
        <v>104</v>
      </c>
      <c r="B101" s="17">
        <v>-91</v>
      </c>
      <c r="C101" s="18">
        <v>-77</v>
      </c>
      <c r="D101" s="18">
        <v>-14</v>
      </c>
      <c r="E101" s="17">
        <v>126</v>
      </c>
      <c r="F101" s="18">
        <v>90</v>
      </c>
      <c r="G101" s="19">
        <v>36</v>
      </c>
      <c r="H101" s="18">
        <v>118</v>
      </c>
      <c r="I101" s="18">
        <v>58</v>
      </c>
      <c r="J101" s="18">
        <v>60</v>
      </c>
      <c r="K101" s="17">
        <v>83</v>
      </c>
      <c r="L101" s="51">
        <v>45</v>
      </c>
      <c r="M101" s="52">
        <v>38</v>
      </c>
    </row>
    <row r="102" spans="1:13">
      <c r="A102" s="40" t="s">
        <v>105</v>
      </c>
      <c r="B102" s="21">
        <v>-21</v>
      </c>
      <c r="C102" s="22">
        <v>-18</v>
      </c>
      <c r="D102" s="22">
        <v>-3</v>
      </c>
      <c r="E102" s="21">
        <v>25</v>
      </c>
      <c r="F102" s="22">
        <v>18</v>
      </c>
      <c r="G102" s="23">
        <v>7</v>
      </c>
      <c r="H102" s="22">
        <v>25</v>
      </c>
      <c r="I102" s="22">
        <v>14</v>
      </c>
      <c r="J102" s="22">
        <v>11</v>
      </c>
      <c r="K102" s="21">
        <v>21</v>
      </c>
      <c r="L102" s="53">
        <v>14</v>
      </c>
      <c r="M102" s="54">
        <v>7</v>
      </c>
    </row>
    <row r="103" spans="1:13">
      <c r="A103" s="40" t="s">
        <v>106</v>
      </c>
      <c r="B103" s="21">
        <v>-13</v>
      </c>
      <c r="C103" s="22">
        <v>-19</v>
      </c>
      <c r="D103" s="22">
        <v>6</v>
      </c>
      <c r="E103" s="21">
        <v>24</v>
      </c>
      <c r="F103" s="22">
        <v>22</v>
      </c>
      <c r="G103" s="23">
        <v>2</v>
      </c>
      <c r="H103" s="22">
        <v>30</v>
      </c>
      <c r="I103" s="22">
        <v>12</v>
      </c>
      <c r="J103" s="22">
        <v>18</v>
      </c>
      <c r="K103" s="21">
        <v>19</v>
      </c>
      <c r="L103" s="53">
        <v>9</v>
      </c>
      <c r="M103" s="54">
        <v>10</v>
      </c>
    </row>
    <row r="104" spans="1:13">
      <c r="A104" s="40" t="s">
        <v>107</v>
      </c>
      <c r="B104" s="21">
        <v>-15</v>
      </c>
      <c r="C104" s="22">
        <v>-7</v>
      </c>
      <c r="D104" s="22">
        <v>-8</v>
      </c>
      <c r="E104" s="21">
        <v>26</v>
      </c>
      <c r="F104" s="22">
        <v>13</v>
      </c>
      <c r="G104" s="23">
        <v>13</v>
      </c>
      <c r="H104" s="22">
        <v>30</v>
      </c>
      <c r="I104" s="22">
        <v>15</v>
      </c>
      <c r="J104" s="22">
        <v>15</v>
      </c>
      <c r="K104" s="21">
        <v>19</v>
      </c>
      <c r="L104" s="53">
        <v>9</v>
      </c>
      <c r="M104" s="54">
        <v>10</v>
      </c>
    </row>
    <row r="105" spans="1:13">
      <c r="A105" s="40" t="s">
        <v>108</v>
      </c>
      <c r="B105" s="21">
        <v>-23</v>
      </c>
      <c r="C105" s="22">
        <v>-15</v>
      </c>
      <c r="D105" s="22">
        <v>-8</v>
      </c>
      <c r="E105" s="21">
        <v>28</v>
      </c>
      <c r="F105" s="22">
        <v>21</v>
      </c>
      <c r="G105" s="23">
        <v>7</v>
      </c>
      <c r="H105" s="22">
        <v>18</v>
      </c>
      <c r="I105" s="22">
        <v>11</v>
      </c>
      <c r="J105" s="22">
        <v>7</v>
      </c>
      <c r="K105" s="21">
        <v>13</v>
      </c>
      <c r="L105" s="53">
        <v>5</v>
      </c>
      <c r="M105" s="54">
        <v>8</v>
      </c>
    </row>
    <row r="106" spans="1:13">
      <c r="A106" s="40" t="s">
        <v>109</v>
      </c>
      <c r="B106" s="21">
        <v>-19</v>
      </c>
      <c r="C106" s="22">
        <v>-18</v>
      </c>
      <c r="D106" s="22">
        <v>-1</v>
      </c>
      <c r="E106" s="21">
        <v>23</v>
      </c>
      <c r="F106" s="22">
        <v>16</v>
      </c>
      <c r="G106" s="23">
        <v>7</v>
      </c>
      <c r="H106" s="22">
        <v>15</v>
      </c>
      <c r="I106" s="22">
        <v>6</v>
      </c>
      <c r="J106" s="22">
        <v>9</v>
      </c>
      <c r="K106" s="21">
        <v>11</v>
      </c>
      <c r="L106" s="53">
        <v>8</v>
      </c>
      <c r="M106" s="54">
        <v>3</v>
      </c>
    </row>
    <row r="107" spans="1:13" ht="19.5" customHeight="1">
      <c r="A107" s="34" t="s">
        <v>110</v>
      </c>
      <c r="B107" s="17">
        <v>-166</v>
      </c>
      <c r="C107" s="18">
        <v>-114</v>
      </c>
      <c r="D107" s="18">
        <v>-52</v>
      </c>
      <c r="E107" s="17">
        <v>168</v>
      </c>
      <c r="F107" s="18">
        <v>112</v>
      </c>
      <c r="G107" s="19">
        <v>56</v>
      </c>
      <c r="H107" s="18">
        <v>91</v>
      </c>
      <c r="I107" s="18">
        <v>33</v>
      </c>
      <c r="J107" s="18">
        <v>58</v>
      </c>
      <c r="K107" s="17">
        <v>89</v>
      </c>
      <c r="L107" s="51">
        <v>35</v>
      </c>
      <c r="M107" s="52">
        <v>54</v>
      </c>
    </row>
    <row r="108" spans="1:13">
      <c r="A108" s="40" t="s">
        <v>111</v>
      </c>
      <c r="B108" s="21">
        <v>-24</v>
      </c>
      <c r="C108" s="22">
        <v>-15</v>
      </c>
      <c r="D108" s="22">
        <v>-9</v>
      </c>
      <c r="E108" s="21">
        <v>24</v>
      </c>
      <c r="F108" s="22">
        <v>18</v>
      </c>
      <c r="G108" s="23">
        <v>6</v>
      </c>
      <c r="H108" s="22">
        <v>13</v>
      </c>
      <c r="I108" s="22">
        <v>7</v>
      </c>
      <c r="J108" s="22">
        <v>6</v>
      </c>
      <c r="K108" s="21">
        <v>13</v>
      </c>
      <c r="L108" s="53">
        <v>4</v>
      </c>
      <c r="M108" s="54">
        <v>9</v>
      </c>
    </row>
    <row r="109" spans="1:13">
      <c r="A109" s="40" t="s">
        <v>112</v>
      </c>
      <c r="B109" s="21">
        <v>-40</v>
      </c>
      <c r="C109" s="22">
        <v>-26</v>
      </c>
      <c r="D109" s="22">
        <v>-14</v>
      </c>
      <c r="E109" s="21">
        <v>31</v>
      </c>
      <c r="F109" s="22">
        <v>23</v>
      </c>
      <c r="G109" s="23">
        <v>8</v>
      </c>
      <c r="H109" s="22">
        <v>5</v>
      </c>
      <c r="I109" s="22">
        <v>1</v>
      </c>
      <c r="J109" s="22">
        <v>4</v>
      </c>
      <c r="K109" s="21">
        <v>14</v>
      </c>
      <c r="L109" s="53">
        <v>4</v>
      </c>
      <c r="M109" s="54">
        <v>10</v>
      </c>
    </row>
    <row r="110" spans="1:13">
      <c r="A110" s="40" t="s">
        <v>113</v>
      </c>
      <c r="B110" s="21">
        <v>-31</v>
      </c>
      <c r="C110" s="22">
        <v>-24</v>
      </c>
      <c r="D110" s="22">
        <v>-7</v>
      </c>
      <c r="E110" s="21">
        <v>37</v>
      </c>
      <c r="F110" s="22">
        <v>22</v>
      </c>
      <c r="G110" s="23">
        <v>15</v>
      </c>
      <c r="H110" s="22">
        <v>21</v>
      </c>
      <c r="I110" s="22">
        <v>7</v>
      </c>
      <c r="J110" s="22">
        <v>14</v>
      </c>
      <c r="K110" s="21">
        <v>15</v>
      </c>
      <c r="L110" s="53">
        <v>9</v>
      </c>
      <c r="M110" s="54">
        <v>6</v>
      </c>
    </row>
    <row r="111" spans="1:13">
      <c r="A111" s="40" t="s">
        <v>114</v>
      </c>
      <c r="B111" s="21">
        <v>-42</v>
      </c>
      <c r="C111" s="22">
        <v>-21</v>
      </c>
      <c r="D111" s="22">
        <v>-21</v>
      </c>
      <c r="E111" s="21">
        <v>37</v>
      </c>
      <c r="F111" s="22">
        <v>20</v>
      </c>
      <c r="G111" s="23">
        <v>17</v>
      </c>
      <c r="H111" s="22">
        <v>20</v>
      </c>
      <c r="I111" s="22">
        <v>9</v>
      </c>
      <c r="J111" s="22">
        <v>11</v>
      </c>
      <c r="K111" s="21">
        <v>25</v>
      </c>
      <c r="L111" s="53">
        <v>10</v>
      </c>
      <c r="M111" s="54">
        <v>15</v>
      </c>
    </row>
    <row r="112" spans="1:13">
      <c r="A112" s="40" t="s">
        <v>115</v>
      </c>
      <c r="B112" s="21">
        <v>-29</v>
      </c>
      <c r="C112" s="22">
        <v>-28</v>
      </c>
      <c r="D112" s="22">
        <v>-1</v>
      </c>
      <c r="E112" s="21">
        <v>39</v>
      </c>
      <c r="F112" s="22">
        <v>29</v>
      </c>
      <c r="G112" s="23">
        <v>10</v>
      </c>
      <c r="H112" s="22">
        <v>32</v>
      </c>
      <c r="I112" s="22">
        <v>9</v>
      </c>
      <c r="J112" s="22">
        <v>23</v>
      </c>
      <c r="K112" s="21">
        <v>22</v>
      </c>
      <c r="L112" s="53">
        <v>8</v>
      </c>
      <c r="M112" s="54">
        <v>14</v>
      </c>
    </row>
    <row r="113" spans="1:13" ht="19.5" customHeight="1">
      <c r="A113" s="34" t="s">
        <v>116</v>
      </c>
      <c r="B113" s="17">
        <v>-259</v>
      </c>
      <c r="C113" s="18">
        <v>-168</v>
      </c>
      <c r="D113" s="18">
        <v>-91</v>
      </c>
      <c r="E113" s="17">
        <v>289</v>
      </c>
      <c r="F113" s="18">
        <v>179</v>
      </c>
      <c r="G113" s="19">
        <v>110</v>
      </c>
      <c r="H113" s="18">
        <v>103</v>
      </c>
      <c r="I113" s="18">
        <v>38</v>
      </c>
      <c r="J113" s="18">
        <v>65</v>
      </c>
      <c r="K113" s="17">
        <v>73</v>
      </c>
      <c r="L113" s="51">
        <v>27</v>
      </c>
      <c r="M113" s="52">
        <v>46</v>
      </c>
    </row>
    <row r="114" spans="1:13">
      <c r="A114" s="40" t="s">
        <v>117</v>
      </c>
      <c r="B114" s="21">
        <v>-41</v>
      </c>
      <c r="C114" s="22">
        <v>-27</v>
      </c>
      <c r="D114" s="22">
        <v>-14</v>
      </c>
      <c r="E114" s="21">
        <v>48</v>
      </c>
      <c r="F114" s="22">
        <v>32</v>
      </c>
      <c r="G114" s="23">
        <v>16</v>
      </c>
      <c r="H114" s="22">
        <v>26</v>
      </c>
      <c r="I114" s="22">
        <v>9</v>
      </c>
      <c r="J114" s="22">
        <v>17</v>
      </c>
      <c r="K114" s="21">
        <v>19</v>
      </c>
      <c r="L114" s="53">
        <v>4</v>
      </c>
      <c r="M114" s="54">
        <v>15</v>
      </c>
    </row>
    <row r="115" spans="1:13">
      <c r="A115" s="40" t="s">
        <v>118</v>
      </c>
      <c r="B115" s="21">
        <v>-51</v>
      </c>
      <c r="C115" s="22">
        <v>-27</v>
      </c>
      <c r="D115" s="22">
        <v>-24</v>
      </c>
      <c r="E115" s="21">
        <v>53</v>
      </c>
      <c r="F115" s="22">
        <v>25</v>
      </c>
      <c r="G115" s="23">
        <v>28</v>
      </c>
      <c r="H115" s="22">
        <v>16</v>
      </c>
      <c r="I115" s="22">
        <v>7</v>
      </c>
      <c r="J115" s="22">
        <v>9</v>
      </c>
      <c r="K115" s="21">
        <v>14</v>
      </c>
      <c r="L115" s="53">
        <v>9</v>
      </c>
      <c r="M115" s="54">
        <v>5</v>
      </c>
    </row>
    <row r="116" spans="1:13">
      <c r="A116" s="40" t="s">
        <v>119</v>
      </c>
      <c r="B116" s="21">
        <v>-62</v>
      </c>
      <c r="C116" s="22">
        <v>-47</v>
      </c>
      <c r="D116" s="22">
        <v>-15</v>
      </c>
      <c r="E116" s="21">
        <v>63</v>
      </c>
      <c r="F116" s="22">
        <v>45</v>
      </c>
      <c r="G116" s="23">
        <v>18</v>
      </c>
      <c r="H116" s="22">
        <v>23</v>
      </c>
      <c r="I116" s="22">
        <v>7</v>
      </c>
      <c r="J116" s="22">
        <v>16</v>
      </c>
      <c r="K116" s="21">
        <v>22</v>
      </c>
      <c r="L116" s="53">
        <v>9</v>
      </c>
      <c r="M116" s="54">
        <v>13</v>
      </c>
    </row>
    <row r="117" spans="1:13">
      <c r="A117" s="40" t="s">
        <v>120</v>
      </c>
      <c r="B117" s="21">
        <v>-46</v>
      </c>
      <c r="C117" s="22">
        <v>-31</v>
      </c>
      <c r="D117" s="22">
        <v>-15</v>
      </c>
      <c r="E117" s="21">
        <v>56</v>
      </c>
      <c r="F117" s="22">
        <v>35</v>
      </c>
      <c r="G117" s="23">
        <v>21</v>
      </c>
      <c r="H117" s="22">
        <v>21</v>
      </c>
      <c r="I117" s="22">
        <v>6</v>
      </c>
      <c r="J117" s="22">
        <v>15</v>
      </c>
      <c r="K117" s="21">
        <v>11</v>
      </c>
      <c r="L117" s="53">
        <v>2</v>
      </c>
      <c r="M117" s="54">
        <v>9</v>
      </c>
    </row>
    <row r="118" spans="1:13">
      <c r="A118" s="40" t="s">
        <v>121</v>
      </c>
      <c r="B118" s="21">
        <v>-59</v>
      </c>
      <c r="C118" s="22">
        <v>-36</v>
      </c>
      <c r="D118" s="22">
        <v>-23</v>
      </c>
      <c r="E118" s="21">
        <v>69</v>
      </c>
      <c r="F118" s="22">
        <v>42</v>
      </c>
      <c r="G118" s="23">
        <v>27</v>
      </c>
      <c r="H118" s="22">
        <v>17</v>
      </c>
      <c r="I118" s="22">
        <v>9</v>
      </c>
      <c r="J118" s="22">
        <v>8</v>
      </c>
      <c r="K118" s="21">
        <v>7</v>
      </c>
      <c r="L118" s="53">
        <v>3</v>
      </c>
      <c r="M118" s="54">
        <v>4</v>
      </c>
    </row>
    <row r="119" spans="1:13" ht="19.5" customHeight="1">
      <c r="A119" s="34" t="s">
        <v>122</v>
      </c>
      <c r="B119" s="17">
        <v>-309</v>
      </c>
      <c r="C119" s="18">
        <v>-156</v>
      </c>
      <c r="D119" s="18">
        <v>-153</v>
      </c>
      <c r="E119" s="17">
        <v>329</v>
      </c>
      <c r="F119" s="18">
        <v>158</v>
      </c>
      <c r="G119" s="19">
        <v>171</v>
      </c>
      <c r="H119" s="18">
        <v>83</v>
      </c>
      <c r="I119" s="18">
        <v>18</v>
      </c>
      <c r="J119" s="18">
        <v>65</v>
      </c>
      <c r="K119" s="17">
        <v>63</v>
      </c>
      <c r="L119" s="51">
        <v>16</v>
      </c>
      <c r="M119" s="52">
        <v>47</v>
      </c>
    </row>
    <row r="120" spans="1:13">
      <c r="A120" s="40" t="s">
        <v>123</v>
      </c>
      <c r="B120" s="21">
        <v>-57</v>
      </c>
      <c r="C120" s="22">
        <v>-28</v>
      </c>
      <c r="D120" s="22">
        <v>-29</v>
      </c>
      <c r="E120" s="21">
        <v>71</v>
      </c>
      <c r="F120" s="22">
        <v>34</v>
      </c>
      <c r="G120" s="23">
        <v>37</v>
      </c>
      <c r="H120" s="22">
        <v>30</v>
      </c>
      <c r="I120" s="22">
        <v>10</v>
      </c>
      <c r="J120" s="22">
        <v>20</v>
      </c>
      <c r="K120" s="21">
        <v>16</v>
      </c>
      <c r="L120" s="53">
        <v>4</v>
      </c>
      <c r="M120" s="54">
        <v>12</v>
      </c>
    </row>
    <row r="121" spans="1:13">
      <c r="A121" s="40" t="s">
        <v>124</v>
      </c>
      <c r="B121" s="21">
        <v>-73</v>
      </c>
      <c r="C121" s="22">
        <v>-36</v>
      </c>
      <c r="D121" s="22">
        <v>-37</v>
      </c>
      <c r="E121" s="21">
        <v>66</v>
      </c>
      <c r="F121" s="22">
        <v>36</v>
      </c>
      <c r="G121" s="23">
        <v>30</v>
      </c>
      <c r="H121" s="22">
        <v>8</v>
      </c>
      <c r="I121" s="22">
        <v>2</v>
      </c>
      <c r="J121" s="22">
        <v>6</v>
      </c>
      <c r="K121" s="21">
        <v>15</v>
      </c>
      <c r="L121" s="53">
        <v>2</v>
      </c>
      <c r="M121" s="54">
        <v>13</v>
      </c>
    </row>
    <row r="122" spans="1:13">
      <c r="A122" s="40" t="s">
        <v>125</v>
      </c>
      <c r="B122" s="21">
        <v>-53</v>
      </c>
      <c r="C122" s="22">
        <v>-27</v>
      </c>
      <c r="D122" s="22">
        <v>-26</v>
      </c>
      <c r="E122" s="21">
        <v>65</v>
      </c>
      <c r="F122" s="22">
        <v>29</v>
      </c>
      <c r="G122" s="23">
        <v>36</v>
      </c>
      <c r="H122" s="22">
        <v>20</v>
      </c>
      <c r="I122" s="22">
        <v>3</v>
      </c>
      <c r="J122" s="22">
        <v>17</v>
      </c>
      <c r="K122" s="21">
        <v>8</v>
      </c>
      <c r="L122" s="53">
        <v>1</v>
      </c>
      <c r="M122" s="54">
        <v>7</v>
      </c>
    </row>
    <row r="123" spans="1:13">
      <c r="A123" s="40" t="s">
        <v>126</v>
      </c>
      <c r="B123" s="21">
        <v>-70</v>
      </c>
      <c r="C123" s="22">
        <v>-37</v>
      </c>
      <c r="D123" s="22">
        <v>-33</v>
      </c>
      <c r="E123" s="21">
        <v>66</v>
      </c>
      <c r="F123" s="22">
        <v>32</v>
      </c>
      <c r="G123" s="23">
        <v>34</v>
      </c>
      <c r="H123" s="22">
        <v>11</v>
      </c>
      <c r="I123" s="22">
        <v>2</v>
      </c>
      <c r="J123" s="22">
        <v>9</v>
      </c>
      <c r="K123" s="21">
        <v>15</v>
      </c>
      <c r="L123" s="53">
        <v>7</v>
      </c>
      <c r="M123" s="54">
        <v>8</v>
      </c>
    </row>
    <row r="124" spans="1:13">
      <c r="A124" s="40" t="s">
        <v>127</v>
      </c>
      <c r="B124" s="21">
        <v>-56</v>
      </c>
      <c r="C124" s="22">
        <v>-28</v>
      </c>
      <c r="D124" s="22">
        <v>-28</v>
      </c>
      <c r="E124" s="21">
        <v>61</v>
      </c>
      <c r="F124" s="22">
        <v>27</v>
      </c>
      <c r="G124" s="23">
        <v>34</v>
      </c>
      <c r="H124" s="22">
        <v>14</v>
      </c>
      <c r="I124" s="22">
        <v>1</v>
      </c>
      <c r="J124" s="22">
        <v>13</v>
      </c>
      <c r="K124" s="21">
        <v>9</v>
      </c>
      <c r="L124" s="53">
        <v>2</v>
      </c>
      <c r="M124" s="54">
        <v>7</v>
      </c>
    </row>
    <row r="125" spans="1:13" ht="19.5" customHeight="1">
      <c r="A125" s="34" t="s">
        <v>128</v>
      </c>
      <c r="B125" s="17">
        <v>-219</v>
      </c>
      <c r="C125" s="18">
        <v>-77</v>
      </c>
      <c r="D125" s="18">
        <v>-142</v>
      </c>
      <c r="E125" s="17">
        <v>249</v>
      </c>
      <c r="F125" s="18">
        <v>90</v>
      </c>
      <c r="G125" s="19">
        <v>159</v>
      </c>
      <c r="H125" s="18">
        <v>58</v>
      </c>
      <c r="I125" s="18">
        <v>19</v>
      </c>
      <c r="J125" s="18">
        <v>39</v>
      </c>
      <c r="K125" s="17">
        <v>28</v>
      </c>
      <c r="L125" s="51">
        <v>6</v>
      </c>
      <c r="M125" s="52">
        <v>22</v>
      </c>
    </row>
    <row r="126" spans="1:13">
      <c r="A126" s="40" t="s">
        <v>129</v>
      </c>
      <c r="B126" s="21">
        <v>-60</v>
      </c>
      <c r="C126" s="22">
        <v>-33</v>
      </c>
      <c r="D126" s="22">
        <v>-27</v>
      </c>
      <c r="E126" s="21">
        <v>68</v>
      </c>
      <c r="F126" s="22">
        <v>34</v>
      </c>
      <c r="G126" s="23">
        <v>34</v>
      </c>
      <c r="H126" s="22">
        <v>19</v>
      </c>
      <c r="I126" s="22">
        <v>4</v>
      </c>
      <c r="J126" s="22">
        <v>15</v>
      </c>
      <c r="K126" s="21">
        <v>11</v>
      </c>
      <c r="L126" s="53">
        <v>3</v>
      </c>
      <c r="M126" s="54">
        <v>8</v>
      </c>
    </row>
    <row r="127" spans="1:13">
      <c r="A127" s="40" t="s">
        <v>130</v>
      </c>
      <c r="B127" s="21">
        <v>-52</v>
      </c>
      <c r="C127" s="22">
        <v>-19</v>
      </c>
      <c r="D127" s="22">
        <v>-33</v>
      </c>
      <c r="E127" s="21">
        <v>54</v>
      </c>
      <c r="F127" s="22">
        <v>19</v>
      </c>
      <c r="G127" s="23">
        <v>35</v>
      </c>
      <c r="H127" s="22">
        <v>10</v>
      </c>
      <c r="I127" s="22">
        <v>2</v>
      </c>
      <c r="J127" s="22">
        <v>8</v>
      </c>
      <c r="K127" s="21">
        <v>8</v>
      </c>
      <c r="L127" s="53">
        <v>2</v>
      </c>
      <c r="M127" s="54">
        <v>6</v>
      </c>
    </row>
    <row r="128" spans="1:13">
      <c r="A128" s="40" t="s">
        <v>131</v>
      </c>
      <c r="B128" s="21">
        <v>-37</v>
      </c>
      <c r="C128" s="22">
        <v>-8</v>
      </c>
      <c r="D128" s="22">
        <v>-29</v>
      </c>
      <c r="E128" s="21">
        <v>47</v>
      </c>
      <c r="F128" s="22">
        <v>12</v>
      </c>
      <c r="G128" s="23">
        <v>35</v>
      </c>
      <c r="H128" s="22">
        <v>12</v>
      </c>
      <c r="I128" s="22">
        <v>4</v>
      </c>
      <c r="J128" s="22">
        <v>8</v>
      </c>
      <c r="K128" s="21">
        <v>2</v>
      </c>
      <c r="L128" s="53">
        <v>0</v>
      </c>
      <c r="M128" s="54">
        <v>2</v>
      </c>
    </row>
    <row r="129" spans="1:13">
      <c r="A129" s="40" t="s">
        <v>132</v>
      </c>
      <c r="B129" s="21">
        <v>-38</v>
      </c>
      <c r="C129" s="22">
        <v>-10</v>
      </c>
      <c r="D129" s="22">
        <v>-28</v>
      </c>
      <c r="E129" s="21">
        <v>43</v>
      </c>
      <c r="F129" s="22">
        <v>15</v>
      </c>
      <c r="G129" s="23">
        <v>28</v>
      </c>
      <c r="H129" s="22">
        <v>9</v>
      </c>
      <c r="I129" s="22">
        <v>6</v>
      </c>
      <c r="J129" s="22">
        <v>3</v>
      </c>
      <c r="K129" s="21">
        <v>4</v>
      </c>
      <c r="L129" s="53">
        <v>1</v>
      </c>
      <c r="M129" s="54">
        <v>3</v>
      </c>
    </row>
    <row r="130" spans="1:13">
      <c r="A130" s="40" t="s">
        <v>133</v>
      </c>
      <c r="B130" s="21">
        <v>-32</v>
      </c>
      <c r="C130" s="22">
        <v>-7</v>
      </c>
      <c r="D130" s="22">
        <v>-25</v>
      </c>
      <c r="E130" s="21">
        <v>37</v>
      </c>
      <c r="F130" s="22">
        <v>10</v>
      </c>
      <c r="G130" s="23">
        <v>27</v>
      </c>
      <c r="H130" s="22">
        <v>8</v>
      </c>
      <c r="I130" s="22">
        <v>3</v>
      </c>
      <c r="J130" s="22">
        <v>5</v>
      </c>
      <c r="K130" s="21">
        <v>3</v>
      </c>
      <c r="L130" s="53">
        <v>0</v>
      </c>
      <c r="M130" s="54">
        <v>3</v>
      </c>
    </row>
    <row r="131" spans="1:13" ht="19.5" customHeight="1">
      <c r="A131" s="34" t="s">
        <v>134</v>
      </c>
      <c r="B131" s="17">
        <v>-88</v>
      </c>
      <c r="C131" s="18">
        <v>-18</v>
      </c>
      <c r="D131" s="18">
        <v>-70</v>
      </c>
      <c r="E131" s="17">
        <v>101</v>
      </c>
      <c r="F131" s="18">
        <v>23</v>
      </c>
      <c r="G131" s="19">
        <v>78</v>
      </c>
      <c r="H131" s="18">
        <v>19</v>
      </c>
      <c r="I131" s="18">
        <v>7</v>
      </c>
      <c r="J131" s="18">
        <v>12</v>
      </c>
      <c r="K131" s="17">
        <v>6</v>
      </c>
      <c r="L131" s="51">
        <v>2</v>
      </c>
      <c r="M131" s="52">
        <v>4</v>
      </c>
    </row>
    <row r="132" spans="1:13">
      <c r="A132" s="40" t="s">
        <v>135</v>
      </c>
      <c r="B132" s="21">
        <v>-25</v>
      </c>
      <c r="C132" s="22">
        <v>-8</v>
      </c>
      <c r="D132" s="22">
        <v>-17</v>
      </c>
      <c r="E132" s="21">
        <v>29</v>
      </c>
      <c r="F132" s="22">
        <v>9</v>
      </c>
      <c r="G132" s="23">
        <v>20</v>
      </c>
      <c r="H132" s="22">
        <v>6</v>
      </c>
      <c r="I132" s="22">
        <v>2</v>
      </c>
      <c r="J132" s="22">
        <v>4</v>
      </c>
      <c r="K132" s="21">
        <v>2</v>
      </c>
      <c r="L132" s="53">
        <v>1</v>
      </c>
      <c r="M132" s="54">
        <v>1</v>
      </c>
    </row>
    <row r="133" spans="1:13">
      <c r="A133" s="40" t="s">
        <v>136</v>
      </c>
      <c r="B133" s="21">
        <v>-19</v>
      </c>
      <c r="C133" s="22">
        <v>-1</v>
      </c>
      <c r="D133" s="22">
        <v>-18</v>
      </c>
      <c r="E133" s="21">
        <v>27</v>
      </c>
      <c r="F133" s="22">
        <v>6</v>
      </c>
      <c r="G133" s="23">
        <v>21</v>
      </c>
      <c r="H133" s="22">
        <v>8</v>
      </c>
      <c r="I133" s="22">
        <v>5</v>
      </c>
      <c r="J133" s="22">
        <v>3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14</v>
      </c>
      <c r="C134" s="22">
        <v>-2</v>
      </c>
      <c r="D134" s="22">
        <v>-12</v>
      </c>
      <c r="E134" s="21">
        <v>14</v>
      </c>
      <c r="F134" s="22">
        <v>1</v>
      </c>
      <c r="G134" s="23">
        <v>13</v>
      </c>
      <c r="H134" s="22">
        <v>2</v>
      </c>
      <c r="I134" s="22">
        <v>0</v>
      </c>
      <c r="J134" s="22">
        <v>2</v>
      </c>
      <c r="K134" s="21">
        <v>2</v>
      </c>
      <c r="L134" s="53">
        <v>1</v>
      </c>
      <c r="M134" s="54">
        <v>1</v>
      </c>
    </row>
    <row r="135" spans="1:13">
      <c r="A135" s="40" t="s">
        <v>138</v>
      </c>
      <c r="B135" s="21">
        <v>-16</v>
      </c>
      <c r="C135" s="22">
        <v>-4</v>
      </c>
      <c r="D135" s="22">
        <v>-12</v>
      </c>
      <c r="E135" s="21">
        <v>17</v>
      </c>
      <c r="F135" s="22">
        <v>4</v>
      </c>
      <c r="G135" s="23">
        <v>13</v>
      </c>
      <c r="H135" s="22">
        <v>2</v>
      </c>
      <c r="I135" s="22">
        <v>0</v>
      </c>
      <c r="J135" s="22">
        <v>2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14</v>
      </c>
      <c r="C136" s="22">
        <v>-3</v>
      </c>
      <c r="D136" s="22">
        <v>-11</v>
      </c>
      <c r="E136" s="21">
        <v>14</v>
      </c>
      <c r="F136" s="22">
        <v>3</v>
      </c>
      <c r="G136" s="23">
        <v>11</v>
      </c>
      <c r="H136" s="22">
        <v>1</v>
      </c>
      <c r="I136" s="22">
        <v>0</v>
      </c>
      <c r="J136" s="22">
        <v>1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29</v>
      </c>
      <c r="C137" s="43">
        <v>-8</v>
      </c>
      <c r="D137" s="43">
        <v>-21</v>
      </c>
      <c r="E137" s="42">
        <v>29</v>
      </c>
      <c r="F137" s="43">
        <v>8</v>
      </c>
      <c r="G137" s="44">
        <v>21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6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8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494</v>
      </c>
      <c r="C5" s="14">
        <v>-58</v>
      </c>
      <c r="D5" s="14">
        <v>552</v>
      </c>
      <c r="E5" s="13">
        <v>2183</v>
      </c>
      <c r="F5" s="14">
        <v>1093</v>
      </c>
      <c r="G5" s="15">
        <v>1090</v>
      </c>
      <c r="H5" s="14">
        <v>18129</v>
      </c>
      <c r="I5" s="14">
        <v>9102</v>
      </c>
      <c r="J5" s="14">
        <v>9027</v>
      </c>
      <c r="K5" s="13">
        <v>17497</v>
      </c>
      <c r="L5" s="49">
        <v>9124</v>
      </c>
      <c r="M5" s="50">
        <v>8373</v>
      </c>
    </row>
    <row r="6" spans="1:13" ht="19.5" customHeight="1">
      <c r="A6" s="16" t="s">
        <v>13</v>
      </c>
      <c r="B6" s="17">
        <v>2163</v>
      </c>
      <c r="C6" s="18">
        <v>1110</v>
      </c>
      <c r="D6" s="18">
        <v>1053</v>
      </c>
      <c r="E6" s="17">
        <v>2</v>
      </c>
      <c r="F6" s="18">
        <v>0</v>
      </c>
      <c r="G6" s="19">
        <v>2</v>
      </c>
      <c r="H6" s="18">
        <v>1164</v>
      </c>
      <c r="I6" s="18">
        <v>585</v>
      </c>
      <c r="J6" s="18">
        <v>579</v>
      </c>
      <c r="K6" s="17">
        <v>1044</v>
      </c>
      <c r="L6" s="51">
        <v>532</v>
      </c>
      <c r="M6" s="52">
        <v>512</v>
      </c>
    </row>
    <row r="7" spans="1:13">
      <c r="A7" s="20" t="s">
        <v>14</v>
      </c>
      <c r="B7" s="21">
        <v>2091</v>
      </c>
      <c r="C7" s="22">
        <v>1079</v>
      </c>
      <c r="D7" s="22">
        <v>1012</v>
      </c>
      <c r="E7" s="21">
        <v>0</v>
      </c>
      <c r="F7" s="22">
        <v>0</v>
      </c>
      <c r="G7" s="23">
        <v>0</v>
      </c>
      <c r="H7" s="22">
        <v>172</v>
      </c>
      <c r="I7" s="22">
        <v>85</v>
      </c>
      <c r="J7" s="22">
        <v>87</v>
      </c>
      <c r="K7" s="21">
        <v>126</v>
      </c>
      <c r="L7" s="53">
        <v>63</v>
      </c>
      <c r="M7" s="54">
        <v>63</v>
      </c>
    </row>
    <row r="8" spans="1:13">
      <c r="A8" s="20" t="s">
        <v>15</v>
      </c>
      <c r="B8" s="21">
        <v>44</v>
      </c>
      <c r="C8" s="22">
        <v>24</v>
      </c>
      <c r="D8" s="22">
        <v>20</v>
      </c>
      <c r="E8" s="21">
        <v>1</v>
      </c>
      <c r="F8" s="22">
        <v>0</v>
      </c>
      <c r="G8" s="23">
        <v>1</v>
      </c>
      <c r="H8" s="22">
        <v>304</v>
      </c>
      <c r="I8" s="22">
        <v>154</v>
      </c>
      <c r="J8" s="22">
        <v>150</v>
      </c>
      <c r="K8" s="21">
        <v>259</v>
      </c>
      <c r="L8" s="53">
        <v>130</v>
      </c>
      <c r="M8" s="54">
        <v>129</v>
      </c>
    </row>
    <row r="9" spans="1:13">
      <c r="A9" s="20" t="s">
        <v>16</v>
      </c>
      <c r="B9" s="21">
        <v>44</v>
      </c>
      <c r="C9" s="22">
        <v>32</v>
      </c>
      <c r="D9" s="22">
        <v>12</v>
      </c>
      <c r="E9" s="21">
        <v>1</v>
      </c>
      <c r="F9" s="22">
        <v>0</v>
      </c>
      <c r="G9" s="23">
        <v>1</v>
      </c>
      <c r="H9" s="22">
        <v>288</v>
      </c>
      <c r="I9" s="22">
        <v>147</v>
      </c>
      <c r="J9" s="22">
        <v>141</v>
      </c>
      <c r="K9" s="21">
        <v>243</v>
      </c>
      <c r="L9" s="53">
        <v>115</v>
      </c>
      <c r="M9" s="54">
        <v>128</v>
      </c>
    </row>
    <row r="10" spans="1:13">
      <c r="A10" s="20" t="s">
        <v>17</v>
      </c>
      <c r="B10" s="21">
        <v>-6</v>
      </c>
      <c r="C10" s="22">
        <v>-2</v>
      </c>
      <c r="D10" s="22">
        <v>-4</v>
      </c>
      <c r="E10" s="21">
        <v>0</v>
      </c>
      <c r="F10" s="22">
        <v>0</v>
      </c>
      <c r="G10" s="23">
        <v>0</v>
      </c>
      <c r="H10" s="22">
        <v>224</v>
      </c>
      <c r="I10" s="22">
        <v>124</v>
      </c>
      <c r="J10" s="22">
        <v>100</v>
      </c>
      <c r="K10" s="21">
        <v>230</v>
      </c>
      <c r="L10" s="53">
        <v>126</v>
      </c>
      <c r="M10" s="54">
        <v>104</v>
      </c>
    </row>
    <row r="11" spans="1:13">
      <c r="A11" s="20" t="s">
        <v>18</v>
      </c>
      <c r="B11" s="21">
        <v>-10</v>
      </c>
      <c r="C11" s="22">
        <v>-23</v>
      </c>
      <c r="D11" s="22">
        <v>13</v>
      </c>
      <c r="E11" s="21">
        <v>0</v>
      </c>
      <c r="F11" s="22">
        <v>0</v>
      </c>
      <c r="G11" s="23">
        <v>0</v>
      </c>
      <c r="H11" s="22">
        <v>176</v>
      </c>
      <c r="I11" s="22">
        <v>75</v>
      </c>
      <c r="J11" s="22">
        <v>101</v>
      </c>
      <c r="K11" s="21">
        <v>186</v>
      </c>
      <c r="L11" s="53">
        <v>98</v>
      </c>
      <c r="M11" s="54">
        <v>88</v>
      </c>
    </row>
    <row r="12" spans="1:13" ht="20.100000000000001" customHeight="1">
      <c r="A12" s="16" t="s">
        <v>19</v>
      </c>
      <c r="B12" s="17">
        <v>97</v>
      </c>
      <c r="C12" s="18">
        <v>33</v>
      </c>
      <c r="D12" s="18">
        <v>64</v>
      </c>
      <c r="E12" s="17">
        <v>0</v>
      </c>
      <c r="F12" s="18">
        <v>0</v>
      </c>
      <c r="G12" s="19">
        <v>0</v>
      </c>
      <c r="H12" s="18">
        <v>748</v>
      </c>
      <c r="I12" s="18">
        <v>379</v>
      </c>
      <c r="J12" s="18">
        <v>369</v>
      </c>
      <c r="K12" s="17">
        <v>651</v>
      </c>
      <c r="L12" s="51">
        <v>346</v>
      </c>
      <c r="M12" s="52">
        <v>305</v>
      </c>
    </row>
    <row r="13" spans="1:13">
      <c r="A13" s="20" t="s">
        <v>20</v>
      </c>
      <c r="B13" s="21">
        <v>-3</v>
      </c>
      <c r="C13" s="22">
        <v>-14</v>
      </c>
      <c r="D13" s="22">
        <v>11</v>
      </c>
      <c r="E13" s="21">
        <v>0</v>
      </c>
      <c r="F13" s="22">
        <v>0</v>
      </c>
      <c r="G13" s="23">
        <v>0</v>
      </c>
      <c r="H13" s="22">
        <v>157</v>
      </c>
      <c r="I13" s="22">
        <v>80</v>
      </c>
      <c r="J13" s="22">
        <v>77</v>
      </c>
      <c r="K13" s="21">
        <v>160</v>
      </c>
      <c r="L13" s="53">
        <v>94</v>
      </c>
      <c r="M13" s="54">
        <v>66</v>
      </c>
    </row>
    <row r="14" spans="1:13">
      <c r="A14" s="20" t="s">
        <v>21</v>
      </c>
      <c r="B14" s="21">
        <v>34</v>
      </c>
      <c r="C14" s="22">
        <v>13</v>
      </c>
      <c r="D14" s="22">
        <v>21</v>
      </c>
      <c r="E14" s="21">
        <v>0</v>
      </c>
      <c r="F14" s="22">
        <v>0</v>
      </c>
      <c r="G14" s="23">
        <v>0</v>
      </c>
      <c r="H14" s="22">
        <v>178</v>
      </c>
      <c r="I14" s="22">
        <v>84</v>
      </c>
      <c r="J14" s="22">
        <v>94</v>
      </c>
      <c r="K14" s="21">
        <v>144</v>
      </c>
      <c r="L14" s="53">
        <v>71</v>
      </c>
      <c r="M14" s="54">
        <v>73</v>
      </c>
    </row>
    <row r="15" spans="1:13">
      <c r="A15" s="20" t="s">
        <v>22</v>
      </c>
      <c r="B15" s="21">
        <v>6</v>
      </c>
      <c r="C15" s="22">
        <v>3</v>
      </c>
      <c r="D15" s="22">
        <v>3</v>
      </c>
      <c r="E15" s="21">
        <v>0</v>
      </c>
      <c r="F15" s="22">
        <v>0</v>
      </c>
      <c r="G15" s="23">
        <v>0</v>
      </c>
      <c r="H15" s="22">
        <v>172</v>
      </c>
      <c r="I15" s="22">
        <v>87</v>
      </c>
      <c r="J15" s="22">
        <v>85</v>
      </c>
      <c r="K15" s="21">
        <v>166</v>
      </c>
      <c r="L15" s="53">
        <v>84</v>
      </c>
      <c r="M15" s="54">
        <v>82</v>
      </c>
    </row>
    <row r="16" spans="1:13">
      <c r="A16" s="20" t="s">
        <v>23</v>
      </c>
      <c r="B16" s="21">
        <v>41</v>
      </c>
      <c r="C16" s="22">
        <v>24</v>
      </c>
      <c r="D16" s="22">
        <v>17</v>
      </c>
      <c r="E16" s="21">
        <v>0</v>
      </c>
      <c r="F16" s="22">
        <v>0</v>
      </c>
      <c r="G16" s="23">
        <v>0</v>
      </c>
      <c r="H16" s="22">
        <v>119</v>
      </c>
      <c r="I16" s="22">
        <v>66</v>
      </c>
      <c r="J16" s="22">
        <v>53</v>
      </c>
      <c r="K16" s="21">
        <v>78</v>
      </c>
      <c r="L16" s="53">
        <v>42</v>
      </c>
      <c r="M16" s="54">
        <v>36</v>
      </c>
    </row>
    <row r="17" spans="1:13">
      <c r="A17" s="20" t="s">
        <v>24</v>
      </c>
      <c r="B17" s="21">
        <v>19</v>
      </c>
      <c r="C17" s="22">
        <v>7</v>
      </c>
      <c r="D17" s="22">
        <v>12</v>
      </c>
      <c r="E17" s="21">
        <v>0</v>
      </c>
      <c r="F17" s="22">
        <v>0</v>
      </c>
      <c r="G17" s="23">
        <v>0</v>
      </c>
      <c r="H17" s="22">
        <v>122</v>
      </c>
      <c r="I17" s="22">
        <v>62</v>
      </c>
      <c r="J17" s="22">
        <v>60</v>
      </c>
      <c r="K17" s="21">
        <v>103</v>
      </c>
      <c r="L17" s="53">
        <v>55</v>
      </c>
      <c r="M17" s="54">
        <v>48</v>
      </c>
    </row>
    <row r="18" spans="1:13" ht="20.100000000000001" customHeight="1">
      <c r="A18" s="16" t="s">
        <v>25</v>
      </c>
      <c r="B18" s="17">
        <v>83</v>
      </c>
      <c r="C18" s="18">
        <v>44</v>
      </c>
      <c r="D18" s="18">
        <v>39</v>
      </c>
      <c r="E18" s="17">
        <v>1</v>
      </c>
      <c r="F18" s="18">
        <v>1</v>
      </c>
      <c r="G18" s="19">
        <v>0</v>
      </c>
      <c r="H18" s="18">
        <v>412</v>
      </c>
      <c r="I18" s="18">
        <v>209</v>
      </c>
      <c r="J18" s="18">
        <v>203</v>
      </c>
      <c r="K18" s="17">
        <v>328</v>
      </c>
      <c r="L18" s="51">
        <v>164</v>
      </c>
      <c r="M18" s="52">
        <v>164</v>
      </c>
    </row>
    <row r="19" spans="1:13">
      <c r="A19" s="20" t="s">
        <v>26</v>
      </c>
      <c r="B19" s="21">
        <v>14</v>
      </c>
      <c r="C19" s="22">
        <v>5</v>
      </c>
      <c r="D19" s="22">
        <v>9</v>
      </c>
      <c r="E19" s="21">
        <v>0</v>
      </c>
      <c r="F19" s="22">
        <v>0</v>
      </c>
      <c r="G19" s="23">
        <v>0</v>
      </c>
      <c r="H19" s="22">
        <v>93</v>
      </c>
      <c r="I19" s="22">
        <v>41</v>
      </c>
      <c r="J19" s="22">
        <v>52</v>
      </c>
      <c r="K19" s="21">
        <v>79</v>
      </c>
      <c r="L19" s="53">
        <v>36</v>
      </c>
      <c r="M19" s="54">
        <v>43</v>
      </c>
    </row>
    <row r="20" spans="1:13">
      <c r="A20" s="20" t="s">
        <v>27</v>
      </c>
      <c r="B20" s="21">
        <v>22</v>
      </c>
      <c r="C20" s="22">
        <v>11</v>
      </c>
      <c r="D20" s="22">
        <v>11</v>
      </c>
      <c r="E20" s="21">
        <v>0</v>
      </c>
      <c r="F20" s="22">
        <v>0</v>
      </c>
      <c r="G20" s="23">
        <v>0</v>
      </c>
      <c r="H20" s="22">
        <v>93</v>
      </c>
      <c r="I20" s="22">
        <v>49</v>
      </c>
      <c r="J20" s="22">
        <v>44</v>
      </c>
      <c r="K20" s="21">
        <v>71</v>
      </c>
      <c r="L20" s="53">
        <v>38</v>
      </c>
      <c r="M20" s="54">
        <v>33</v>
      </c>
    </row>
    <row r="21" spans="1:13">
      <c r="A21" s="20" t="s">
        <v>28</v>
      </c>
      <c r="B21" s="21">
        <v>21</v>
      </c>
      <c r="C21" s="22">
        <v>7</v>
      </c>
      <c r="D21" s="22">
        <v>14</v>
      </c>
      <c r="E21" s="21">
        <v>0</v>
      </c>
      <c r="F21" s="22">
        <v>0</v>
      </c>
      <c r="G21" s="23">
        <v>0</v>
      </c>
      <c r="H21" s="22">
        <v>84</v>
      </c>
      <c r="I21" s="22">
        <v>41</v>
      </c>
      <c r="J21" s="22">
        <v>43</v>
      </c>
      <c r="K21" s="21">
        <v>63</v>
      </c>
      <c r="L21" s="53">
        <v>34</v>
      </c>
      <c r="M21" s="54">
        <v>29</v>
      </c>
    </row>
    <row r="22" spans="1:13">
      <c r="A22" s="20" t="s">
        <v>29</v>
      </c>
      <c r="B22" s="21">
        <v>15</v>
      </c>
      <c r="C22" s="22">
        <v>18</v>
      </c>
      <c r="D22" s="22">
        <v>-3</v>
      </c>
      <c r="E22" s="21">
        <v>0</v>
      </c>
      <c r="F22" s="22">
        <v>0</v>
      </c>
      <c r="G22" s="23">
        <v>0</v>
      </c>
      <c r="H22" s="22">
        <v>89</v>
      </c>
      <c r="I22" s="22">
        <v>53</v>
      </c>
      <c r="J22" s="22">
        <v>36</v>
      </c>
      <c r="K22" s="21">
        <v>74</v>
      </c>
      <c r="L22" s="53">
        <v>35</v>
      </c>
      <c r="M22" s="54">
        <v>39</v>
      </c>
    </row>
    <row r="23" spans="1:13">
      <c r="A23" s="20" t="s">
        <v>30</v>
      </c>
      <c r="B23" s="21">
        <v>11</v>
      </c>
      <c r="C23" s="22">
        <v>3</v>
      </c>
      <c r="D23" s="22">
        <v>8</v>
      </c>
      <c r="E23" s="21">
        <v>1</v>
      </c>
      <c r="F23" s="22">
        <v>1</v>
      </c>
      <c r="G23" s="23">
        <v>0</v>
      </c>
      <c r="H23" s="22">
        <v>53</v>
      </c>
      <c r="I23" s="22">
        <v>25</v>
      </c>
      <c r="J23" s="22">
        <v>28</v>
      </c>
      <c r="K23" s="21">
        <v>41</v>
      </c>
      <c r="L23" s="53">
        <v>21</v>
      </c>
      <c r="M23" s="54">
        <v>20</v>
      </c>
    </row>
    <row r="24" spans="1:13" ht="20.100000000000001" customHeight="1">
      <c r="A24" s="16" t="s">
        <v>31</v>
      </c>
      <c r="B24" s="17">
        <v>261</v>
      </c>
      <c r="C24" s="18">
        <v>130</v>
      </c>
      <c r="D24" s="18">
        <v>131</v>
      </c>
      <c r="E24" s="17">
        <v>1</v>
      </c>
      <c r="F24" s="18">
        <v>1</v>
      </c>
      <c r="G24" s="19">
        <v>0</v>
      </c>
      <c r="H24" s="18">
        <v>741</v>
      </c>
      <c r="I24" s="18">
        <v>377</v>
      </c>
      <c r="J24" s="18">
        <v>364</v>
      </c>
      <c r="K24" s="17">
        <v>479</v>
      </c>
      <c r="L24" s="51">
        <v>246</v>
      </c>
      <c r="M24" s="52">
        <v>233</v>
      </c>
    </row>
    <row r="25" spans="1:13">
      <c r="A25" s="20" t="s">
        <v>32</v>
      </c>
      <c r="B25" s="21">
        <v>-5</v>
      </c>
      <c r="C25" s="22">
        <v>2</v>
      </c>
      <c r="D25" s="22">
        <v>-7</v>
      </c>
      <c r="E25" s="21">
        <v>0</v>
      </c>
      <c r="F25" s="22">
        <v>0</v>
      </c>
      <c r="G25" s="23">
        <v>0</v>
      </c>
      <c r="H25" s="22">
        <v>70</v>
      </c>
      <c r="I25" s="22">
        <v>36</v>
      </c>
      <c r="J25" s="22">
        <v>34</v>
      </c>
      <c r="K25" s="21">
        <v>75</v>
      </c>
      <c r="L25" s="53">
        <v>34</v>
      </c>
      <c r="M25" s="54">
        <v>41</v>
      </c>
    </row>
    <row r="26" spans="1:13">
      <c r="A26" s="20" t="s">
        <v>33</v>
      </c>
      <c r="B26" s="21">
        <v>3</v>
      </c>
      <c r="C26" s="22">
        <v>-4</v>
      </c>
      <c r="D26" s="22">
        <v>7</v>
      </c>
      <c r="E26" s="21">
        <v>0</v>
      </c>
      <c r="F26" s="22">
        <v>0</v>
      </c>
      <c r="G26" s="23">
        <v>0</v>
      </c>
      <c r="H26" s="22">
        <v>84</v>
      </c>
      <c r="I26" s="22">
        <v>35</v>
      </c>
      <c r="J26" s="22">
        <v>49</v>
      </c>
      <c r="K26" s="21">
        <v>81</v>
      </c>
      <c r="L26" s="53">
        <v>39</v>
      </c>
      <c r="M26" s="54">
        <v>42</v>
      </c>
    </row>
    <row r="27" spans="1:13">
      <c r="A27" s="20" t="s">
        <v>34</v>
      </c>
      <c r="B27" s="21">
        <v>8</v>
      </c>
      <c r="C27" s="22">
        <v>13</v>
      </c>
      <c r="D27" s="22">
        <v>-5</v>
      </c>
      <c r="E27" s="21">
        <v>0</v>
      </c>
      <c r="F27" s="22">
        <v>0</v>
      </c>
      <c r="G27" s="23">
        <v>0</v>
      </c>
      <c r="H27" s="22">
        <v>60</v>
      </c>
      <c r="I27" s="22">
        <v>34</v>
      </c>
      <c r="J27" s="22">
        <v>26</v>
      </c>
      <c r="K27" s="21">
        <v>52</v>
      </c>
      <c r="L27" s="53">
        <v>21</v>
      </c>
      <c r="M27" s="54">
        <v>31</v>
      </c>
    </row>
    <row r="28" spans="1:13">
      <c r="A28" s="20" t="s">
        <v>35</v>
      </c>
      <c r="B28" s="21">
        <v>68</v>
      </c>
      <c r="C28" s="22">
        <v>37</v>
      </c>
      <c r="D28" s="22">
        <v>31</v>
      </c>
      <c r="E28" s="21">
        <v>0</v>
      </c>
      <c r="F28" s="22">
        <v>0</v>
      </c>
      <c r="G28" s="23">
        <v>0</v>
      </c>
      <c r="H28" s="22">
        <v>147</v>
      </c>
      <c r="I28" s="22">
        <v>79</v>
      </c>
      <c r="J28" s="22">
        <v>68</v>
      </c>
      <c r="K28" s="21">
        <v>79</v>
      </c>
      <c r="L28" s="53">
        <v>42</v>
      </c>
      <c r="M28" s="54">
        <v>37</v>
      </c>
    </row>
    <row r="29" spans="1:13">
      <c r="A29" s="20" t="s">
        <v>36</v>
      </c>
      <c r="B29" s="21">
        <v>187</v>
      </c>
      <c r="C29" s="22">
        <v>82</v>
      </c>
      <c r="D29" s="22">
        <v>105</v>
      </c>
      <c r="E29" s="21">
        <v>1</v>
      </c>
      <c r="F29" s="22">
        <v>1</v>
      </c>
      <c r="G29" s="23">
        <v>0</v>
      </c>
      <c r="H29" s="22">
        <v>380</v>
      </c>
      <c r="I29" s="22">
        <v>193</v>
      </c>
      <c r="J29" s="22">
        <v>187</v>
      </c>
      <c r="K29" s="21">
        <v>192</v>
      </c>
      <c r="L29" s="53">
        <v>110</v>
      </c>
      <c r="M29" s="54">
        <v>82</v>
      </c>
    </row>
    <row r="30" spans="1:13" ht="20.100000000000001" customHeight="1">
      <c r="A30" s="16" t="s">
        <v>37</v>
      </c>
      <c r="B30" s="17">
        <v>-2</v>
      </c>
      <c r="C30" s="18">
        <v>-189</v>
      </c>
      <c r="D30" s="18">
        <v>187</v>
      </c>
      <c r="E30" s="17">
        <v>5</v>
      </c>
      <c r="F30" s="18">
        <v>5</v>
      </c>
      <c r="G30" s="19">
        <v>0</v>
      </c>
      <c r="H30" s="18">
        <v>2538</v>
      </c>
      <c r="I30" s="18">
        <v>1233</v>
      </c>
      <c r="J30" s="18">
        <v>1305</v>
      </c>
      <c r="K30" s="17">
        <v>2535</v>
      </c>
      <c r="L30" s="51">
        <v>1417</v>
      </c>
      <c r="M30" s="52">
        <v>1118</v>
      </c>
    </row>
    <row r="31" spans="1:13">
      <c r="A31" s="20" t="s">
        <v>38</v>
      </c>
      <c r="B31" s="21">
        <v>56</v>
      </c>
      <c r="C31" s="22">
        <v>9</v>
      </c>
      <c r="D31" s="22">
        <v>47</v>
      </c>
      <c r="E31" s="21">
        <v>0</v>
      </c>
      <c r="F31" s="22">
        <v>0</v>
      </c>
      <c r="G31" s="23">
        <v>0</v>
      </c>
      <c r="H31" s="22">
        <v>282</v>
      </c>
      <c r="I31" s="22">
        <v>139</v>
      </c>
      <c r="J31" s="22">
        <v>143</v>
      </c>
      <c r="K31" s="21">
        <v>226</v>
      </c>
      <c r="L31" s="53">
        <v>130</v>
      </c>
      <c r="M31" s="54">
        <v>96</v>
      </c>
    </row>
    <row r="32" spans="1:13">
      <c r="A32" s="20" t="s">
        <v>39</v>
      </c>
      <c r="B32" s="21">
        <v>149</v>
      </c>
      <c r="C32" s="22">
        <v>46</v>
      </c>
      <c r="D32" s="22">
        <v>103</v>
      </c>
      <c r="E32" s="21">
        <v>0</v>
      </c>
      <c r="F32" s="22">
        <v>0</v>
      </c>
      <c r="G32" s="23">
        <v>0</v>
      </c>
      <c r="H32" s="22">
        <v>434</v>
      </c>
      <c r="I32" s="22">
        <v>201</v>
      </c>
      <c r="J32" s="22">
        <v>233</v>
      </c>
      <c r="K32" s="21">
        <v>285</v>
      </c>
      <c r="L32" s="53">
        <v>155</v>
      </c>
      <c r="M32" s="54">
        <v>130</v>
      </c>
    </row>
    <row r="33" spans="1:13">
      <c r="A33" s="20" t="s">
        <v>40</v>
      </c>
      <c r="B33" s="21">
        <v>2</v>
      </c>
      <c r="C33" s="22">
        <v>-26</v>
      </c>
      <c r="D33" s="22">
        <v>28</v>
      </c>
      <c r="E33" s="21">
        <v>1</v>
      </c>
      <c r="F33" s="22">
        <v>1</v>
      </c>
      <c r="G33" s="23">
        <v>0</v>
      </c>
      <c r="H33" s="22">
        <v>469</v>
      </c>
      <c r="I33" s="22">
        <v>220</v>
      </c>
      <c r="J33" s="22">
        <v>249</v>
      </c>
      <c r="K33" s="21">
        <v>466</v>
      </c>
      <c r="L33" s="53">
        <v>245</v>
      </c>
      <c r="M33" s="54">
        <v>221</v>
      </c>
    </row>
    <row r="34" spans="1:13">
      <c r="A34" s="20" t="s">
        <v>41</v>
      </c>
      <c r="B34" s="21">
        <v>-87</v>
      </c>
      <c r="C34" s="22">
        <v>-116</v>
      </c>
      <c r="D34" s="22">
        <v>29</v>
      </c>
      <c r="E34" s="21">
        <v>3</v>
      </c>
      <c r="F34" s="22">
        <v>3</v>
      </c>
      <c r="G34" s="23">
        <v>0</v>
      </c>
      <c r="H34" s="22">
        <v>755</v>
      </c>
      <c r="I34" s="22">
        <v>378</v>
      </c>
      <c r="J34" s="22">
        <v>377</v>
      </c>
      <c r="K34" s="21">
        <v>839</v>
      </c>
      <c r="L34" s="53">
        <v>491</v>
      </c>
      <c r="M34" s="54">
        <v>348</v>
      </c>
    </row>
    <row r="35" spans="1:13">
      <c r="A35" s="20" t="s">
        <v>42</v>
      </c>
      <c r="B35" s="21">
        <v>-122</v>
      </c>
      <c r="C35" s="22">
        <v>-102</v>
      </c>
      <c r="D35" s="22">
        <v>-20</v>
      </c>
      <c r="E35" s="21">
        <v>1</v>
      </c>
      <c r="F35" s="22">
        <v>1</v>
      </c>
      <c r="G35" s="23">
        <v>0</v>
      </c>
      <c r="H35" s="22">
        <v>598</v>
      </c>
      <c r="I35" s="22">
        <v>295</v>
      </c>
      <c r="J35" s="22">
        <v>303</v>
      </c>
      <c r="K35" s="21">
        <v>719</v>
      </c>
      <c r="L35" s="53">
        <v>396</v>
      </c>
      <c r="M35" s="54">
        <v>323</v>
      </c>
    </row>
    <row r="36" spans="1:13" ht="20.100000000000001" customHeight="1">
      <c r="A36" s="16" t="s">
        <v>43</v>
      </c>
      <c r="B36" s="17">
        <v>-97</v>
      </c>
      <c r="C36" s="18">
        <v>-76</v>
      </c>
      <c r="D36" s="18">
        <v>-21</v>
      </c>
      <c r="E36" s="17">
        <v>2</v>
      </c>
      <c r="F36" s="18">
        <v>0</v>
      </c>
      <c r="G36" s="19">
        <v>2</v>
      </c>
      <c r="H36" s="18">
        <v>3231</v>
      </c>
      <c r="I36" s="18">
        <v>1639</v>
      </c>
      <c r="J36" s="18">
        <v>1592</v>
      </c>
      <c r="K36" s="17">
        <v>3326</v>
      </c>
      <c r="L36" s="51">
        <v>1715</v>
      </c>
      <c r="M36" s="52">
        <v>1611</v>
      </c>
    </row>
    <row r="37" spans="1:13">
      <c r="A37" s="20" t="s">
        <v>44</v>
      </c>
      <c r="B37" s="21">
        <v>-55</v>
      </c>
      <c r="C37" s="22">
        <v>-40</v>
      </c>
      <c r="D37" s="22">
        <v>-15</v>
      </c>
      <c r="E37" s="21">
        <v>1</v>
      </c>
      <c r="F37" s="22">
        <v>0</v>
      </c>
      <c r="G37" s="23">
        <v>1</v>
      </c>
      <c r="H37" s="22">
        <v>698</v>
      </c>
      <c r="I37" s="22">
        <v>361</v>
      </c>
      <c r="J37" s="22">
        <v>337</v>
      </c>
      <c r="K37" s="21">
        <v>752</v>
      </c>
      <c r="L37" s="53">
        <v>401</v>
      </c>
      <c r="M37" s="54">
        <v>351</v>
      </c>
    </row>
    <row r="38" spans="1:13">
      <c r="A38" s="20" t="s">
        <v>45</v>
      </c>
      <c r="B38" s="21">
        <v>-85</v>
      </c>
      <c r="C38" s="22">
        <v>-63</v>
      </c>
      <c r="D38" s="22">
        <v>-22</v>
      </c>
      <c r="E38" s="21">
        <v>0</v>
      </c>
      <c r="F38" s="22">
        <v>0</v>
      </c>
      <c r="G38" s="23">
        <v>0</v>
      </c>
      <c r="H38" s="22">
        <v>612</v>
      </c>
      <c r="I38" s="22">
        <v>309</v>
      </c>
      <c r="J38" s="22">
        <v>303</v>
      </c>
      <c r="K38" s="21">
        <v>697</v>
      </c>
      <c r="L38" s="53">
        <v>372</v>
      </c>
      <c r="M38" s="54">
        <v>325</v>
      </c>
    </row>
    <row r="39" spans="1:13">
      <c r="A39" s="20" t="s">
        <v>46</v>
      </c>
      <c r="B39" s="21">
        <v>-38</v>
      </c>
      <c r="C39" s="22">
        <v>-21</v>
      </c>
      <c r="D39" s="22">
        <v>-17</v>
      </c>
      <c r="E39" s="21">
        <v>1</v>
      </c>
      <c r="F39" s="22">
        <v>0</v>
      </c>
      <c r="G39" s="23">
        <v>1</v>
      </c>
      <c r="H39" s="22">
        <v>658</v>
      </c>
      <c r="I39" s="22">
        <v>328</v>
      </c>
      <c r="J39" s="22">
        <v>330</v>
      </c>
      <c r="K39" s="21">
        <v>695</v>
      </c>
      <c r="L39" s="53">
        <v>349</v>
      </c>
      <c r="M39" s="54">
        <v>346</v>
      </c>
    </row>
    <row r="40" spans="1:13">
      <c r="A40" s="20" t="s">
        <v>47</v>
      </c>
      <c r="B40" s="21">
        <v>-1</v>
      </c>
      <c r="C40" s="22">
        <v>15</v>
      </c>
      <c r="D40" s="22">
        <v>-16</v>
      </c>
      <c r="E40" s="21">
        <v>0</v>
      </c>
      <c r="F40" s="22">
        <v>0</v>
      </c>
      <c r="G40" s="23">
        <v>0</v>
      </c>
      <c r="H40" s="22">
        <v>639</v>
      </c>
      <c r="I40" s="22">
        <v>320</v>
      </c>
      <c r="J40" s="22">
        <v>319</v>
      </c>
      <c r="K40" s="21">
        <v>640</v>
      </c>
      <c r="L40" s="53">
        <v>305</v>
      </c>
      <c r="M40" s="54">
        <v>335</v>
      </c>
    </row>
    <row r="41" spans="1:13">
      <c r="A41" s="20" t="s">
        <v>48</v>
      </c>
      <c r="B41" s="21">
        <v>82</v>
      </c>
      <c r="C41" s="22">
        <v>33</v>
      </c>
      <c r="D41" s="22">
        <v>49</v>
      </c>
      <c r="E41" s="21">
        <v>0</v>
      </c>
      <c r="F41" s="22">
        <v>0</v>
      </c>
      <c r="G41" s="23">
        <v>0</v>
      </c>
      <c r="H41" s="22">
        <v>624</v>
      </c>
      <c r="I41" s="22">
        <v>321</v>
      </c>
      <c r="J41" s="22">
        <v>303</v>
      </c>
      <c r="K41" s="21">
        <v>542</v>
      </c>
      <c r="L41" s="53">
        <v>288</v>
      </c>
      <c r="M41" s="54">
        <v>254</v>
      </c>
    </row>
    <row r="42" spans="1:13" ht="20.100000000000001" customHeight="1">
      <c r="A42" s="16" t="s">
        <v>49</v>
      </c>
      <c r="B42" s="17">
        <v>-80</v>
      </c>
      <c r="C42" s="18">
        <v>-22</v>
      </c>
      <c r="D42" s="18">
        <v>-58</v>
      </c>
      <c r="E42" s="17">
        <v>2</v>
      </c>
      <c r="F42" s="18">
        <v>2</v>
      </c>
      <c r="G42" s="19">
        <v>0</v>
      </c>
      <c r="H42" s="18">
        <v>2354</v>
      </c>
      <c r="I42" s="18">
        <v>1197</v>
      </c>
      <c r="J42" s="18">
        <v>1157</v>
      </c>
      <c r="K42" s="17">
        <v>2432</v>
      </c>
      <c r="L42" s="51">
        <v>1217</v>
      </c>
      <c r="M42" s="52">
        <v>1215</v>
      </c>
    </row>
    <row r="43" spans="1:13">
      <c r="A43" s="20" t="s">
        <v>50</v>
      </c>
      <c r="B43" s="21">
        <v>-88</v>
      </c>
      <c r="C43" s="22">
        <v>-28</v>
      </c>
      <c r="D43" s="22">
        <v>-60</v>
      </c>
      <c r="E43" s="21">
        <v>0</v>
      </c>
      <c r="F43" s="22">
        <v>0</v>
      </c>
      <c r="G43" s="23">
        <v>0</v>
      </c>
      <c r="H43" s="22">
        <v>515</v>
      </c>
      <c r="I43" s="22">
        <v>268</v>
      </c>
      <c r="J43" s="22">
        <v>247</v>
      </c>
      <c r="K43" s="21">
        <v>603</v>
      </c>
      <c r="L43" s="53">
        <v>296</v>
      </c>
      <c r="M43" s="54">
        <v>307</v>
      </c>
    </row>
    <row r="44" spans="1:13">
      <c r="A44" s="20" t="s">
        <v>51</v>
      </c>
      <c r="B44" s="21">
        <v>17</v>
      </c>
      <c r="C44" s="22">
        <v>-11</v>
      </c>
      <c r="D44" s="22">
        <v>28</v>
      </c>
      <c r="E44" s="21">
        <v>1</v>
      </c>
      <c r="F44" s="22">
        <v>1</v>
      </c>
      <c r="G44" s="23">
        <v>0</v>
      </c>
      <c r="H44" s="22">
        <v>527</v>
      </c>
      <c r="I44" s="22">
        <v>252</v>
      </c>
      <c r="J44" s="22">
        <v>275</v>
      </c>
      <c r="K44" s="21">
        <v>509</v>
      </c>
      <c r="L44" s="53">
        <v>262</v>
      </c>
      <c r="M44" s="54">
        <v>247</v>
      </c>
    </row>
    <row r="45" spans="1:13">
      <c r="A45" s="20" t="s">
        <v>52</v>
      </c>
      <c r="B45" s="21">
        <v>-39</v>
      </c>
      <c r="C45" s="22">
        <v>-12</v>
      </c>
      <c r="D45" s="22">
        <v>-27</v>
      </c>
      <c r="E45" s="21">
        <v>1</v>
      </c>
      <c r="F45" s="22">
        <v>1</v>
      </c>
      <c r="G45" s="23">
        <v>0</v>
      </c>
      <c r="H45" s="22">
        <v>433</v>
      </c>
      <c r="I45" s="22">
        <v>228</v>
      </c>
      <c r="J45" s="22">
        <v>205</v>
      </c>
      <c r="K45" s="21">
        <v>471</v>
      </c>
      <c r="L45" s="53">
        <v>239</v>
      </c>
      <c r="M45" s="54">
        <v>232</v>
      </c>
    </row>
    <row r="46" spans="1:13">
      <c r="A46" s="20" t="s">
        <v>53</v>
      </c>
      <c r="B46" s="21">
        <v>10</v>
      </c>
      <c r="C46" s="22">
        <v>21</v>
      </c>
      <c r="D46" s="22">
        <v>-11</v>
      </c>
      <c r="E46" s="21">
        <v>0</v>
      </c>
      <c r="F46" s="22">
        <v>0</v>
      </c>
      <c r="G46" s="23">
        <v>0</v>
      </c>
      <c r="H46" s="22">
        <v>459</v>
      </c>
      <c r="I46" s="22">
        <v>234</v>
      </c>
      <c r="J46" s="22">
        <v>225</v>
      </c>
      <c r="K46" s="21">
        <v>449</v>
      </c>
      <c r="L46" s="53">
        <v>213</v>
      </c>
      <c r="M46" s="54">
        <v>236</v>
      </c>
    </row>
    <row r="47" spans="1:13">
      <c r="A47" s="20" t="s">
        <v>54</v>
      </c>
      <c r="B47" s="21">
        <v>20</v>
      </c>
      <c r="C47" s="22">
        <v>8</v>
      </c>
      <c r="D47" s="22">
        <v>12</v>
      </c>
      <c r="E47" s="21">
        <v>0</v>
      </c>
      <c r="F47" s="22">
        <v>0</v>
      </c>
      <c r="G47" s="23">
        <v>0</v>
      </c>
      <c r="H47" s="22">
        <v>420</v>
      </c>
      <c r="I47" s="22">
        <v>215</v>
      </c>
      <c r="J47" s="22">
        <v>205</v>
      </c>
      <c r="K47" s="21">
        <v>400</v>
      </c>
      <c r="L47" s="53">
        <v>207</v>
      </c>
      <c r="M47" s="54">
        <v>193</v>
      </c>
    </row>
    <row r="48" spans="1:13" ht="20.100000000000001" customHeight="1">
      <c r="A48" s="16" t="s">
        <v>55</v>
      </c>
      <c r="B48" s="17">
        <v>4</v>
      </c>
      <c r="C48" s="18">
        <v>-65</v>
      </c>
      <c r="D48" s="18">
        <v>69</v>
      </c>
      <c r="E48" s="17">
        <v>9</v>
      </c>
      <c r="F48" s="18">
        <v>5</v>
      </c>
      <c r="G48" s="19">
        <v>4</v>
      </c>
      <c r="H48" s="18">
        <v>1781</v>
      </c>
      <c r="I48" s="18">
        <v>876</v>
      </c>
      <c r="J48" s="18">
        <v>905</v>
      </c>
      <c r="K48" s="17">
        <v>1768</v>
      </c>
      <c r="L48" s="51">
        <v>936</v>
      </c>
      <c r="M48" s="52">
        <v>832</v>
      </c>
    </row>
    <row r="49" spans="1:13">
      <c r="A49" s="20" t="s">
        <v>56</v>
      </c>
      <c r="B49" s="21">
        <v>-2</v>
      </c>
      <c r="C49" s="22">
        <v>-1</v>
      </c>
      <c r="D49" s="22">
        <v>-1</v>
      </c>
      <c r="E49" s="21">
        <v>1</v>
      </c>
      <c r="F49" s="22">
        <v>1</v>
      </c>
      <c r="G49" s="23">
        <v>0</v>
      </c>
      <c r="H49" s="22">
        <v>405</v>
      </c>
      <c r="I49" s="22">
        <v>198</v>
      </c>
      <c r="J49" s="22">
        <v>207</v>
      </c>
      <c r="K49" s="21">
        <v>406</v>
      </c>
      <c r="L49" s="53">
        <v>198</v>
      </c>
      <c r="M49" s="54">
        <v>208</v>
      </c>
    </row>
    <row r="50" spans="1:13">
      <c r="A50" s="20" t="s">
        <v>57</v>
      </c>
      <c r="B50" s="21">
        <v>-30</v>
      </c>
      <c r="C50" s="22">
        <v>-38</v>
      </c>
      <c r="D50" s="22">
        <v>8</v>
      </c>
      <c r="E50" s="21">
        <v>1</v>
      </c>
      <c r="F50" s="22">
        <v>0</v>
      </c>
      <c r="G50" s="23">
        <v>1</v>
      </c>
      <c r="H50" s="22">
        <v>368</v>
      </c>
      <c r="I50" s="22">
        <v>181</v>
      </c>
      <c r="J50" s="22">
        <v>187</v>
      </c>
      <c r="K50" s="21">
        <v>397</v>
      </c>
      <c r="L50" s="53">
        <v>219</v>
      </c>
      <c r="M50" s="54">
        <v>178</v>
      </c>
    </row>
    <row r="51" spans="1:13">
      <c r="A51" s="20" t="s">
        <v>58</v>
      </c>
      <c r="B51" s="21">
        <v>4</v>
      </c>
      <c r="C51" s="22">
        <v>-19</v>
      </c>
      <c r="D51" s="22">
        <v>23</v>
      </c>
      <c r="E51" s="21">
        <v>4</v>
      </c>
      <c r="F51" s="22">
        <v>1</v>
      </c>
      <c r="G51" s="23">
        <v>3</v>
      </c>
      <c r="H51" s="22">
        <v>359</v>
      </c>
      <c r="I51" s="22">
        <v>175</v>
      </c>
      <c r="J51" s="22">
        <v>184</v>
      </c>
      <c r="K51" s="21">
        <v>351</v>
      </c>
      <c r="L51" s="53">
        <v>193</v>
      </c>
      <c r="M51" s="54">
        <v>158</v>
      </c>
    </row>
    <row r="52" spans="1:13">
      <c r="A52" s="20" t="s">
        <v>59</v>
      </c>
      <c r="B52" s="21">
        <v>20</v>
      </c>
      <c r="C52" s="22">
        <v>10</v>
      </c>
      <c r="D52" s="22">
        <v>10</v>
      </c>
      <c r="E52" s="21">
        <v>1</v>
      </c>
      <c r="F52" s="22">
        <v>1</v>
      </c>
      <c r="G52" s="23">
        <v>0</v>
      </c>
      <c r="H52" s="22">
        <v>341</v>
      </c>
      <c r="I52" s="22">
        <v>179</v>
      </c>
      <c r="J52" s="22">
        <v>162</v>
      </c>
      <c r="K52" s="21">
        <v>320</v>
      </c>
      <c r="L52" s="53">
        <v>168</v>
      </c>
      <c r="M52" s="54">
        <v>152</v>
      </c>
    </row>
    <row r="53" spans="1:13">
      <c r="A53" s="20" t="s">
        <v>60</v>
      </c>
      <c r="B53" s="21">
        <v>12</v>
      </c>
      <c r="C53" s="22">
        <v>-17</v>
      </c>
      <c r="D53" s="22">
        <v>29</v>
      </c>
      <c r="E53" s="21">
        <v>2</v>
      </c>
      <c r="F53" s="22">
        <v>2</v>
      </c>
      <c r="G53" s="23">
        <v>0</v>
      </c>
      <c r="H53" s="22">
        <v>308</v>
      </c>
      <c r="I53" s="22">
        <v>143</v>
      </c>
      <c r="J53" s="22">
        <v>165</v>
      </c>
      <c r="K53" s="21">
        <v>294</v>
      </c>
      <c r="L53" s="53">
        <v>158</v>
      </c>
      <c r="M53" s="54">
        <v>136</v>
      </c>
    </row>
    <row r="54" spans="1:13" ht="20.100000000000001" customHeight="1">
      <c r="A54" s="16" t="s">
        <v>61</v>
      </c>
      <c r="B54" s="17">
        <v>141</v>
      </c>
      <c r="C54" s="18">
        <v>99</v>
      </c>
      <c r="D54" s="18">
        <v>42</v>
      </c>
      <c r="E54" s="17">
        <v>14</v>
      </c>
      <c r="F54" s="18">
        <v>9</v>
      </c>
      <c r="G54" s="19">
        <v>5</v>
      </c>
      <c r="H54" s="18">
        <v>1253</v>
      </c>
      <c r="I54" s="18">
        <v>678</v>
      </c>
      <c r="J54" s="18">
        <v>575</v>
      </c>
      <c r="K54" s="17">
        <v>1098</v>
      </c>
      <c r="L54" s="51">
        <v>570</v>
      </c>
      <c r="M54" s="52">
        <v>528</v>
      </c>
    </row>
    <row r="55" spans="1:13">
      <c r="A55" s="20" t="s">
        <v>62</v>
      </c>
      <c r="B55" s="21">
        <v>23</v>
      </c>
      <c r="C55" s="22">
        <v>27</v>
      </c>
      <c r="D55" s="22">
        <v>-4</v>
      </c>
      <c r="E55" s="21">
        <v>1</v>
      </c>
      <c r="F55" s="22">
        <v>1</v>
      </c>
      <c r="G55" s="23">
        <v>0</v>
      </c>
      <c r="H55" s="22">
        <v>285</v>
      </c>
      <c r="I55" s="22">
        <v>159</v>
      </c>
      <c r="J55" s="22">
        <v>126</v>
      </c>
      <c r="K55" s="21">
        <v>261</v>
      </c>
      <c r="L55" s="53">
        <v>131</v>
      </c>
      <c r="M55" s="54">
        <v>130</v>
      </c>
    </row>
    <row r="56" spans="1:13">
      <c r="A56" s="20" t="s">
        <v>63</v>
      </c>
      <c r="B56" s="21">
        <v>24</v>
      </c>
      <c r="C56" s="22">
        <v>9</v>
      </c>
      <c r="D56" s="22">
        <v>15</v>
      </c>
      <c r="E56" s="21">
        <v>1</v>
      </c>
      <c r="F56" s="22">
        <v>0</v>
      </c>
      <c r="G56" s="23">
        <v>1</v>
      </c>
      <c r="H56" s="22">
        <v>256</v>
      </c>
      <c r="I56" s="22">
        <v>141</v>
      </c>
      <c r="J56" s="22">
        <v>115</v>
      </c>
      <c r="K56" s="21">
        <v>231</v>
      </c>
      <c r="L56" s="53">
        <v>132</v>
      </c>
      <c r="M56" s="54">
        <v>99</v>
      </c>
    </row>
    <row r="57" spans="1:13">
      <c r="A57" s="20" t="s">
        <v>64</v>
      </c>
      <c r="B57" s="21">
        <v>31</v>
      </c>
      <c r="C57" s="22">
        <v>30</v>
      </c>
      <c r="D57" s="22">
        <v>1</v>
      </c>
      <c r="E57" s="21">
        <v>2</v>
      </c>
      <c r="F57" s="22">
        <v>1</v>
      </c>
      <c r="G57" s="23">
        <v>1</v>
      </c>
      <c r="H57" s="22">
        <v>237</v>
      </c>
      <c r="I57" s="22">
        <v>135</v>
      </c>
      <c r="J57" s="22">
        <v>102</v>
      </c>
      <c r="K57" s="21">
        <v>204</v>
      </c>
      <c r="L57" s="53">
        <v>104</v>
      </c>
      <c r="M57" s="54">
        <v>100</v>
      </c>
    </row>
    <row r="58" spans="1:13">
      <c r="A58" s="20" t="s">
        <v>65</v>
      </c>
      <c r="B58" s="21">
        <v>45</v>
      </c>
      <c r="C58" s="22">
        <v>24</v>
      </c>
      <c r="D58" s="22">
        <v>21</v>
      </c>
      <c r="E58" s="21">
        <v>5</v>
      </c>
      <c r="F58" s="22">
        <v>3</v>
      </c>
      <c r="G58" s="23">
        <v>2</v>
      </c>
      <c r="H58" s="22">
        <v>239</v>
      </c>
      <c r="I58" s="22">
        <v>125</v>
      </c>
      <c r="J58" s="22">
        <v>114</v>
      </c>
      <c r="K58" s="21">
        <v>189</v>
      </c>
      <c r="L58" s="53">
        <v>98</v>
      </c>
      <c r="M58" s="54">
        <v>91</v>
      </c>
    </row>
    <row r="59" spans="1:13">
      <c r="A59" s="20" t="s">
        <v>66</v>
      </c>
      <c r="B59" s="21">
        <v>18</v>
      </c>
      <c r="C59" s="22">
        <v>9</v>
      </c>
      <c r="D59" s="22">
        <v>9</v>
      </c>
      <c r="E59" s="21">
        <v>5</v>
      </c>
      <c r="F59" s="22">
        <v>4</v>
      </c>
      <c r="G59" s="23">
        <v>1</v>
      </c>
      <c r="H59" s="22">
        <v>236</v>
      </c>
      <c r="I59" s="22">
        <v>118</v>
      </c>
      <c r="J59" s="22">
        <v>118</v>
      </c>
      <c r="K59" s="21">
        <v>213</v>
      </c>
      <c r="L59" s="53">
        <v>105</v>
      </c>
      <c r="M59" s="54">
        <v>108</v>
      </c>
    </row>
    <row r="60" spans="1:13" ht="20.100000000000001" customHeight="1">
      <c r="A60" s="16" t="s">
        <v>67</v>
      </c>
      <c r="B60" s="17">
        <v>33</v>
      </c>
      <c r="C60" s="18">
        <v>-4</v>
      </c>
      <c r="D60" s="18">
        <v>37</v>
      </c>
      <c r="E60" s="17">
        <v>24</v>
      </c>
      <c r="F60" s="18">
        <v>8</v>
      </c>
      <c r="G60" s="19">
        <v>16</v>
      </c>
      <c r="H60" s="18">
        <v>1007</v>
      </c>
      <c r="I60" s="18">
        <v>516</v>
      </c>
      <c r="J60" s="18">
        <v>491</v>
      </c>
      <c r="K60" s="17">
        <v>950</v>
      </c>
      <c r="L60" s="51">
        <v>512</v>
      </c>
      <c r="M60" s="52">
        <v>438</v>
      </c>
    </row>
    <row r="61" spans="1:13">
      <c r="A61" s="20" t="s">
        <v>68</v>
      </c>
      <c r="B61" s="21">
        <v>17</v>
      </c>
      <c r="C61" s="22">
        <v>16</v>
      </c>
      <c r="D61" s="22">
        <v>1</v>
      </c>
      <c r="E61" s="21">
        <v>3</v>
      </c>
      <c r="F61" s="22">
        <v>1</v>
      </c>
      <c r="G61" s="23">
        <v>2</v>
      </c>
      <c r="H61" s="22">
        <v>233</v>
      </c>
      <c r="I61" s="22">
        <v>131</v>
      </c>
      <c r="J61" s="22">
        <v>102</v>
      </c>
      <c r="K61" s="21">
        <v>213</v>
      </c>
      <c r="L61" s="53">
        <v>114</v>
      </c>
      <c r="M61" s="54">
        <v>99</v>
      </c>
    </row>
    <row r="62" spans="1:13">
      <c r="A62" s="20" t="s">
        <v>69</v>
      </c>
      <c r="B62" s="21">
        <v>-9</v>
      </c>
      <c r="C62" s="22">
        <v>-7</v>
      </c>
      <c r="D62" s="22">
        <v>-2</v>
      </c>
      <c r="E62" s="21">
        <v>5</v>
      </c>
      <c r="F62" s="22">
        <v>3</v>
      </c>
      <c r="G62" s="23">
        <v>2</v>
      </c>
      <c r="H62" s="22">
        <v>217</v>
      </c>
      <c r="I62" s="22">
        <v>110</v>
      </c>
      <c r="J62" s="22">
        <v>107</v>
      </c>
      <c r="K62" s="21">
        <v>221</v>
      </c>
      <c r="L62" s="53">
        <v>114</v>
      </c>
      <c r="M62" s="54">
        <v>107</v>
      </c>
    </row>
    <row r="63" spans="1:13">
      <c r="A63" s="20" t="s">
        <v>70</v>
      </c>
      <c r="B63" s="21">
        <v>17</v>
      </c>
      <c r="C63" s="22">
        <v>-9</v>
      </c>
      <c r="D63" s="22">
        <v>26</v>
      </c>
      <c r="E63" s="21">
        <v>5</v>
      </c>
      <c r="F63" s="22">
        <v>1</v>
      </c>
      <c r="G63" s="23">
        <v>4</v>
      </c>
      <c r="H63" s="22">
        <v>190</v>
      </c>
      <c r="I63" s="22">
        <v>91</v>
      </c>
      <c r="J63" s="22">
        <v>99</v>
      </c>
      <c r="K63" s="21">
        <v>168</v>
      </c>
      <c r="L63" s="53">
        <v>99</v>
      </c>
      <c r="M63" s="54">
        <v>69</v>
      </c>
    </row>
    <row r="64" spans="1:13">
      <c r="A64" s="20" t="s">
        <v>71</v>
      </c>
      <c r="B64" s="21">
        <v>-10</v>
      </c>
      <c r="C64" s="22">
        <v>-3</v>
      </c>
      <c r="D64" s="22">
        <v>-7</v>
      </c>
      <c r="E64" s="21">
        <v>5</v>
      </c>
      <c r="F64" s="22">
        <v>1</v>
      </c>
      <c r="G64" s="23">
        <v>4</v>
      </c>
      <c r="H64" s="22">
        <v>179</v>
      </c>
      <c r="I64" s="22">
        <v>96</v>
      </c>
      <c r="J64" s="22">
        <v>83</v>
      </c>
      <c r="K64" s="21">
        <v>184</v>
      </c>
      <c r="L64" s="53">
        <v>98</v>
      </c>
      <c r="M64" s="54">
        <v>86</v>
      </c>
    </row>
    <row r="65" spans="1:13">
      <c r="A65" s="24" t="s">
        <v>72</v>
      </c>
      <c r="B65" s="25">
        <v>18</v>
      </c>
      <c r="C65" s="26">
        <v>-1</v>
      </c>
      <c r="D65" s="26">
        <v>19</v>
      </c>
      <c r="E65" s="25">
        <v>6</v>
      </c>
      <c r="F65" s="26">
        <v>2</v>
      </c>
      <c r="G65" s="27">
        <v>4</v>
      </c>
      <c r="H65" s="26">
        <v>188</v>
      </c>
      <c r="I65" s="26">
        <v>88</v>
      </c>
      <c r="J65" s="26">
        <v>100</v>
      </c>
      <c r="K65" s="25">
        <v>164</v>
      </c>
      <c r="L65" s="55">
        <v>87</v>
      </c>
      <c r="M65" s="56">
        <v>7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045</v>
      </c>
      <c r="C69" s="58">
        <v>1057</v>
      </c>
      <c r="D69" s="59">
        <v>98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045</v>
      </c>
      <c r="C70" s="61">
        <v>1057</v>
      </c>
      <c r="D70" s="62">
        <v>988</v>
      </c>
    </row>
    <row r="71" spans="1:13">
      <c r="A71" s="24" t="s">
        <v>14</v>
      </c>
      <c r="B71" s="63">
        <v>2045</v>
      </c>
      <c r="C71" s="64">
        <v>1057</v>
      </c>
      <c r="D71" s="65">
        <v>988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68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43</v>
      </c>
      <c r="C77" s="18">
        <v>-17</v>
      </c>
      <c r="D77" s="18">
        <v>-26</v>
      </c>
      <c r="E77" s="17">
        <v>37</v>
      </c>
      <c r="F77" s="18">
        <v>24</v>
      </c>
      <c r="G77" s="19">
        <v>13</v>
      </c>
      <c r="H77" s="18">
        <v>817</v>
      </c>
      <c r="I77" s="18">
        <v>437</v>
      </c>
      <c r="J77" s="18">
        <v>380</v>
      </c>
      <c r="K77" s="17">
        <v>823</v>
      </c>
      <c r="L77" s="51">
        <v>430</v>
      </c>
      <c r="M77" s="52">
        <v>393</v>
      </c>
    </row>
    <row r="78" spans="1:13">
      <c r="A78" s="40" t="s">
        <v>81</v>
      </c>
      <c r="B78" s="21">
        <v>-29</v>
      </c>
      <c r="C78" s="22">
        <v>-22</v>
      </c>
      <c r="D78" s="22">
        <v>-7</v>
      </c>
      <c r="E78" s="21">
        <v>6</v>
      </c>
      <c r="F78" s="22">
        <v>4</v>
      </c>
      <c r="G78" s="23">
        <v>2</v>
      </c>
      <c r="H78" s="22">
        <v>150</v>
      </c>
      <c r="I78" s="22">
        <v>77</v>
      </c>
      <c r="J78" s="22">
        <v>73</v>
      </c>
      <c r="K78" s="21">
        <v>173</v>
      </c>
      <c r="L78" s="53">
        <v>95</v>
      </c>
      <c r="M78" s="54">
        <v>78</v>
      </c>
    </row>
    <row r="79" spans="1:13">
      <c r="A79" s="40" t="s">
        <v>82</v>
      </c>
      <c r="B79" s="21">
        <v>-13</v>
      </c>
      <c r="C79" s="22">
        <v>-6</v>
      </c>
      <c r="D79" s="22">
        <v>-7</v>
      </c>
      <c r="E79" s="21">
        <v>7</v>
      </c>
      <c r="F79" s="22">
        <v>6</v>
      </c>
      <c r="G79" s="23">
        <v>1</v>
      </c>
      <c r="H79" s="22">
        <v>181</v>
      </c>
      <c r="I79" s="22">
        <v>97</v>
      </c>
      <c r="J79" s="22">
        <v>84</v>
      </c>
      <c r="K79" s="21">
        <v>187</v>
      </c>
      <c r="L79" s="53">
        <v>97</v>
      </c>
      <c r="M79" s="54">
        <v>90</v>
      </c>
    </row>
    <row r="80" spans="1:13">
      <c r="A80" s="40" t="s">
        <v>83</v>
      </c>
      <c r="B80" s="21">
        <v>12</v>
      </c>
      <c r="C80" s="22">
        <v>10</v>
      </c>
      <c r="D80" s="22">
        <v>2</v>
      </c>
      <c r="E80" s="21">
        <v>6</v>
      </c>
      <c r="F80" s="22">
        <v>4</v>
      </c>
      <c r="G80" s="23">
        <v>2</v>
      </c>
      <c r="H80" s="22">
        <v>191</v>
      </c>
      <c r="I80" s="22">
        <v>106</v>
      </c>
      <c r="J80" s="22">
        <v>85</v>
      </c>
      <c r="K80" s="21">
        <v>173</v>
      </c>
      <c r="L80" s="53">
        <v>92</v>
      </c>
      <c r="M80" s="54">
        <v>81</v>
      </c>
    </row>
    <row r="81" spans="1:13">
      <c r="A81" s="40" t="s">
        <v>84</v>
      </c>
      <c r="B81" s="21">
        <v>-2</v>
      </c>
      <c r="C81" s="22">
        <v>15</v>
      </c>
      <c r="D81" s="22">
        <v>-17</v>
      </c>
      <c r="E81" s="21">
        <v>6</v>
      </c>
      <c r="F81" s="22">
        <v>3</v>
      </c>
      <c r="G81" s="23">
        <v>3</v>
      </c>
      <c r="H81" s="22">
        <v>123</v>
      </c>
      <c r="I81" s="22">
        <v>73</v>
      </c>
      <c r="J81" s="22">
        <v>50</v>
      </c>
      <c r="K81" s="21">
        <v>119</v>
      </c>
      <c r="L81" s="53">
        <v>55</v>
      </c>
      <c r="M81" s="54">
        <v>64</v>
      </c>
    </row>
    <row r="82" spans="1:13">
      <c r="A82" s="40" t="s">
        <v>85</v>
      </c>
      <c r="B82" s="21">
        <v>-11</v>
      </c>
      <c r="C82" s="22">
        <v>-14</v>
      </c>
      <c r="D82" s="22">
        <v>3</v>
      </c>
      <c r="E82" s="21">
        <v>12</v>
      </c>
      <c r="F82" s="22">
        <v>7</v>
      </c>
      <c r="G82" s="23">
        <v>5</v>
      </c>
      <c r="H82" s="22">
        <v>172</v>
      </c>
      <c r="I82" s="22">
        <v>84</v>
      </c>
      <c r="J82" s="22">
        <v>88</v>
      </c>
      <c r="K82" s="21">
        <v>171</v>
      </c>
      <c r="L82" s="53">
        <v>91</v>
      </c>
      <c r="M82" s="54">
        <v>80</v>
      </c>
    </row>
    <row r="83" spans="1:13" ht="19.5" customHeight="1">
      <c r="A83" s="34" t="s">
        <v>86</v>
      </c>
      <c r="B83" s="17">
        <v>-97</v>
      </c>
      <c r="C83" s="18">
        <v>-64</v>
      </c>
      <c r="D83" s="18">
        <v>-33</v>
      </c>
      <c r="E83" s="17">
        <v>65</v>
      </c>
      <c r="F83" s="18">
        <v>35</v>
      </c>
      <c r="G83" s="19">
        <v>30</v>
      </c>
      <c r="H83" s="18">
        <v>560</v>
      </c>
      <c r="I83" s="18">
        <v>329</v>
      </c>
      <c r="J83" s="18">
        <v>231</v>
      </c>
      <c r="K83" s="17">
        <v>592</v>
      </c>
      <c r="L83" s="51">
        <v>358</v>
      </c>
      <c r="M83" s="52">
        <v>234</v>
      </c>
    </row>
    <row r="84" spans="1:13">
      <c r="A84" s="40" t="s">
        <v>87</v>
      </c>
      <c r="B84" s="21">
        <v>-43</v>
      </c>
      <c r="C84" s="22">
        <v>-31</v>
      </c>
      <c r="D84" s="22">
        <v>-12</v>
      </c>
      <c r="E84" s="21">
        <v>11</v>
      </c>
      <c r="F84" s="22">
        <v>5</v>
      </c>
      <c r="G84" s="23">
        <v>6</v>
      </c>
      <c r="H84" s="22">
        <v>117</v>
      </c>
      <c r="I84" s="22">
        <v>69</v>
      </c>
      <c r="J84" s="22">
        <v>48</v>
      </c>
      <c r="K84" s="21">
        <v>149</v>
      </c>
      <c r="L84" s="53">
        <v>95</v>
      </c>
      <c r="M84" s="54">
        <v>54</v>
      </c>
    </row>
    <row r="85" spans="1:13">
      <c r="A85" s="40" t="s">
        <v>88</v>
      </c>
      <c r="B85" s="21">
        <v>-3</v>
      </c>
      <c r="C85" s="22">
        <v>2</v>
      </c>
      <c r="D85" s="22">
        <v>-5</v>
      </c>
      <c r="E85" s="21">
        <v>17</v>
      </c>
      <c r="F85" s="22">
        <v>10</v>
      </c>
      <c r="G85" s="23">
        <v>7</v>
      </c>
      <c r="H85" s="22">
        <v>140</v>
      </c>
      <c r="I85" s="22">
        <v>88</v>
      </c>
      <c r="J85" s="22">
        <v>52</v>
      </c>
      <c r="K85" s="21">
        <v>126</v>
      </c>
      <c r="L85" s="53">
        <v>76</v>
      </c>
      <c r="M85" s="54">
        <v>50</v>
      </c>
    </row>
    <row r="86" spans="1:13">
      <c r="A86" s="40" t="s">
        <v>89</v>
      </c>
      <c r="B86" s="21">
        <v>-22</v>
      </c>
      <c r="C86" s="22">
        <v>-14</v>
      </c>
      <c r="D86" s="22">
        <v>-8</v>
      </c>
      <c r="E86" s="21">
        <v>11</v>
      </c>
      <c r="F86" s="22">
        <v>5</v>
      </c>
      <c r="G86" s="23">
        <v>6</v>
      </c>
      <c r="H86" s="22">
        <v>101</v>
      </c>
      <c r="I86" s="22">
        <v>62</v>
      </c>
      <c r="J86" s="22">
        <v>39</v>
      </c>
      <c r="K86" s="21">
        <v>112</v>
      </c>
      <c r="L86" s="53">
        <v>71</v>
      </c>
      <c r="M86" s="54">
        <v>41</v>
      </c>
    </row>
    <row r="87" spans="1:13">
      <c r="A87" s="40" t="s">
        <v>90</v>
      </c>
      <c r="B87" s="21">
        <v>-8</v>
      </c>
      <c r="C87" s="22">
        <v>-3</v>
      </c>
      <c r="D87" s="22">
        <v>-5</v>
      </c>
      <c r="E87" s="21">
        <v>11</v>
      </c>
      <c r="F87" s="22">
        <v>5</v>
      </c>
      <c r="G87" s="23">
        <v>6</v>
      </c>
      <c r="H87" s="22">
        <v>108</v>
      </c>
      <c r="I87" s="22">
        <v>60</v>
      </c>
      <c r="J87" s="22">
        <v>48</v>
      </c>
      <c r="K87" s="21">
        <v>105</v>
      </c>
      <c r="L87" s="53">
        <v>58</v>
      </c>
      <c r="M87" s="54">
        <v>47</v>
      </c>
    </row>
    <row r="88" spans="1:13">
      <c r="A88" s="40" t="s">
        <v>91</v>
      </c>
      <c r="B88" s="21">
        <v>-21</v>
      </c>
      <c r="C88" s="22">
        <v>-18</v>
      </c>
      <c r="D88" s="22">
        <v>-3</v>
      </c>
      <c r="E88" s="21">
        <v>15</v>
      </c>
      <c r="F88" s="22">
        <v>10</v>
      </c>
      <c r="G88" s="23">
        <v>5</v>
      </c>
      <c r="H88" s="22">
        <v>94</v>
      </c>
      <c r="I88" s="22">
        <v>50</v>
      </c>
      <c r="J88" s="22">
        <v>44</v>
      </c>
      <c r="K88" s="21">
        <v>100</v>
      </c>
      <c r="L88" s="53">
        <v>58</v>
      </c>
      <c r="M88" s="54">
        <v>42</v>
      </c>
    </row>
    <row r="89" spans="1:13" ht="19.5" customHeight="1">
      <c r="A89" s="34" t="s">
        <v>92</v>
      </c>
      <c r="B89" s="17">
        <v>-140</v>
      </c>
      <c r="C89" s="18">
        <v>-80</v>
      </c>
      <c r="D89" s="18">
        <v>-60</v>
      </c>
      <c r="E89" s="17">
        <v>71</v>
      </c>
      <c r="F89" s="18">
        <v>50</v>
      </c>
      <c r="G89" s="19">
        <v>21</v>
      </c>
      <c r="H89" s="18">
        <v>352</v>
      </c>
      <c r="I89" s="18">
        <v>205</v>
      </c>
      <c r="J89" s="18">
        <v>147</v>
      </c>
      <c r="K89" s="17">
        <v>421</v>
      </c>
      <c r="L89" s="51">
        <v>235</v>
      </c>
      <c r="M89" s="52">
        <v>186</v>
      </c>
    </row>
    <row r="90" spans="1:13">
      <c r="A90" s="40" t="s">
        <v>93</v>
      </c>
      <c r="B90" s="21">
        <v>-30</v>
      </c>
      <c r="C90" s="22">
        <v>-15</v>
      </c>
      <c r="D90" s="22">
        <v>-15</v>
      </c>
      <c r="E90" s="21">
        <v>7</v>
      </c>
      <c r="F90" s="22">
        <v>5</v>
      </c>
      <c r="G90" s="23">
        <v>2</v>
      </c>
      <c r="H90" s="22">
        <v>97</v>
      </c>
      <c r="I90" s="22">
        <v>64</v>
      </c>
      <c r="J90" s="22">
        <v>33</v>
      </c>
      <c r="K90" s="21">
        <v>120</v>
      </c>
      <c r="L90" s="53">
        <v>74</v>
      </c>
      <c r="M90" s="54">
        <v>46</v>
      </c>
    </row>
    <row r="91" spans="1:13">
      <c r="A91" s="40" t="s">
        <v>94</v>
      </c>
      <c r="B91" s="21">
        <v>-34</v>
      </c>
      <c r="C91" s="22">
        <v>-15</v>
      </c>
      <c r="D91" s="22">
        <v>-19</v>
      </c>
      <c r="E91" s="21">
        <v>19</v>
      </c>
      <c r="F91" s="22">
        <v>11</v>
      </c>
      <c r="G91" s="23">
        <v>8</v>
      </c>
      <c r="H91" s="22">
        <v>74</v>
      </c>
      <c r="I91" s="22">
        <v>43</v>
      </c>
      <c r="J91" s="22">
        <v>31</v>
      </c>
      <c r="K91" s="21">
        <v>89</v>
      </c>
      <c r="L91" s="53">
        <v>47</v>
      </c>
      <c r="M91" s="54">
        <v>42</v>
      </c>
    </row>
    <row r="92" spans="1:13">
      <c r="A92" s="40" t="s">
        <v>95</v>
      </c>
      <c r="B92" s="21">
        <v>-17</v>
      </c>
      <c r="C92" s="22">
        <v>-15</v>
      </c>
      <c r="D92" s="22">
        <v>-2</v>
      </c>
      <c r="E92" s="21">
        <v>11</v>
      </c>
      <c r="F92" s="22">
        <v>10</v>
      </c>
      <c r="G92" s="23">
        <v>1</v>
      </c>
      <c r="H92" s="22">
        <v>63</v>
      </c>
      <c r="I92" s="22">
        <v>31</v>
      </c>
      <c r="J92" s="22">
        <v>32</v>
      </c>
      <c r="K92" s="21">
        <v>69</v>
      </c>
      <c r="L92" s="53">
        <v>36</v>
      </c>
      <c r="M92" s="54">
        <v>33</v>
      </c>
    </row>
    <row r="93" spans="1:13">
      <c r="A93" s="40" t="s">
        <v>96</v>
      </c>
      <c r="B93" s="21">
        <v>-18</v>
      </c>
      <c r="C93" s="22">
        <v>-13</v>
      </c>
      <c r="D93" s="22">
        <v>-5</v>
      </c>
      <c r="E93" s="21">
        <v>18</v>
      </c>
      <c r="F93" s="22">
        <v>13</v>
      </c>
      <c r="G93" s="23">
        <v>5</v>
      </c>
      <c r="H93" s="22">
        <v>70</v>
      </c>
      <c r="I93" s="22">
        <v>40</v>
      </c>
      <c r="J93" s="22">
        <v>30</v>
      </c>
      <c r="K93" s="21">
        <v>70</v>
      </c>
      <c r="L93" s="53">
        <v>40</v>
      </c>
      <c r="M93" s="54">
        <v>30</v>
      </c>
    </row>
    <row r="94" spans="1:13">
      <c r="A94" s="40" t="s">
        <v>97</v>
      </c>
      <c r="B94" s="21">
        <v>-41</v>
      </c>
      <c r="C94" s="22">
        <v>-22</v>
      </c>
      <c r="D94" s="22">
        <v>-19</v>
      </c>
      <c r="E94" s="21">
        <v>16</v>
      </c>
      <c r="F94" s="22">
        <v>11</v>
      </c>
      <c r="G94" s="23">
        <v>5</v>
      </c>
      <c r="H94" s="22">
        <v>48</v>
      </c>
      <c r="I94" s="22">
        <v>27</v>
      </c>
      <c r="J94" s="22">
        <v>21</v>
      </c>
      <c r="K94" s="21">
        <v>73</v>
      </c>
      <c r="L94" s="53">
        <v>38</v>
      </c>
      <c r="M94" s="54">
        <v>35</v>
      </c>
    </row>
    <row r="95" spans="1:13" ht="19.5" customHeight="1">
      <c r="A95" s="34" t="s">
        <v>98</v>
      </c>
      <c r="B95" s="17">
        <v>-117</v>
      </c>
      <c r="C95" s="18">
        <v>-81</v>
      </c>
      <c r="D95" s="18">
        <v>-36</v>
      </c>
      <c r="E95" s="17">
        <v>83</v>
      </c>
      <c r="F95" s="18">
        <v>57</v>
      </c>
      <c r="G95" s="19">
        <v>26</v>
      </c>
      <c r="H95" s="18">
        <v>259</v>
      </c>
      <c r="I95" s="18">
        <v>123</v>
      </c>
      <c r="J95" s="18">
        <v>136</v>
      </c>
      <c r="K95" s="17">
        <v>293</v>
      </c>
      <c r="L95" s="51">
        <v>147</v>
      </c>
      <c r="M95" s="52">
        <v>146</v>
      </c>
    </row>
    <row r="96" spans="1:13">
      <c r="A96" s="40" t="s">
        <v>99</v>
      </c>
      <c r="B96" s="21">
        <v>-23</v>
      </c>
      <c r="C96" s="22">
        <v>-17</v>
      </c>
      <c r="D96" s="22">
        <v>-6</v>
      </c>
      <c r="E96" s="21">
        <v>13</v>
      </c>
      <c r="F96" s="22">
        <v>10</v>
      </c>
      <c r="G96" s="23">
        <v>3</v>
      </c>
      <c r="H96" s="22">
        <v>52</v>
      </c>
      <c r="I96" s="22">
        <v>23</v>
      </c>
      <c r="J96" s="22">
        <v>29</v>
      </c>
      <c r="K96" s="21">
        <v>62</v>
      </c>
      <c r="L96" s="53">
        <v>30</v>
      </c>
      <c r="M96" s="54">
        <v>32</v>
      </c>
    </row>
    <row r="97" spans="1:13">
      <c r="A97" s="40" t="s">
        <v>100</v>
      </c>
      <c r="B97" s="21">
        <v>-39</v>
      </c>
      <c r="C97" s="22">
        <v>-22</v>
      </c>
      <c r="D97" s="22">
        <v>-17</v>
      </c>
      <c r="E97" s="21">
        <v>21</v>
      </c>
      <c r="F97" s="22">
        <v>14</v>
      </c>
      <c r="G97" s="23">
        <v>7</v>
      </c>
      <c r="H97" s="22">
        <v>49</v>
      </c>
      <c r="I97" s="22">
        <v>22</v>
      </c>
      <c r="J97" s="22">
        <v>27</v>
      </c>
      <c r="K97" s="21">
        <v>67</v>
      </c>
      <c r="L97" s="53">
        <v>30</v>
      </c>
      <c r="M97" s="54">
        <v>37</v>
      </c>
    </row>
    <row r="98" spans="1:13">
      <c r="A98" s="40" t="s">
        <v>101</v>
      </c>
      <c r="B98" s="21">
        <v>-14</v>
      </c>
      <c r="C98" s="22">
        <v>-9</v>
      </c>
      <c r="D98" s="22">
        <v>-5</v>
      </c>
      <c r="E98" s="21">
        <v>10</v>
      </c>
      <c r="F98" s="22">
        <v>7</v>
      </c>
      <c r="G98" s="23">
        <v>3</v>
      </c>
      <c r="H98" s="22">
        <v>56</v>
      </c>
      <c r="I98" s="22">
        <v>28</v>
      </c>
      <c r="J98" s="22">
        <v>28</v>
      </c>
      <c r="K98" s="21">
        <v>60</v>
      </c>
      <c r="L98" s="53">
        <v>30</v>
      </c>
      <c r="M98" s="54">
        <v>30</v>
      </c>
    </row>
    <row r="99" spans="1:13">
      <c r="A99" s="40" t="s">
        <v>102</v>
      </c>
      <c r="B99" s="21">
        <v>-16</v>
      </c>
      <c r="C99" s="22">
        <v>-11</v>
      </c>
      <c r="D99" s="22">
        <v>-5</v>
      </c>
      <c r="E99" s="21">
        <v>15</v>
      </c>
      <c r="F99" s="22">
        <v>11</v>
      </c>
      <c r="G99" s="23">
        <v>4</v>
      </c>
      <c r="H99" s="22">
        <v>50</v>
      </c>
      <c r="I99" s="22">
        <v>26</v>
      </c>
      <c r="J99" s="22">
        <v>24</v>
      </c>
      <c r="K99" s="21">
        <v>51</v>
      </c>
      <c r="L99" s="53">
        <v>26</v>
      </c>
      <c r="M99" s="54">
        <v>25</v>
      </c>
    </row>
    <row r="100" spans="1:13">
      <c r="A100" s="40" t="s">
        <v>103</v>
      </c>
      <c r="B100" s="21">
        <v>-25</v>
      </c>
      <c r="C100" s="22">
        <v>-22</v>
      </c>
      <c r="D100" s="22">
        <v>-3</v>
      </c>
      <c r="E100" s="21">
        <v>24</v>
      </c>
      <c r="F100" s="22">
        <v>15</v>
      </c>
      <c r="G100" s="23">
        <v>9</v>
      </c>
      <c r="H100" s="22">
        <v>52</v>
      </c>
      <c r="I100" s="22">
        <v>24</v>
      </c>
      <c r="J100" s="22">
        <v>28</v>
      </c>
      <c r="K100" s="21">
        <v>53</v>
      </c>
      <c r="L100" s="53">
        <v>31</v>
      </c>
      <c r="M100" s="54">
        <v>22</v>
      </c>
    </row>
    <row r="101" spans="1:13" ht="19.5" customHeight="1">
      <c r="A101" s="34" t="s">
        <v>104</v>
      </c>
      <c r="B101" s="17">
        <v>-189</v>
      </c>
      <c r="C101" s="18">
        <v>-136</v>
      </c>
      <c r="D101" s="18">
        <v>-53</v>
      </c>
      <c r="E101" s="17">
        <v>165</v>
      </c>
      <c r="F101" s="18">
        <v>108</v>
      </c>
      <c r="G101" s="19">
        <v>57</v>
      </c>
      <c r="H101" s="18">
        <v>215</v>
      </c>
      <c r="I101" s="18">
        <v>90</v>
      </c>
      <c r="J101" s="18">
        <v>125</v>
      </c>
      <c r="K101" s="17">
        <v>239</v>
      </c>
      <c r="L101" s="51">
        <v>118</v>
      </c>
      <c r="M101" s="52">
        <v>121</v>
      </c>
    </row>
    <row r="102" spans="1:13">
      <c r="A102" s="40" t="s">
        <v>105</v>
      </c>
      <c r="B102" s="21">
        <v>-47</v>
      </c>
      <c r="C102" s="22">
        <v>-45</v>
      </c>
      <c r="D102" s="22">
        <v>-2</v>
      </c>
      <c r="E102" s="21">
        <v>36</v>
      </c>
      <c r="F102" s="22">
        <v>31</v>
      </c>
      <c r="G102" s="23">
        <v>5</v>
      </c>
      <c r="H102" s="22">
        <v>60</v>
      </c>
      <c r="I102" s="22">
        <v>22</v>
      </c>
      <c r="J102" s="22">
        <v>38</v>
      </c>
      <c r="K102" s="21">
        <v>71</v>
      </c>
      <c r="L102" s="53">
        <v>36</v>
      </c>
      <c r="M102" s="54">
        <v>35</v>
      </c>
    </row>
    <row r="103" spans="1:13">
      <c r="A103" s="40" t="s">
        <v>106</v>
      </c>
      <c r="B103" s="21">
        <v>-32</v>
      </c>
      <c r="C103" s="22">
        <v>-27</v>
      </c>
      <c r="D103" s="22">
        <v>-5</v>
      </c>
      <c r="E103" s="21">
        <v>32</v>
      </c>
      <c r="F103" s="22">
        <v>24</v>
      </c>
      <c r="G103" s="23">
        <v>8</v>
      </c>
      <c r="H103" s="22">
        <v>53</v>
      </c>
      <c r="I103" s="22">
        <v>27</v>
      </c>
      <c r="J103" s="22">
        <v>26</v>
      </c>
      <c r="K103" s="21">
        <v>53</v>
      </c>
      <c r="L103" s="53">
        <v>30</v>
      </c>
      <c r="M103" s="54">
        <v>23</v>
      </c>
    </row>
    <row r="104" spans="1:13">
      <c r="A104" s="40" t="s">
        <v>107</v>
      </c>
      <c r="B104" s="21">
        <v>-46</v>
      </c>
      <c r="C104" s="22">
        <v>-32</v>
      </c>
      <c r="D104" s="22">
        <v>-14</v>
      </c>
      <c r="E104" s="21">
        <v>36</v>
      </c>
      <c r="F104" s="22">
        <v>23</v>
      </c>
      <c r="G104" s="23">
        <v>13</v>
      </c>
      <c r="H104" s="22">
        <v>47</v>
      </c>
      <c r="I104" s="22">
        <v>18</v>
      </c>
      <c r="J104" s="22">
        <v>29</v>
      </c>
      <c r="K104" s="21">
        <v>57</v>
      </c>
      <c r="L104" s="53">
        <v>27</v>
      </c>
      <c r="M104" s="54">
        <v>30</v>
      </c>
    </row>
    <row r="105" spans="1:13">
      <c r="A105" s="40" t="s">
        <v>108</v>
      </c>
      <c r="B105" s="21">
        <v>-23</v>
      </c>
      <c r="C105" s="22">
        <v>-17</v>
      </c>
      <c r="D105" s="22">
        <v>-6</v>
      </c>
      <c r="E105" s="21">
        <v>28</v>
      </c>
      <c r="F105" s="22">
        <v>16</v>
      </c>
      <c r="G105" s="23">
        <v>12</v>
      </c>
      <c r="H105" s="22">
        <v>31</v>
      </c>
      <c r="I105" s="22">
        <v>12</v>
      </c>
      <c r="J105" s="22">
        <v>19</v>
      </c>
      <c r="K105" s="21">
        <v>26</v>
      </c>
      <c r="L105" s="53">
        <v>13</v>
      </c>
      <c r="M105" s="54">
        <v>13</v>
      </c>
    </row>
    <row r="106" spans="1:13">
      <c r="A106" s="40" t="s">
        <v>109</v>
      </c>
      <c r="B106" s="21">
        <v>-41</v>
      </c>
      <c r="C106" s="22">
        <v>-15</v>
      </c>
      <c r="D106" s="22">
        <v>-26</v>
      </c>
      <c r="E106" s="21">
        <v>33</v>
      </c>
      <c r="F106" s="22">
        <v>14</v>
      </c>
      <c r="G106" s="23">
        <v>19</v>
      </c>
      <c r="H106" s="22">
        <v>24</v>
      </c>
      <c r="I106" s="22">
        <v>11</v>
      </c>
      <c r="J106" s="22">
        <v>13</v>
      </c>
      <c r="K106" s="21">
        <v>32</v>
      </c>
      <c r="L106" s="53">
        <v>12</v>
      </c>
      <c r="M106" s="54">
        <v>20</v>
      </c>
    </row>
    <row r="107" spans="1:13" ht="19.5" customHeight="1">
      <c r="A107" s="34" t="s">
        <v>110</v>
      </c>
      <c r="B107" s="17">
        <v>-257</v>
      </c>
      <c r="C107" s="18">
        <v>-165</v>
      </c>
      <c r="D107" s="18">
        <v>-92</v>
      </c>
      <c r="E107" s="17">
        <v>264</v>
      </c>
      <c r="F107" s="18">
        <v>164</v>
      </c>
      <c r="G107" s="19">
        <v>100</v>
      </c>
      <c r="H107" s="18">
        <v>183</v>
      </c>
      <c r="I107" s="18">
        <v>71</v>
      </c>
      <c r="J107" s="18">
        <v>112</v>
      </c>
      <c r="K107" s="17">
        <v>176</v>
      </c>
      <c r="L107" s="51">
        <v>72</v>
      </c>
      <c r="M107" s="52">
        <v>104</v>
      </c>
    </row>
    <row r="108" spans="1:13">
      <c r="A108" s="40" t="s">
        <v>111</v>
      </c>
      <c r="B108" s="21">
        <v>-39</v>
      </c>
      <c r="C108" s="22">
        <v>-25</v>
      </c>
      <c r="D108" s="22">
        <v>-14</v>
      </c>
      <c r="E108" s="21">
        <v>36</v>
      </c>
      <c r="F108" s="22">
        <v>22</v>
      </c>
      <c r="G108" s="23">
        <v>14</v>
      </c>
      <c r="H108" s="22">
        <v>31</v>
      </c>
      <c r="I108" s="22">
        <v>13</v>
      </c>
      <c r="J108" s="22">
        <v>18</v>
      </c>
      <c r="K108" s="21">
        <v>34</v>
      </c>
      <c r="L108" s="53">
        <v>16</v>
      </c>
      <c r="M108" s="54">
        <v>18</v>
      </c>
    </row>
    <row r="109" spans="1:13">
      <c r="A109" s="40" t="s">
        <v>112</v>
      </c>
      <c r="B109" s="21">
        <v>-64</v>
      </c>
      <c r="C109" s="22">
        <v>-39</v>
      </c>
      <c r="D109" s="22">
        <v>-25</v>
      </c>
      <c r="E109" s="21">
        <v>60</v>
      </c>
      <c r="F109" s="22">
        <v>36</v>
      </c>
      <c r="G109" s="23">
        <v>24</v>
      </c>
      <c r="H109" s="22">
        <v>33</v>
      </c>
      <c r="I109" s="22">
        <v>13</v>
      </c>
      <c r="J109" s="22">
        <v>20</v>
      </c>
      <c r="K109" s="21">
        <v>37</v>
      </c>
      <c r="L109" s="53">
        <v>16</v>
      </c>
      <c r="M109" s="54">
        <v>21</v>
      </c>
    </row>
    <row r="110" spans="1:13">
      <c r="A110" s="40" t="s">
        <v>113</v>
      </c>
      <c r="B110" s="21">
        <v>-49</v>
      </c>
      <c r="C110" s="22">
        <v>-32</v>
      </c>
      <c r="D110" s="22">
        <v>-17</v>
      </c>
      <c r="E110" s="21">
        <v>50</v>
      </c>
      <c r="F110" s="22">
        <v>33</v>
      </c>
      <c r="G110" s="23">
        <v>17</v>
      </c>
      <c r="H110" s="22">
        <v>41</v>
      </c>
      <c r="I110" s="22">
        <v>21</v>
      </c>
      <c r="J110" s="22">
        <v>20</v>
      </c>
      <c r="K110" s="21">
        <v>40</v>
      </c>
      <c r="L110" s="53">
        <v>20</v>
      </c>
      <c r="M110" s="54">
        <v>20</v>
      </c>
    </row>
    <row r="111" spans="1:13">
      <c r="A111" s="40" t="s">
        <v>114</v>
      </c>
      <c r="B111" s="21">
        <v>-53</v>
      </c>
      <c r="C111" s="22">
        <v>-32</v>
      </c>
      <c r="D111" s="22">
        <v>-21</v>
      </c>
      <c r="E111" s="21">
        <v>53</v>
      </c>
      <c r="F111" s="22">
        <v>32</v>
      </c>
      <c r="G111" s="23">
        <v>21</v>
      </c>
      <c r="H111" s="22">
        <v>34</v>
      </c>
      <c r="I111" s="22">
        <v>12</v>
      </c>
      <c r="J111" s="22">
        <v>22</v>
      </c>
      <c r="K111" s="21">
        <v>34</v>
      </c>
      <c r="L111" s="53">
        <v>12</v>
      </c>
      <c r="M111" s="54">
        <v>22</v>
      </c>
    </row>
    <row r="112" spans="1:13">
      <c r="A112" s="40" t="s">
        <v>115</v>
      </c>
      <c r="B112" s="21">
        <v>-52</v>
      </c>
      <c r="C112" s="22">
        <v>-37</v>
      </c>
      <c r="D112" s="22">
        <v>-15</v>
      </c>
      <c r="E112" s="21">
        <v>65</v>
      </c>
      <c r="F112" s="22">
        <v>41</v>
      </c>
      <c r="G112" s="23">
        <v>24</v>
      </c>
      <c r="H112" s="22">
        <v>44</v>
      </c>
      <c r="I112" s="22">
        <v>12</v>
      </c>
      <c r="J112" s="22">
        <v>32</v>
      </c>
      <c r="K112" s="21">
        <v>31</v>
      </c>
      <c r="L112" s="53">
        <v>8</v>
      </c>
      <c r="M112" s="54">
        <v>23</v>
      </c>
    </row>
    <row r="113" spans="1:13" ht="19.5" customHeight="1">
      <c r="A113" s="34" t="s">
        <v>116</v>
      </c>
      <c r="B113" s="17">
        <v>-272</v>
      </c>
      <c r="C113" s="18">
        <v>-178</v>
      </c>
      <c r="D113" s="18">
        <v>-94</v>
      </c>
      <c r="E113" s="17">
        <v>325</v>
      </c>
      <c r="F113" s="18">
        <v>191</v>
      </c>
      <c r="G113" s="19">
        <v>134</v>
      </c>
      <c r="H113" s="18">
        <v>198</v>
      </c>
      <c r="I113" s="18">
        <v>73</v>
      </c>
      <c r="J113" s="18">
        <v>125</v>
      </c>
      <c r="K113" s="17">
        <v>145</v>
      </c>
      <c r="L113" s="51">
        <v>60</v>
      </c>
      <c r="M113" s="52">
        <v>85</v>
      </c>
    </row>
    <row r="114" spans="1:13">
      <c r="A114" s="40" t="s">
        <v>117</v>
      </c>
      <c r="B114" s="21">
        <v>-45</v>
      </c>
      <c r="C114" s="22">
        <v>-27</v>
      </c>
      <c r="D114" s="22">
        <v>-18</v>
      </c>
      <c r="E114" s="21">
        <v>49</v>
      </c>
      <c r="F114" s="22">
        <v>28</v>
      </c>
      <c r="G114" s="23">
        <v>21</v>
      </c>
      <c r="H114" s="22">
        <v>41</v>
      </c>
      <c r="I114" s="22">
        <v>17</v>
      </c>
      <c r="J114" s="22">
        <v>24</v>
      </c>
      <c r="K114" s="21">
        <v>37</v>
      </c>
      <c r="L114" s="53">
        <v>16</v>
      </c>
      <c r="M114" s="54">
        <v>21</v>
      </c>
    </row>
    <row r="115" spans="1:13">
      <c r="A115" s="40" t="s">
        <v>118</v>
      </c>
      <c r="B115" s="21">
        <v>-45</v>
      </c>
      <c r="C115" s="22">
        <v>-34</v>
      </c>
      <c r="D115" s="22">
        <v>-11</v>
      </c>
      <c r="E115" s="21">
        <v>50</v>
      </c>
      <c r="F115" s="22">
        <v>27</v>
      </c>
      <c r="G115" s="23">
        <v>23</v>
      </c>
      <c r="H115" s="22">
        <v>37</v>
      </c>
      <c r="I115" s="22">
        <v>13</v>
      </c>
      <c r="J115" s="22">
        <v>24</v>
      </c>
      <c r="K115" s="21">
        <v>32</v>
      </c>
      <c r="L115" s="53">
        <v>20</v>
      </c>
      <c r="M115" s="54">
        <v>12</v>
      </c>
    </row>
    <row r="116" spans="1:13">
      <c r="A116" s="40" t="s">
        <v>119</v>
      </c>
      <c r="B116" s="21">
        <v>-50</v>
      </c>
      <c r="C116" s="22">
        <v>-39</v>
      </c>
      <c r="D116" s="22">
        <v>-11</v>
      </c>
      <c r="E116" s="21">
        <v>71</v>
      </c>
      <c r="F116" s="22">
        <v>48</v>
      </c>
      <c r="G116" s="23">
        <v>23</v>
      </c>
      <c r="H116" s="22">
        <v>45</v>
      </c>
      <c r="I116" s="22">
        <v>21</v>
      </c>
      <c r="J116" s="22">
        <v>24</v>
      </c>
      <c r="K116" s="21">
        <v>24</v>
      </c>
      <c r="L116" s="53">
        <v>12</v>
      </c>
      <c r="M116" s="54">
        <v>12</v>
      </c>
    </row>
    <row r="117" spans="1:13">
      <c r="A117" s="40" t="s">
        <v>120</v>
      </c>
      <c r="B117" s="21">
        <v>-75</v>
      </c>
      <c r="C117" s="22">
        <v>-39</v>
      </c>
      <c r="D117" s="22">
        <v>-36</v>
      </c>
      <c r="E117" s="21">
        <v>72</v>
      </c>
      <c r="F117" s="22">
        <v>39</v>
      </c>
      <c r="G117" s="23">
        <v>33</v>
      </c>
      <c r="H117" s="22">
        <v>32</v>
      </c>
      <c r="I117" s="22">
        <v>8</v>
      </c>
      <c r="J117" s="22">
        <v>24</v>
      </c>
      <c r="K117" s="21">
        <v>35</v>
      </c>
      <c r="L117" s="53">
        <v>8</v>
      </c>
      <c r="M117" s="54">
        <v>27</v>
      </c>
    </row>
    <row r="118" spans="1:13">
      <c r="A118" s="40" t="s">
        <v>121</v>
      </c>
      <c r="B118" s="21">
        <v>-57</v>
      </c>
      <c r="C118" s="22">
        <v>-39</v>
      </c>
      <c r="D118" s="22">
        <v>-18</v>
      </c>
      <c r="E118" s="21">
        <v>83</v>
      </c>
      <c r="F118" s="22">
        <v>49</v>
      </c>
      <c r="G118" s="23">
        <v>34</v>
      </c>
      <c r="H118" s="22">
        <v>43</v>
      </c>
      <c r="I118" s="22">
        <v>14</v>
      </c>
      <c r="J118" s="22">
        <v>29</v>
      </c>
      <c r="K118" s="21">
        <v>17</v>
      </c>
      <c r="L118" s="53">
        <v>4</v>
      </c>
      <c r="M118" s="54">
        <v>13</v>
      </c>
    </row>
    <row r="119" spans="1:13" ht="19.5" customHeight="1">
      <c r="A119" s="34" t="s">
        <v>122</v>
      </c>
      <c r="B119" s="17">
        <v>-359</v>
      </c>
      <c r="C119" s="18">
        <v>-179</v>
      </c>
      <c r="D119" s="18">
        <v>-180</v>
      </c>
      <c r="E119" s="17">
        <v>423</v>
      </c>
      <c r="F119" s="18">
        <v>200</v>
      </c>
      <c r="G119" s="19">
        <v>223</v>
      </c>
      <c r="H119" s="18">
        <v>168</v>
      </c>
      <c r="I119" s="18">
        <v>46</v>
      </c>
      <c r="J119" s="18">
        <v>122</v>
      </c>
      <c r="K119" s="17">
        <v>104</v>
      </c>
      <c r="L119" s="51">
        <v>25</v>
      </c>
      <c r="M119" s="52">
        <v>79</v>
      </c>
    </row>
    <row r="120" spans="1:13">
      <c r="A120" s="40" t="s">
        <v>123</v>
      </c>
      <c r="B120" s="21">
        <v>-52</v>
      </c>
      <c r="C120" s="22">
        <v>-21</v>
      </c>
      <c r="D120" s="22">
        <v>-31</v>
      </c>
      <c r="E120" s="21">
        <v>65</v>
      </c>
      <c r="F120" s="22">
        <v>29</v>
      </c>
      <c r="G120" s="23">
        <v>36</v>
      </c>
      <c r="H120" s="22">
        <v>34</v>
      </c>
      <c r="I120" s="22">
        <v>12</v>
      </c>
      <c r="J120" s="22">
        <v>22</v>
      </c>
      <c r="K120" s="21">
        <v>21</v>
      </c>
      <c r="L120" s="53">
        <v>4</v>
      </c>
      <c r="M120" s="54">
        <v>17</v>
      </c>
    </row>
    <row r="121" spans="1:13">
      <c r="A121" s="40" t="s">
        <v>124</v>
      </c>
      <c r="B121" s="21">
        <v>-71</v>
      </c>
      <c r="C121" s="22">
        <v>-44</v>
      </c>
      <c r="D121" s="22">
        <v>-27</v>
      </c>
      <c r="E121" s="21">
        <v>85</v>
      </c>
      <c r="F121" s="22">
        <v>49</v>
      </c>
      <c r="G121" s="23">
        <v>36</v>
      </c>
      <c r="H121" s="22">
        <v>30</v>
      </c>
      <c r="I121" s="22">
        <v>9</v>
      </c>
      <c r="J121" s="22">
        <v>21</v>
      </c>
      <c r="K121" s="21">
        <v>16</v>
      </c>
      <c r="L121" s="53">
        <v>4</v>
      </c>
      <c r="M121" s="54">
        <v>12</v>
      </c>
    </row>
    <row r="122" spans="1:13">
      <c r="A122" s="40" t="s">
        <v>125</v>
      </c>
      <c r="B122" s="21">
        <v>-79</v>
      </c>
      <c r="C122" s="22">
        <v>-46</v>
      </c>
      <c r="D122" s="22">
        <v>-33</v>
      </c>
      <c r="E122" s="21">
        <v>101</v>
      </c>
      <c r="F122" s="22">
        <v>52</v>
      </c>
      <c r="G122" s="23">
        <v>49</v>
      </c>
      <c r="H122" s="22">
        <v>40</v>
      </c>
      <c r="I122" s="22">
        <v>12</v>
      </c>
      <c r="J122" s="22">
        <v>28</v>
      </c>
      <c r="K122" s="21">
        <v>18</v>
      </c>
      <c r="L122" s="53">
        <v>6</v>
      </c>
      <c r="M122" s="54">
        <v>12</v>
      </c>
    </row>
    <row r="123" spans="1:13">
      <c r="A123" s="40" t="s">
        <v>126</v>
      </c>
      <c r="B123" s="21">
        <v>-96</v>
      </c>
      <c r="C123" s="22">
        <v>-36</v>
      </c>
      <c r="D123" s="22">
        <v>-60</v>
      </c>
      <c r="E123" s="21">
        <v>94</v>
      </c>
      <c r="F123" s="22">
        <v>38</v>
      </c>
      <c r="G123" s="23">
        <v>56</v>
      </c>
      <c r="H123" s="22">
        <v>29</v>
      </c>
      <c r="I123" s="22">
        <v>7</v>
      </c>
      <c r="J123" s="22">
        <v>22</v>
      </c>
      <c r="K123" s="21">
        <v>31</v>
      </c>
      <c r="L123" s="53">
        <v>5</v>
      </c>
      <c r="M123" s="54">
        <v>26</v>
      </c>
    </row>
    <row r="124" spans="1:13">
      <c r="A124" s="40" t="s">
        <v>127</v>
      </c>
      <c r="B124" s="21">
        <v>-61</v>
      </c>
      <c r="C124" s="22">
        <v>-32</v>
      </c>
      <c r="D124" s="22">
        <v>-29</v>
      </c>
      <c r="E124" s="21">
        <v>78</v>
      </c>
      <c r="F124" s="22">
        <v>32</v>
      </c>
      <c r="G124" s="23">
        <v>46</v>
      </c>
      <c r="H124" s="22">
        <v>35</v>
      </c>
      <c r="I124" s="22">
        <v>6</v>
      </c>
      <c r="J124" s="22">
        <v>29</v>
      </c>
      <c r="K124" s="21">
        <v>18</v>
      </c>
      <c r="L124" s="53">
        <v>6</v>
      </c>
      <c r="M124" s="54">
        <v>12</v>
      </c>
    </row>
    <row r="125" spans="1:13" ht="19.5" customHeight="1">
      <c r="A125" s="34" t="s">
        <v>128</v>
      </c>
      <c r="B125" s="17">
        <v>-376</v>
      </c>
      <c r="C125" s="18">
        <v>-154</v>
      </c>
      <c r="D125" s="18">
        <v>-222</v>
      </c>
      <c r="E125" s="17">
        <v>419</v>
      </c>
      <c r="F125" s="18">
        <v>168</v>
      </c>
      <c r="G125" s="19">
        <v>251</v>
      </c>
      <c r="H125" s="18">
        <v>121</v>
      </c>
      <c r="I125" s="18">
        <v>35</v>
      </c>
      <c r="J125" s="18">
        <v>86</v>
      </c>
      <c r="K125" s="17">
        <v>78</v>
      </c>
      <c r="L125" s="51">
        <v>21</v>
      </c>
      <c r="M125" s="52">
        <v>57</v>
      </c>
    </row>
    <row r="126" spans="1:13">
      <c r="A126" s="40" t="s">
        <v>129</v>
      </c>
      <c r="B126" s="21">
        <v>-93</v>
      </c>
      <c r="C126" s="22">
        <v>-47</v>
      </c>
      <c r="D126" s="22">
        <v>-46</v>
      </c>
      <c r="E126" s="21">
        <v>97</v>
      </c>
      <c r="F126" s="22">
        <v>46</v>
      </c>
      <c r="G126" s="23">
        <v>51</v>
      </c>
      <c r="H126" s="22">
        <v>30</v>
      </c>
      <c r="I126" s="22">
        <v>6</v>
      </c>
      <c r="J126" s="22">
        <v>24</v>
      </c>
      <c r="K126" s="21">
        <v>26</v>
      </c>
      <c r="L126" s="53">
        <v>7</v>
      </c>
      <c r="M126" s="54">
        <v>19</v>
      </c>
    </row>
    <row r="127" spans="1:13">
      <c r="A127" s="40" t="s">
        <v>130</v>
      </c>
      <c r="B127" s="21">
        <v>-81</v>
      </c>
      <c r="C127" s="22">
        <v>-30</v>
      </c>
      <c r="D127" s="22">
        <v>-51</v>
      </c>
      <c r="E127" s="21">
        <v>90</v>
      </c>
      <c r="F127" s="22">
        <v>36</v>
      </c>
      <c r="G127" s="23">
        <v>54</v>
      </c>
      <c r="H127" s="22">
        <v>29</v>
      </c>
      <c r="I127" s="22">
        <v>9</v>
      </c>
      <c r="J127" s="22">
        <v>20</v>
      </c>
      <c r="K127" s="21">
        <v>20</v>
      </c>
      <c r="L127" s="53">
        <v>3</v>
      </c>
      <c r="M127" s="54">
        <v>17</v>
      </c>
    </row>
    <row r="128" spans="1:13">
      <c r="A128" s="40" t="s">
        <v>131</v>
      </c>
      <c r="B128" s="21">
        <v>-80</v>
      </c>
      <c r="C128" s="22">
        <v>-27</v>
      </c>
      <c r="D128" s="22">
        <v>-53</v>
      </c>
      <c r="E128" s="21">
        <v>87</v>
      </c>
      <c r="F128" s="22">
        <v>26</v>
      </c>
      <c r="G128" s="23">
        <v>61</v>
      </c>
      <c r="H128" s="22">
        <v>18</v>
      </c>
      <c r="I128" s="22">
        <v>4</v>
      </c>
      <c r="J128" s="22">
        <v>14</v>
      </c>
      <c r="K128" s="21">
        <v>11</v>
      </c>
      <c r="L128" s="53">
        <v>5</v>
      </c>
      <c r="M128" s="54">
        <v>6</v>
      </c>
    </row>
    <row r="129" spans="1:13">
      <c r="A129" s="40" t="s">
        <v>132</v>
      </c>
      <c r="B129" s="21">
        <v>-72</v>
      </c>
      <c r="C129" s="22">
        <v>-35</v>
      </c>
      <c r="D129" s="22">
        <v>-37</v>
      </c>
      <c r="E129" s="21">
        <v>79</v>
      </c>
      <c r="F129" s="22">
        <v>38</v>
      </c>
      <c r="G129" s="23">
        <v>41</v>
      </c>
      <c r="H129" s="22">
        <v>24</v>
      </c>
      <c r="I129" s="22">
        <v>9</v>
      </c>
      <c r="J129" s="22">
        <v>15</v>
      </c>
      <c r="K129" s="21">
        <v>17</v>
      </c>
      <c r="L129" s="53">
        <v>6</v>
      </c>
      <c r="M129" s="54">
        <v>11</v>
      </c>
    </row>
    <row r="130" spans="1:13">
      <c r="A130" s="40" t="s">
        <v>133</v>
      </c>
      <c r="B130" s="21">
        <v>-50</v>
      </c>
      <c r="C130" s="22">
        <v>-15</v>
      </c>
      <c r="D130" s="22">
        <v>-35</v>
      </c>
      <c r="E130" s="21">
        <v>66</v>
      </c>
      <c r="F130" s="22">
        <v>22</v>
      </c>
      <c r="G130" s="23">
        <v>44</v>
      </c>
      <c r="H130" s="22">
        <v>20</v>
      </c>
      <c r="I130" s="22">
        <v>7</v>
      </c>
      <c r="J130" s="22">
        <v>13</v>
      </c>
      <c r="K130" s="21">
        <v>4</v>
      </c>
      <c r="L130" s="53">
        <v>0</v>
      </c>
      <c r="M130" s="54">
        <v>4</v>
      </c>
    </row>
    <row r="131" spans="1:13" ht="19.5" customHeight="1">
      <c r="A131" s="34" t="s">
        <v>134</v>
      </c>
      <c r="B131" s="17">
        <v>-193</v>
      </c>
      <c r="C131" s="18">
        <v>-52</v>
      </c>
      <c r="D131" s="18">
        <v>-141</v>
      </c>
      <c r="E131" s="17">
        <v>203</v>
      </c>
      <c r="F131" s="18">
        <v>53</v>
      </c>
      <c r="G131" s="19">
        <v>150</v>
      </c>
      <c r="H131" s="18">
        <v>23</v>
      </c>
      <c r="I131" s="18">
        <v>4</v>
      </c>
      <c r="J131" s="18">
        <v>19</v>
      </c>
      <c r="K131" s="17">
        <v>13</v>
      </c>
      <c r="L131" s="51">
        <v>3</v>
      </c>
      <c r="M131" s="52">
        <v>10</v>
      </c>
    </row>
    <row r="132" spans="1:13">
      <c r="A132" s="40" t="s">
        <v>135</v>
      </c>
      <c r="B132" s="21">
        <v>-51</v>
      </c>
      <c r="C132" s="22">
        <v>-18</v>
      </c>
      <c r="D132" s="22">
        <v>-33</v>
      </c>
      <c r="E132" s="21">
        <v>54</v>
      </c>
      <c r="F132" s="22">
        <v>18</v>
      </c>
      <c r="G132" s="23">
        <v>36</v>
      </c>
      <c r="H132" s="22">
        <v>6</v>
      </c>
      <c r="I132" s="22">
        <v>0</v>
      </c>
      <c r="J132" s="22">
        <v>6</v>
      </c>
      <c r="K132" s="21">
        <v>3</v>
      </c>
      <c r="L132" s="53">
        <v>0</v>
      </c>
      <c r="M132" s="54">
        <v>3</v>
      </c>
    </row>
    <row r="133" spans="1:13">
      <c r="A133" s="40" t="s">
        <v>136</v>
      </c>
      <c r="B133" s="21">
        <v>-41</v>
      </c>
      <c r="C133" s="22">
        <v>-10</v>
      </c>
      <c r="D133" s="22">
        <v>-31</v>
      </c>
      <c r="E133" s="21">
        <v>43</v>
      </c>
      <c r="F133" s="22">
        <v>11</v>
      </c>
      <c r="G133" s="23">
        <v>32</v>
      </c>
      <c r="H133" s="22">
        <v>6</v>
      </c>
      <c r="I133" s="22">
        <v>2</v>
      </c>
      <c r="J133" s="22">
        <v>4</v>
      </c>
      <c r="K133" s="21">
        <v>4</v>
      </c>
      <c r="L133" s="53">
        <v>1</v>
      </c>
      <c r="M133" s="54">
        <v>3</v>
      </c>
    </row>
    <row r="134" spans="1:13">
      <c r="A134" s="40" t="s">
        <v>137</v>
      </c>
      <c r="B134" s="21">
        <v>-33</v>
      </c>
      <c r="C134" s="22">
        <v>-8</v>
      </c>
      <c r="D134" s="22">
        <v>-25</v>
      </c>
      <c r="E134" s="21">
        <v>37</v>
      </c>
      <c r="F134" s="22">
        <v>9</v>
      </c>
      <c r="G134" s="23">
        <v>28</v>
      </c>
      <c r="H134" s="22">
        <v>4</v>
      </c>
      <c r="I134" s="22">
        <v>1</v>
      </c>
      <c r="J134" s="22">
        <v>3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44</v>
      </c>
      <c r="C135" s="22">
        <v>-11</v>
      </c>
      <c r="D135" s="22">
        <v>-33</v>
      </c>
      <c r="E135" s="21">
        <v>47</v>
      </c>
      <c r="F135" s="22">
        <v>11</v>
      </c>
      <c r="G135" s="23">
        <v>36</v>
      </c>
      <c r="H135" s="22">
        <v>6</v>
      </c>
      <c r="I135" s="22">
        <v>1</v>
      </c>
      <c r="J135" s="22">
        <v>5</v>
      </c>
      <c r="K135" s="21">
        <v>3</v>
      </c>
      <c r="L135" s="53">
        <v>1</v>
      </c>
      <c r="M135" s="54">
        <v>2</v>
      </c>
    </row>
    <row r="136" spans="1:13">
      <c r="A136" s="40" t="s">
        <v>139</v>
      </c>
      <c r="B136" s="21">
        <v>-24</v>
      </c>
      <c r="C136" s="22">
        <v>-5</v>
      </c>
      <c r="D136" s="22">
        <v>-19</v>
      </c>
      <c r="E136" s="21">
        <v>22</v>
      </c>
      <c r="F136" s="22">
        <v>4</v>
      </c>
      <c r="G136" s="23">
        <v>18</v>
      </c>
      <c r="H136" s="22">
        <v>1</v>
      </c>
      <c r="I136" s="22">
        <v>0</v>
      </c>
      <c r="J136" s="22">
        <v>1</v>
      </c>
      <c r="K136" s="21">
        <v>3</v>
      </c>
      <c r="L136" s="53">
        <v>1</v>
      </c>
      <c r="M136" s="54">
        <v>2</v>
      </c>
    </row>
    <row r="137" spans="1:13" ht="19.5" customHeight="1">
      <c r="A137" s="41" t="s">
        <v>140</v>
      </c>
      <c r="B137" s="42">
        <v>-66</v>
      </c>
      <c r="C137" s="43">
        <v>-12</v>
      </c>
      <c r="D137" s="43">
        <v>-54</v>
      </c>
      <c r="E137" s="42">
        <v>68</v>
      </c>
      <c r="F137" s="43">
        <v>12</v>
      </c>
      <c r="G137" s="44">
        <v>56</v>
      </c>
      <c r="H137" s="43">
        <v>4</v>
      </c>
      <c r="I137" s="43">
        <v>0</v>
      </c>
      <c r="J137" s="43">
        <v>4</v>
      </c>
      <c r="K137" s="42">
        <v>2</v>
      </c>
      <c r="L137" s="67">
        <v>0</v>
      </c>
      <c r="M137" s="68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6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4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8985</v>
      </c>
      <c r="C5" s="14">
        <v>3866</v>
      </c>
      <c r="D5" s="14">
        <v>5119</v>
      </c>
      <c r="E5" s="13">
        <v>33594</v>
      </c>
      <c r="F5" s="14">
        <v>17928</v>
      </c>
      <c r="G5" s="15">
        <v>15666</v>
      </c>
      <c r="H5" s="14">
        <v>226883</v>
      </c>
      <c r="I5" s="14">
        <v>120455</v>
      </c>
      <c r="J5" s="14">
        <v>106428</v>
      </c>
      <c r="K5" s="13">
        <v>210698</v>
      </c>
      <c r="L5" s="49">
        <v>112183</v>
      </c>
      <c r="M5" s="50">
        <v>98515</v>
      </c>
    </row>
    <row r="6" spans="1:13" ht="19.5" customHeight="1">
      <c r="A6" s="16" t="s">
        <v>13</v>
      </c>
      <c r="B6" s="17">
        <v>26284</v>
      </c>
      <c r="C6" s="18">
        <v>13498</v>
      </c>
      <c r="D6" s="18">
        <v>12786</v>
      </c>
      <c r="E6" s="17">
        <v>64</v>
      </c>
      <c r="F6" s="18">
        <v>32</v>
      </c>
      <c r="G6" s="19">
        <v>32</v>
      </c>
      <c r="H6" s="18">
        <v>11806</v>
      </c>
      <c r="I6" s="18">
        <v>6136</v>
      </c>
      <c r="J6" s="18">
        <v>5670</v>
      </c>
      <c r="K6" s="17">
        <v>11852</v>
      </c>
      <c r="L6" s="51">
        <v>6128</v>
      </c>
      <c r="M6" s="52">
        <v>5724</v>
      </c>
    </row>
    <row r="7" spans="1:13">
      <c r="A7" s="20" t="s">
        <v>14</v>
      </c>
      <c r="B7" s="21">
        <v>26419</v>
      </c>
      <c r="C7" s="22">
        <v>13529</v>
      </c>
      <c r="D7" s="22">
        <v>12890</v>
      </c>
      <c r="E7" s="21">
        <v>42</v>
      </c>
      <c r="F7" s="22">
        <v>22</v>
      </c>
      <c r="G7" s="23">
        <v>20</v>
      </c>
      <c r="H7" s="22">
        <v>1785</v>
      </c>
      <c r="I7" s="22">
        <v>917</v>
      </c>
      <c r="J7" s="22">
        <v>868</v>
      </c>
      <c r="K7" s="21">
        <v>1718</v>
      </c>
      <c r="L7" s="53">
        <v>888</v>
      </c>
      <c r="M7" s="54">
        <v>830</v>
      </c>
    </row>
    <row r="8" spans="1:13">
      <c r="A8" s="20" t="s">
        <v>15</v>
      </c>
      <c r="B8" s="21">
        <v>130</v>
      </c>
      <c r="C8" s="22">
        <v>25</v>
      </c>
      <c r="D8" s="22">
        <v>105</v>
      </c>
      <c r="E8" s="21">
        <v>16</v>
      </c>
      <c r="F8" s="22">
        <v>9</v>
      </c>
      <c r="G8" s="23">
        <v>7</v>
      </c>
      <c r="H8" s="22">
        <v>3454</v>
      </c>
      <c r="I8" s="22">
        <v>1804</v>
      </c>
      <c r="J8" s="22">
        <v>1650</v>
      </c>
      <c r="K8" s="21">
        <v>3308</v>
      </c>
      <c r="L8" s="53">
        <v>1770</v>
      </c>
      <c r="M8" s="54">
        <v>1538</v>
      </c>
    </row>
    <row r="9" spans="1:13">
      <c r="A9" s="20" t="s">
        <v>16</v>
      </c>
      <c r="B9" s="21">
        <v>3</v>
      </c>
      <c r="C9" s="22">
        <v>52</v>
      </c>
      <c r="D9" s="22">
        <v>-49</v>
      </c>
      <c r="E9" s="21">
        <v>4</v>
      </c>
      <c r="F9" s="22">
        <v>0</v>
      </c>
      <c r="G9" s="23">
        <v>4</v>
      </c>
      <c r="H9" s="22">
        <v>2639</v>
      </c>
      <c r="I9" s="22">
        <v>1362</v>
      </c>
      <c r="J9" s="22">
        <v>1277</v>
      </c>
      <c r="K9" s="21">
        <v>2632</v>
      </c>
      <c r="L9" s="53">
        <v>1310</v>
      </c>
      <c r="M9" s="54">
        <v>1322</v>
      </c>
    </row>
    <row r="10" spans="1:13">
      <c r="A10" s="20" t="s">
        <v>17</v>
      </c>
      <c r="B10" s="21">
        <v>-172</v>
      </c>
      <c r="C10" s="22">
        <v>-45</v>
      </c>
      <c r="D10" s="22">
        <v>-127</v>
      </c>
      <c r="E10" s="21">
        <v>0</v>
      </c>
      <c r="F10" s="22">
        <v>0</v>
      </c>
      <c r="G10" s="23">
        <v>0</v>
      </c>
      <c r="H10" s="22">
        <v>2182</v>
      </c>
      <c r="I10" s="22">
        <v>1157</v>
      </c>
      <c r="J10" s="22">
        <v>1025</v>
      </c>
      <c r="K10" s="21">
        <v>2354</v>
      </c>
      <c r="L10" s="53">
        <v>1202</v>
      </c>
      <c r="M10" s="54">
        <v>1152</v>
      </c>
    </row>
    <row r="11" spans="1:13">
      <c r="A11" s="20" t="s">
        <v>18</v>
      </c>
      <c r="B11" s="21">
        <v>-96</v>
      </c>
      <c r="C11" s="22">
        <v>-63</v>
      </c>
      <c r="D11" s="22">
        <v>-33</v>
      </c>
      <c r="E11" s="21">
        <v>2</v>
      </c>
      <c r="F11" s="22">
        <v>1</v>
      </c>
      <c r="G11" s="23">
        <v>1</v>
      </c>
      <c r="H11" s="22">
        <v>1746</v>
      </c>
      <c r="I11" s="22">
        <v>896</v>
      </c>
      <c r="J11" s="22">
        <v>850</v>
      </c>
      <c r="K11" s="21">
        <v>1840</v>
      </c>
      <c r="L11" s="53">
        <v>958</v>
      </c>
      <c r="M11" s="54">
        <v>882</v>
      </c>
    </row>
    <row r="12" spans="1:13" ht="20.100000000000001" customHeight="1">
      <c r="A12" s="16" t="s">
        <v>19</v>
      </c>
      <c r="B12" s="17">
        <v>-27</v>
      </c>
      <c r="C12" s="18">
        <v>-15</v>
      </c>
      <c r="D12" s="18">
        <v>-12</v>
      </c>
      <c r="E12" s="17">
        <v>6</v>
      </c>
      <c r="F12" s="18">
        <v>2</v>
      </c>
      <c r="G12" s="19">
        <v>4</v>
      </c>
      <c r="H12" s="18">
        <v>6194</v>
      </c>
      <c r="I12" s="18">
        <v>3169</v>
      </c>
      <c r="J12" s="18">
        <v>3025</v>
      </c>
      <c r="K12" s="17">
        <v>6215</v>
      </c>
      <c r="L12" s="51">
        <v>3182</v>
      </c>
      <c r="M12" s="52">
        <v>3033</v>
      </c>
    </row>
    <row r="13" spans="1:13">
      <c r="A13" s="20" t="s">
        <v>20</v>
      </c>
      <c r="B13" s="21">
        <v>-37</v>
      </c>
      <c r="C13" s="22">
        <v>-46</v>
      </c>
      <c r="D13" s="22">
        <v>9</v>
      </c>
      <c r="E13" s="21">
        <v>2</v>
      </c>
      <c r="F13" s="22">
        <v>1</v>
      </c>
      <c r="G13" s="23">
        <v>1</v>
      </c>
      <c r="H13" s="22">
        <v>1521</v>
      </c>
      <c r="I13" s="22">
        <v>767</v>
      </c>
      <c r="J13" s="22">
        <v>754</v>
      </c>
      <c r="K13" s="21">
        <v>1556</v>
      </c>
      <c r="L13" s="53">
        <v>812</v>
      </c>
      <c r="M13" s="54">
        <v>744</v>
      </c>
    </row>
    <row r="14" spans="1:13">
      <c r="A14" s="20" t="s">
        <v>21</v>
      </c>
      <c r="B14" s="21">
        <v>-96</v>
      </c>
      <c r="C14" s="22">
        <v>-47</v>
      </c>
      <c r="D14" s="22">
        <v>-49</v>
      </c>
      <c r="E14" s="21">
        <v>2</v>
      </c>
      <c r="F14" s="22">
        <v>0</v>
      </c>
      <c r="G14" s="23">
        <v>2</v>
      </c>
      <c r="H14" s="22">
        <v>1443</v>
      </c>
      <c r="I14" s="22">
        <v>743</v>
      </c>
      <c r="J14" s="22">
        <v>700</v>
      </c>
      <c r="K14" s="21">
        <v>1537</v>
      </c>
      <c r="L14" s="53">
        <v>790</v>
      </c>
      <c r="M14" s="54">
        <v>747</v>
      </c>
    </row>
    <row r="15" spans="1:13">
      <c r="A15" s="20" t="s">
        <v>22</v>
      </c>
      <c r="B15" s="21">
        <v>-78</v>
      </c>
      <c r="C15" s="22">
        <v>-47</v>
      </c>
      <c r="D15" s="22">
        <v>-31</v>
      </c>
      <c r="E15" s="21">
        <v>1</v>
      </c>
      <c r="F15" s="22">
        <v>1</v>
      </c>
      <c r="G15" s="23">
        <v>0</v>
      </c>
      <c r="H15" s="22">
        <v>1383</v>
      </c>
      <c r="I15" s="22">
        <v>688</v>
      </c>
      <c r="J15" s="22">
        <v>695</v>
      </c>
      <c r="K15" s="21">
        <v>1460</v>
      </c>
      <c r="L15" s="53">
        <v>734</v>
      </c>
      <c r="M15" s="54">
        <v>726</v>
      </c>
    </row>
    <row r="16" spans="1:13">
      <c r="A16" s="20" t="s">
        <v>23</v>
      </c>
      <c r="B16" s="21">
        <v>98</v>
      </c>
      <c r="C16" s="22">
        <v>67</v>
      </c>
      <c r="D16" s="22">
        <v>31</v>
      </c>
      <c r="E16" s="21">
        <v>0</v>
      </c>
      <c r="F16" s="22">
        <v>0</v>
      </c>
      <c r="G16" s="23">
        <v>0</v>
      </c>
      <c r="H16" s="22">
        <v>959</v>
      </c>
      <c r="I16" s="22">
        <v>522</v>
      </c>
      <c r="J16" s="22">
        <v>437</v>
      </c>
      <c r="K16" s="21">
        <v>861</v>
      </c>
      <c r="L16" s="53">
        <v>455</v>
      </c>
      <c r="M16" s="54">
        <v>406</v>
      </c>
    </row>
    <row r="17" spans="1:13">
      <c r="A17" s="20" t="s">
        <v>24</v>
      </c>
      <c r="B17" s="21">
        <v>86</v>
      </c>
      <c r="C17" s="22">
        <v>58</v>
      </c>
      <c r="D17" s="22">
        <v>28</v>
      </c>
      <c r="E17" s="21">
        <v>1</v>
      </c>
      <c r="F17" s="22">
        <v>0</v>
      </c>
      <c r="G17" s="23">
        <v>1</v>
      </c>
      <c r="H17" s="22">
        <v>888</v>
      </c>
      <c r="I17" s="22">
        <v>449</v>
      </c>
      <c r="J17" s="22">
        <v>439</v>
      </c>
      <c r="K17" s="21">
        <v>801</v>
      </c>
      <c r="L17" s="53">
        <v>391</v>
      </c>
      <c r="M17" s="54">
        <v>410</v>
      </c>
    </row>
    <row r="18" spans="1:13" ht="20.100000000000001" customHeight="1">
      <c r="A18" s="16" t="s">
        <v>25</v>
      </c>
      <c r="B18" s="17">
        <v>382</v>
      </c>
      <c r="C18" s="18">
        <v>118</v>
      </c>
      <c r="D18" s="18">
        <v>264</v>
      </c>
      <c r="E18" s="17">
        <v>9</v>
      </c>
      <c r="F18" s="18">
        <v>3</v>
      </c>
      <c r="G18" s="19">
        <v>6</v>
      </c>
      <c r="H18" s="18">
        <v>3744</v>
      </c>
      <c r="I18" s="18">
        <v>1839</v>
      </c>
      <c r="J18" s="18">
        <v>1905</v>
      </c>
      <c r="K18" s="17">
        <v>3353</v>
      </c>
      <c r="L18" s="51">
        <v>1718</v>
      </c>
      <c r="M18" s="52">
        <v>1635</v>
      </c>
    </row>
    <row r="19" spans="1:13">
      <c r="A19" s="20" t="s">
        <v>26</v>
      </c>
      <c r="B19" s="21">
        <v>88</v>
      </c>
      <c r="C19" s="22">
        <v>16</v>
      </c>
      <c r="D19" s="22">
        <v>72</v>
      </c>
      <c r="E19" s="21">
        <v>2</v>
      </c>
      <c r="F19" s="22">
        <v>0</v>
      </c>
      <c r="G19" s="23">
        <v>2</v>
      </c>
      <c r="H19" s="22">
        <v>866</v>
      </c>
      <c r="I19" s="22">
        <v>413</v>
      </c>
      <c r="J19" s="22">
        <v>453</v>
      </c>
      <c r="K19" s="21">
        <v>776</v>
      </c>
      <c r="L19" s="53">
        <v>397</v>
      </c>
      <c r="M19" s="54">
        <v>379</v>
      </c>
    </row>
    <row r="20" spans="1:13">
      <c r="A20" s="20" t="s">
        <v>27</v>
      </c>
      <c r="B20" s="21">
        <v>95</v>
      </c>
      <c r="C20" s="22">
        <v>44</v>
      </c>
      <c r="D20" s="22">
        <v>51</v>
      </c>
      <c r="E20" s="21">
        <v>1</v>
      </c>
      <c r="F20" s="22">
        <v>1</v>
      </c>
      <c r="G20" s="23">
        <v>0</v>
      </c>
      <c r="H20" s="22">
        <v>735</v>
      </c>
      <c r="I20" s="22">
        <v>366</v>
      </c>
      <c r="J20" s="22">
        <v>369</v>
      </c>
      <c r="K20" s="21">
        <v>639</v>
      </c>
      <c r="L20" s="53">
        <v>321</v>
      </c>
      <c r="M20" s="54">
        <v>318</v>
      </c>
    </row>
    <row r="21" spans="1:13">
      <c r="A21" s="20" t="s">
        <v>28</v>
      </c>
      <c r="B21" s="21">
        <v>80</v>
      </c>
      <c r="C21" s="22">
        <v>21</v>
      </c>
      <c r="D21" s="22">
        <v>59</v>
      </c>
      <c r="E21" s="21">
        <v>2</v>
      </c>
      <c r="F21" s="22">
        <v>0</v>
      </c>
      <c r="G21" s="23">
        <v>2</v>
      </c>
      <c r="H21" s="22">
        <v>710</v>
      </c>
      <c r="I21" s="22">
        <v>343</v>
      </c>
      <c r="J21" s="22">
        <v>367</v>
      </c>
      <c r="K21" s="21">
        <v>628</v>
      </c>
      <c r="L21" s="53">
        <v>322</v>
      </c>
      <c r="M21" s="54">
        <v>306</v>
      </c>
    </row>
    <row r="22" spans="1:13">
      <c r="A22" s="20" t="s">
        <v>29</v>
      </c>
      <c r="B22" s="21">
        <v>60</v>
      </c>
      <c r="C22" s="22">
        <v>18</v>
      </c>
      <c r="D22" s="22">
        <v>42</v>
      </c>
      <c r="E22" s="21">
        <v>3</v>
      </c>
      <c r="F22" s="22">
        <v>1</v>
      </c>
      <c r="G22" s="23">
        <v>2</v>
      </c>
      <c r="H22" s="22">
        <v>900</v>
      </c>
      <c r="I22" s="22">
        <v>451</v>
      </c>
      <c r="J22" s="22">
        <v>449</v>
      </c>
      <c r="K22" s="21">
        <v>837</v>
      </c>
      <c r="L22" s="53">
        <v>432</v>
      </c>
      <c r="M22" s="54">
        <v>405</v>
      </c>
    </row>
    <row r="23" spans="1:13">
      <c r="A23" s="20" t="s">
        <v>30</v>
      </c>
      <c r="B23" s="21">
        <v>59</v>
      </c>
      <c r="C23" s="22">
        <v>19</v>
      </c>
      <c r="D23" s="22">
        <v>40</v>
      </c>
      <c r="E23" s="21">
        <v>1</v>
      </c>
      <c r="F23" s="22">
        <v>1</v>
      </c>
      <c r="G23" s="23">
        <v>0</v>
      </c>
      <c r="H23" s="22">
        <v>533</v>
      </c>
      <c r="I23" s="22">
        <v>266</v>
      </c>
      <c r="J23" s="22">
        <v>267</v>
      </c>
      <c r="K23" s="21">
        <v>473</v>
      </c>
      <c r="L23" s="53">
        <v>246</v>
      </c>
      <c r="M23" s="54">
        <v>227</v>
      </c>
    </row>
    <row r="24" spans="1:13" ht="20.100000000000001" customHeight="1">
      <c r="A24" s="16" t="s">
        <v>31</v>
      </c>
      <c r="B24" s="17">
        <v>2775</v>
      </c>
      <c r="C24" s="18">
        <v>1499</v>
      </c>
      <c r="D24" s="18">
        <v>1276</v>
      </c>
      <c r="E24" s="17">
        <v>28</v>
      </c>
      <c r="F24" s="18">
        <v>18</v>
      </c>
      <c r="G24" s="19">
        <v>10</v>
      </c>
      <c r="H24" s="18">
        <v>8137</v>
      </c>
      <c r="I24" s="18">
        <v>4188</v>
      </c>
      <c r="J24" s="18">
        <v>3949</v>
      </c>
      <c r="K24" s="17">
        <v>5334</v>
      </c>
      <c r="L24" s="51">
        <v>2671</v>
      </c>
      <c r="M24" s="52">
        <v>2663</v>
      </c>
    </row>
    <row r="25" spans="1:13">
      <c r="A25" s="20" t="s">
        <v>32</v>
      </c>
      <c r="B25" s="21">
        <v>31</v>
      </c>
      <c r="C25" s="22">
        <v>0</v>
      </c>
      <c r="D25" s="22">
        <v>31</v>
      </c>
      <c r="E25" s="21">
        <v>4</v>
      </c>
      <c r="F25" s="22">
        <v>2</v>
      </c>
      <c r="G25" s="23">
        <v>2</v>
      </c>
      <c r="H25" s="22">
        <v>646</v>
      </c>
      <c r="I25" s="22">
        <v>315</v>
      </c>
      <c r="J25" s="22">
        <v>331</v>
      </c>
      <c r="K25" s="21">
        <v>611</v>
      </c>
      <c r="L25" s="53">
        <v>313</v>
      </c>
      <c r="M25" s="54">
        <v>298</v>
      </c>
    </row>
    <row r="26" spans="1:13">
      <c r="A26" s="20" t="s">
        <v>33</v>
      </c>
      <c r="B26" s="21">
        <v>51</v>
      </c>
      <c r="C26" s="22">
        <v>3</v>
      </c>
      <c r="D26" s="22">
        <v>48</v>
      </c>
      <c r="E26" s="21">
        <v>3</v>
      </c>
      <c r="F26" s="22">
        <v>2</v>
      </c>
      <c r="G26" s="23">
        <v>1</v>
      </c>
      <c r="H26" s="22">
        <v>935</v>
      </c>
      <c r="I26" s="22">
        <v>419</v>
      </c>
      <c r="J26" s="22">
        <v>516</v>
      </c>
      <c r="K26" s="21">
        <v>881</v>
      </c>
      <c r="L26" s="53">
        <v>414</v>
      </c>
      <c r="M26" s="54">
        <v>467</v>
      </c>
    </row>
    <row r="27" spans="1:13">
      <c r="A27" s="20" t="s">
        <v>34</v>
      </c>
      <c r="B27" s="21">
        <v>92</v>
      </c>
      <c r="C27" s="22">
        <v>55</v>
      </c>
      <c r="D27" s="22">
        <v>37</v>
      </c>
      <c r="E27" s="21">
        <v>3</v>
      </c>
      <c r="F27" s="22">
        <v>2</v>
      </c>
      <c r="G27" s="23">
        <v>1</v>
      </c>
      <c r="H27" s="22">
        <v>680</v>
      </c>
      <c r="I27" s="22">
        <v>321</v>
      </c>
      <c r="J27" s="22">
        <v>359</v>
      </c>
      <c r="K27" s="21">
        <v>585</v>
      </c>
      <c r="L27" s="53">
        <v>264</v>
      </c>
      <c r="M27" s="54">
        <v>321</v>
      </c>
    </row>
    <row r="28" spans="1:13">
      <c r="A28" s="20" t="s">
        <v>35</v>
      </c>
      <c r="B28" s="21">
        <v>612</v>
      </c>
      <c r="C28" s="22">
        <v>337</v>
      </c>
      <c r="D28" s="22">
        <v>275</v>
      </c>
      <c r="E28" s="21">
        <v>4</v>
      </c>
      <c r="F28" s="22">
        <v>3</v>
      </c>
      <c r="G28" s="23">
        <v>1</v>
      </c>
      <c r="H28" s="22">
        <v>1606</v>
      </c>
      <c r="I28" s="22">
        <v>835</v>
      </c>
      <c r="J28" s="22">
        <v>771</v>
      </c>
      <c r="K28" s="21">
        <v>990</v>
      </c>
      <c r="L28" s="53">
        <v>495</v>
      </c>
      <c r="M28" s="54">
        <v>495</v>
      </c>
    </row>
    <row r="29" spans="1:13">
      <c r="A29" s="20" t="s">
        <v>36</v>
      </c>
      <c r="B29" s="21">
        <v>1989</v>
      </c>
      <c r="C29" s="22">
        <v>1104</v>
      </c>
      <c r="D29" s="22">
        <v>885</v>
      </c>
      <c r="E29" s="21">
        <v>14</v>
      </c>
      <c r="F29" s="22">
        <v>9</v>
      </c>
      <c r="G29" s="23">
        <v>5</v>
      </c>
      <c r="H29" s="22">
        <v>4270</v>
      </c>
      <c r="I29" s="22">
        <v>2298</v>
      </c>
      <c r="J29" s="22">
        <v>1972</v>
      </c>
      <c r="K29" s="21">
        <v>2267</v>
      </c>
      <c r="L29" s="53">
        <v>1185</v>
      </c>
      <c r="M29" s="54">
        <v>1082</v>
      </c>
    </row>
    <row r="30" spans="1:13" ht="20.100000000000001" customHeight="1">
      <c r="A30" s="16" t="s">
        <v>37</v>
      </c>
      <c r="B30" s="17">
        <v>8434</v>
      </c>
      <c r="C30" s="18">
        <v>4310</v>
      </c>
      <c r="D30" s="18">
        <v>4124</v>
      </c>
      <c r="E30" s="17">
        <v>68</v>
      </c>
      <c r="F30" s="18">
        <v>50</v>
      </c>
      <c r="G30" s="19">
        <v>18</v>
      </c>
      <c r="H30" s="18">
        <v>37367</v>
      </c>
      <c r="I30" s="18">
        <v>19470</v>
      </c>
      <c r="J30" s="18">
        <v>17897</v>
      </c>
      <c r="K30" s="17">
        <v>28865</v>
      </c>
      <c r="L30" s="51">
        <v>15110</v>
      </c>
      <c r="M30" s="52">
        <v>13755</v>
      </c>
    </row>
    <row r="31" spans="1:13">
      <c r="A31" s="20" t="s">
        <v>38</v>
      </c>
      <c r="B31" s="21">
        <v>1064</v>
      </c>
      <c r="C31" s="22">
        <v>546</v>
      </c>
      <c r="D31" s="22">
        <v>518</v>
      </c>
      <c r="E31" s="21">
        <v>10</v>
      </c>
      <c r="F31" s="22">
        <v>8</v>
      </c>
      <c r="G31" s="23">
        <v>2</v>
      </c>
      <c r="H31" s="22">
        <v>3764</v>
      </c>
      <c r="I31" s="22">
        <v>2019</v>
      </c>
      <c r="J31" s="22">
        <v>1745</v>
      </c>
      <c r="K31" s="21">
        <v>2690</v>
      </c>
      <c r="L31" s="53">
        <v>1465</v>
      </c>
      <c r="M31" s="54">
        <v>1225</v>
      </c>
    </row>
    <row r="32" spans="1:13">
      <c r="A32" s="20" t="s">
        <v>39</v>
      </c>
      <c r="B32" s="21">
        <v>1901</v>
      </c>
      <c r="C32" s="22">
        <v>917</v>
      </c>
      <c r="D32" s="22">
        <v>984</v>
      </c>
      <c r="E32" s="21">
        <v>12</v>
      </c>
      <c r="F32" s="22">
        <v>11</v>
      </c>
      <c r="G32" s="23">
        <v>1</v>
      </c>
      <c r="H32" s="22">
        <v>5803</v>
      </c>
      <c r="I32" s="22">
        <v>2882</v>
      </c>
      <c r="J32" s="22">
        <v>2921</v>
      </c>
      <c r="K32" s="21">
        <v>3890</v>
      </c>
      <c r="L32" s="53">
        <v>1954</v>
      </c>
      <c r="M32" s="54">
        <v>1936</v>
      </c>
    </row>
    <row r="33" spans="1:13">
      <c r="A33" s="20" t="s">
        <v>40</v>
      </c>
      <c r="B33" s="21">
        <v>1588</v>
      </c>
      <c r="C33" s="22">
        <v>792</v>
      </c>
      <c r="D33" s="22">
        <v>796</v>
      </c>
      <c r="E33" s="21">
        <v>11</v>
      </c>
      <c r="F33" s="22">
        <v>6</v>
      </c>
      <c r="G33" s="23">
        <v>5</v>
      </c>
      <c r="H33" s="22">
        <v>6905</v>
      </c>
      <c r="I33" s="22">
        <v>3412</v>
      </c>
      <c r="J33" s="22">
        <v>3493</v>
      </c>
      <c r="K33" s="21">
        <v>5306</v>
      </c>
      <c r="L33" s="53">
        <v>2614</v>
      </c>
      <c r="M33" s="54">
        <v>2692</v>
      </c>
    </row>
    <row r="34" spans="1:13">
      <c r="A34" s="20" t="s">
        <v>41</v>
      </c>
      <c r="B34" s="21">
        <v>2851</v>
      </c>
      <c r="C34" s="22">
        <v>1380</v>
      </c>
      <c r="D34" s="22">
        <v>1471</v>
      </c>
      <c r="E34" s="21">
        <v>23</v>
      </c>
      <c r="F34" s="22">
        <v>16</v>
      </c>
      <c r="G34" s="23">
        <v>7</v>
      </c>
      <c r="H34" s="22">
        <v>11707</v>
      </c>
      <c r="I34" s="22">
        <v>6179</v>
      </c>
      <c r="J34" s="22">
        <v>5528</v>
      </c>
      <c r="K34" s="21">
        <v>8833</v>
      </c>
      <c r="L34" s="53">
        <v>4783</v>
      </c>
      <c r="M34" s="54">
        <v>4050</v>
      </c>
    </row>
    <row r="35" spans="1:13">
      <c r="A35" s="20" t="s">
        <v>42</v>
      </c>
      <c r="B35" s="21">
        <v>1030</v>
      </c>
      <c r="C35" s="22">
        <v>675</v>
      </c>
      <c r="D35" s="22">
        <v>355</v>
      </c>
      <c r="E35" s="21">
        <v>12</v>
      </c>
      <c r="F35" s="22">
        <v>9</v>
      </c>
      <c r="G35" s="23">
        <v>3</v>
      </c>
      <c r="H35" s="22">
        <v>9188</v>
      </c>
      <c r="I35" s="22">
        <v>4978</v>
      </c>
      <c r="J35" s="22">
        <v>4210</v>
      </c>
      <c r="K35" s="21">
        <v>8146</v>
      </c>
      <c r="L35" s="53">
        <v>4294</v>
      </c>
      <c r="M35" s="54">
        <v>3852</v>
      </c>
    </row>
    <row r="36" spans="1:13" ht="20.100000000000001" customHeight="1">
      <c r="A36" s="16" t="s">
        <v>43</v>
      </c>
      <c r="B36" s="17">
        <v>3042</v>
      </c>
      <c r="C36" s="18">
        <v>2007</v>
      </c>
      <c r="D36" s="18">
        <v>1035</v>
      </c>
      <c r="E36" s="17">
        <v>61</v>
      </c>
      <c r="F36" s="18">
        <v>34</v>
      </c>
      <c r="G36" s="19">
        <v>27</v>
      </c>
      <c r="H36" s="18">
        <v>46548</v>
      </c>
      <c r="I36" s="18">
        <v>24770</v>
      </c>
      <c r="J36" s="18">
        <v>21778</v>
      </c>
      <c r="K36" s="17">
        <v>43445</v>
      </c>
      <c r="L36" s="51">
        <v>22729</v>
      </c>
      <c r="M36" s="52">
        <v>20716</v>
      </c>
    </row>
    <row r="37" spans="1:13">
      <c r="A37" s="20" t="s">
        <v>44</v>
      </c>
      <c r="B37" s="21">
        <v>1098</v>
      </c>
      <c r="C37" s="22">
        <v>801</v>
      </c>
      <c r="D37" s="22">
        <v>297</v>
      </c>
      <c r="E37" s="21">
        <v>10</v>
      </c>
      <c r="F37" s="22">
        <v>5</v>
      </c>
      <c r="G37" s="23">
        <v>5</v>
      </c>
      <c r="H37" s="22">
        <v>10415</v>
      </c>
      <c r="I37" s="22">
        <v>5718</v>
      </c>
      <c r="J37" s="22">
        <v>4697</v>
      </c>
      <c r="K37" s="21">
        <v>9307</v>
      </c>
      <c r="L37" s="53">
        <v>4912</v>
      </c>
      <c r="M37" s="54">
        <v>4395</v>
      </c>
    </row>
    <row r="38" spans="1:13">
      <c r="A38" s="20" t="s">
        <v>45</v>
      </c>
      <c r="B38" s="21">
        <v>611</v>
      </c>
      <c r="C38" s="22">
        <v>351</v>
      </c>
      <c r="D38" s="22">
        <v>260</v>
      </c>
      <c r="E38" s="21">
        <v>8</v>
      </c>
      <c r="F38" s="22">
        <v>6</v>
      </c>
      <c r="G38" s="23">
        <v>2</v>
      </c>
      <c r="H38" s="22">
        <v>9456</v>
      </c>
      <c r="I38" s="22">
        <v>4940</v>
      </c>
      <c r="J38" s="22">
        <v>4516</v>
      </c>
      <c r="K38" s="21">
        <v>8837</v>
      </c>
      <c r="L38" s="53">
        <v>4583</v>
      </c>
      <c r="M38" s="54">
        <v>4254</v>
      </c>
    </row>
    <row r="39" spans="1:13">
      <c r="A39" s="20" t="s">
        <v>46</v>
      </c>
      <c r="B39" s="21">
        <v>379</v>
      </c>
      <c r="C39" s="22">
        <v>211</v>
      </c>
      <c r="D39" s="22">
        <v>168</v>
      </c>
      <c r="E39" s="21">
        <v>20</v>
      </c>
      <c r="F39" s="22">
        <v>13</v>
      </c>
      <c r="G39" s="23">
        <v>7</v>
      </c>
      <c r="H39" s="22">
        <v>9260</v>
      </c>
      <c r="I39" s="22">
        <v>4841</v>
      </c>
      <c r="J39" s="22">
        <v>4419</v>
      </c>
      <c r="K39" s="21">
        <v>8861</v>
      </c>
      <c r="L39" s="53">
        <v>4617</v>
      </c>
      <c r="M39" s="54">
        <v>4244</v>
      </c>
    </row>
    <row r="40" spans="1:13">
      <c r="A40" s="20" t="s">
        <v>47</v>
      </c>
      <c r="B40" s="21">
        <v>471</v>
      </c>
      <c r="C40" s="22">
        <v>333</v>
      </c>
      <c r="D40" s="22">
        <v>138</v>
      </c>
      <c r="E40" s="21">
        <v>8</v>
      </c>
      <c r="F40" s="22">
        <v>2</v>
      </c>
      <c r="G40" s="23">
        <v>6</v>
      </c>
      <c r="H40" s="22">
        <v>9012</v>
      </c>
      <c r="I40" s="22">
        <v>4753</v>
      </c>
      <c r="J40" s="22">
        <v>4259</v>
      </c>
      <c r="K40" s="21">
        <v>8533</v>
      </c>
      <c r="L40" s="53">
        <v>4418</v>
      </c>
      <c r="M40" s="54">
        <v>4115</v>
      </c>
    </row>
    <row r="41" spans="1:13">
      <c r="A41" s="20" t="s">
        <v>48</v>
      </c>
      <c r="B41" s="21">
        <v>483</v>
      </c>
      <c r="C41" s="22">
        <v>311</v>
      </c>
      <c r="D41" s="22">
        <v>172</v>
      </c>
      <c r="E41" s="21">
        <v>15</v>
      </c>
      <c r="F41" s="22">
        <v>8</v>
      </c>
      <c r="G41" s="23">
        <v>7</v>
      </c>
      <c r="H41" s="22">
        <v>8405</v>
      </c>
      <c r="I41" s="22">
        <v>4518</v>
      </c>
      <c r="J41" s="22">
        <v>3887</v>
      </c>
      <c r="K41" s="21">
        <v>7907</v>
      </c>
      <c r="L41" s="53">
        <v>4199</v>
      </c>
      <c r="M41" s="54">
        <v>3708</v>
      </c>
    </row>
    <row r="42" spans="1:13" ht="20.100000000000001" customHeight="1">
      <c r="A42" s="16" t="s">
        <v>49</v>
      </c>
      <c r="B42" s="17">
        <v>660</v>
      </c>
      <c r="C42" s="18">
        <v>305</v>
      </c>
      <c r="D42" s="18">
        <v>355</v>
      </c>
      <c r="E42" s="17">
        <v>76</v>
      </c>
      <c r="F42" s="18">
        <v>57</v>
      </c>
      <c r="G42" s="19">
        <v>19</v>
      </c>
      <c r="H42" s="18">
        <v>32700</v>
      </c>
      <c r="I42" s="18">
        <v>17414</v>
      </c>
      <c r="J42" s="18">
        <v>15286</v>
      </c>
      <c r="K42" s="17">
        <v>31964</v>
      </c>
      <c r="L42" s="51">
        <v>17052</v>
      </c>
      <c r="M42" s="52">
        <v>14912</v>
      </c>
    </row>
    <row r="43" spans="1:13">
      <c r="A43" s="20" t="s">
        <v>50</v>
      </c>
      <c r="B43" s="21">
        <v>111</v>
      </c>
      <c r="C43" s="22">
        <v>42</v>
      </c>
      <c r="D43" s="22">
        <v>69</v>
      </c>
      <c r="E43" s="21">
        <v>14</v>
      </c>
      <c r="F43" s="22">
        <v>9</v>
      </c>
      <c r="G43" s="23">
        <v>5</v>
      </c>
      <c r="H43" s="22">
        <v>7685</v>
      </c>
      <c r="I43" s="22">
        <v>4013</v>
      </c>
      <c r="J43" s="22">
        <v>3672</v>
      </c>
      <c r="K43" s="21">
        <v>7560</v>
      </c>
      <c r="L43" s="53">
        <v>3962</v>
      </c>
      <c r="M43" s="54">
        <v>3598</v>
      </c>
    </row>
    <row r="44" spans="1:13">
      <c r="A44" s="20" t="s">
        <v>51</v>
      </c>
      <c r="B44" s="21">
        <v>169</v>
      </c>
      <c r="C44" s="22">
        <v>44</v>
      </c>
      <c r="D44" s="22">
        <v>125</v>
      </c>
      <c r="E44" s="21">
        <v>15</v>
      </c>
      <c r="F44" s="22">
        <v>13</v>
      </c>
      <c r="G44" s="23">
        <v>2</v>
      </c>
      <c r="H44" s="22">
        <v>7238</v>
      </c>
      <c r="I44" s="22">
        <v>3819</v>
      </c>
      <c r="J44" s="22">
        <v>3419</v>
      </c>
      <c r="K44" s="21">
        <v>7054</v>
      </c>
      <c r="L44" s="53">
        <v>3762</v>
      </c>
      <c r="M44" s="54">
        <v>3292</v>
      </c>
    </row>
    <row r="45" spans="1:13">
      <c r="A45" s="20" t="s">
        <v>52</v>
      </c>
      <c r="B45" s="21">
        <v>85</v>
      </c>
      <c r="C45" s="22">
        <v>92</v>
      </c>
      <c r="D45" s="22">
        <v>-7</v>
      </c>
      <c r="E45" s="21">
        <v>9</v>
      </c>
      <c r="F45" s="22">
        <v>6</v>
      </c>
      <c r="G45" s="23">
        <v>3</v>
      </c>
      <c r="H45" s="22">
        <v>6373</v>
      </c>
      <c r="I45" s="22">
        <v>3473</v>
      </c>
      <c r="J45" s="22">
        <v>2900</v>
      </c>
      <c r="K45" s="21">
        <v>6279</v>
      </c>
      <c r="L45" s="53">
        <v>3375</v>
      </c>
      <c r="M45" s="54">
        <v>2904</v>
      </c>
    </row>
    <row r="46" spans="1:13">
      <c r="A46" s="20" t="s">
        <v>53</v>
      </c>
      <c r="B46" s="21">
        <v>154</v>
      </c>
      <c r="C46" s="22">
        <v>55</v>
      </c>
      <c r="D46" s="22">
        <v>99</v>
      </c>
      <c r="E46" s="21">
        <v>16</v>
      </c>
      <c r="F46" s="22">
        <v>12</v>
      </c>
      <c r="G46" s="23">
        <v>4</v>
      </c>
      <c r="H46" s="22">
        <v>5955</v>
      </c>
      <c r="I46" s="22">
        <v>3156</v>
      </c>
      <c r="J46" s="22">
        <v>2799</v>
      </c>
      <c r="K46" s="21">
        <v>5785</v>
      </c>
      <c r="L46" s="53">
        <v>3089</v>
      </c>
      <c r="M46" s="54">
        <v>2696</v>
      </c>
    </row>
    <row r="47" spans="1:13">
      <c r="A47" s="20" t="s">
        <v>54</v>
      </c>
      <c r="B47" s="21">
        <v>141</v>
      </c>
      <c r="C47" s="22">
        <v>72</v>
      </c>
      <c r="D47" s="22">
        <v>69</v>
      </c>
      <c r="E47" s="21">
        <v>22</v>
      </c>
      <c r="F47" s="22">
        <v>17</v>
      </c>
      <c r="G47" s="23">
        <v>5</v>
      </c>
      <c r="H47" s="22">
        <v>5449</v>
      </c>
      <c r="I47" s="22">
        <v>2953</v>
      </c>
      <c r="J47" s="22">
        <v>2496</v>
      </c>
      <c r="K47" s="21">
        <v>5286</v>
      </c>
      <c r="L47" s="53">
        <v>2864</v>
      </c>
      <c r="M47" s="54">
        <v>2422</v>
      </c>
    </row>
    <row r="48" spans="1:13" ht="20.100000000000001" customHeight="1">
      <c r="A48" s="16" t="s">
        <v>55</v>
      </c>
      <c r="B48" s="17">
        <v>381</v>
      </c>
      <c r="C48" s="18">
        <v>185</v>
      </c>
      <c r="D48" s="18">
        <v>196</v>
      </c>
      <c r="E48" s="17">
        <v>123</v>
      </c>
      <c r="F48" s="18">
        <v>74</v>
      </c>
      <c r="G48" s="19">
        <v>49</v>
      </c>
      <c r="H48" s="18">
        <v>21373</v>
      </c>
      <c r="I48" s="18">
        <v>11810</v>
      </c>
      <c r="J48" s="18">
        <v>9563</v>
      </c>
      <c r="K48" s="17">
        <v>20869</v>
      </c>
      <c r="L48" s="51">
        <v>11551</v>
      </c>
      <c r="M48" s="52">
        <v>9318</v>
      </c>
    </row>
    <row r="49" spans="1:13">
      <c r="A49" s="20" t="s">
        <v>56</v>
      </c>
      <c r="B49" s="21">
        <v>77</v>
      </c>
      <c r="C49" s="22">
        <v>46</v>
      </c>
      <c r="D49" s="22">
        <v>31</v>
      </c>
      <c r="E49" s="21">
        <v>27</v>
      </c>
      <c r="F49" s="22">
        <v>19</v>
      </c>
      <c r="G49" s="23">
        <v>8</v>
      </c>
      <c r="H49" s="22">
        <v>5235</v>
      </c>
      <c r="I49" s="22">
        <v>2901</v>
      </c>
      <c r="J49" s="22">
        <v>2334</v>
      </c>
      <c r="K49" s="21">
        <v>5131</v>
      </c>
      <c r="L49" s="53">
        <v>2836</v>
      </c>
      <c r="M49" s="54">
        <v>2295</v>
      </c>
    </row>
    <row r="50" spans="1:13">
      <c r="A50" s="20" t="s">
        <v>57</v>
      </c>
      <c r="B50" s="21">
        <v>43</v>
      </c>
      <c r="C50" s="22">
        <v>13</v>
      </c>
      <c r="D50" s="22">
        <v>30</v>
      </c>
      <c r="E50" s="21">
        <v>20</v>
      </c>
      <c r="F50" s="22">
        <v>12</v>
      </c>
      <c r="G50" s="23">
        <v>8</v>
      </c>
      <c r="H50" s="22">
        <v>4637</v>
      </c>
      <c r="I50" s="22">
        <v>2579</v>
      </c>
      <c r="J50" s="22">
        <v>2058</v>
      </c>
      <c r="K50" s="21">
        <v>4574</v>
      </c>
      <c r="L50" s="53">
        <v>2554</v>
      </c>
      <c r="M50" s="54">
        <v>2020</v>
      </c>
    </row>
    <row r="51" spans="1:13">
      <c r="A51" s="20" t="s">
        <v>58</v>
      </c>
      <c r="B51" s="21">
        <v>138</v>
      </c>
      <c r="C51" s="22">
        <v>96</v>
      </c>
      <c r="D51" s="22">
        <v>42</v>
      </c>
      <c r="E51" s="21">
        <v>28</v>
      </c>
      <c r="F51" s="22">
        <v>13</v>
      </c>
      <c r="G51" s="23">
        <v>15</v>
      </c>
      <c r="H51" s="22">
        <v>4264</v>
      </c>
      <c r="I51" s="22">
        <v>2311</v>
      </c>
      <c r="J51" s="22">
        <v>1953</v>
      </c>
      <c r="K51" s="21">
        <v>4098</v>
      </c>
      <c r="L51" s="53">
        <v>2202</v>
      </c>
      <c r="M51" s="54">
        <v>1896</v>
      </c>
    </row>
    <row r="52" spans="1:13">
      <c r="A52" s="20" t="s">
        <v>59</v>
      </c>
      <c r="B52" s="21">
        <v>102</v>
      </c>
      <c r="C52" s="22">
        <v>64</v>
      </c>
      <c r="D52" s="22">
        <v>38</v>
      </c>
      <c r="E52" s="21">
        <v>21</v>
      </c>
      <c r="F52" s="22">
        <v>12</v>
      </c>
      <c r="G52" s="23">
        <v>9</v>
      </c>
      <c r="H52" s="22">
        <v>3814</v>
      </c>
      <c r="I52" s="22">
        <v>2138</v>
      </c>
      <c r="J52" s="22">
        <v>1676</v>
      </c>
      <c r="K52" s="21">
        <v>3691</v>
      </c>
      <c r="L52" s="53">
        <v>2062</v>
      </c>
      <c r="M52" s="54">
        <v>1629</v>
      </c>
    </row>
    <row r="53" spans="1:13">
      <c r="A53" s="20" t="s">
        <v>60</v>
      </c>
      <c r="B53" s="21">
        <v>21</v>
      </c>
      <c r="C53" s="22">
        <v>-34</v>
      </c>
      <c r="D53" s="22">
        <v>55</v>
      </c>
      <c r="E53" s="21">
        <v>27</v>
      </c>
      <c r="F53" s="22">
        <v>18</v>
      </c>
      <c r="G53" s="23">
        <v>9</v>
      </c>
      <c r="H53" s="22">
        <v>3423</v>
      </c>
      <c r="I53" s="22">
        <v>1881</v>
      </c>
      <c r="J53" s="22">
        <v>1542</v>
      </c>
      <c r="K53" s="21">
        <v>3375</v>
      </c>
      <c r="L53" s="53">
        <v>1897</v>
      </c>
      <c r="M53" s="54">
        <v>1478</v>
      </c>
    </row>
    <row r="54" spans="1:13" ht="20.100000000000001" customHeight="1">
      <c r="A54" s="16" t="s">
        <v>61</v>
      </c>
      <c r="B54" s="17">
        <v>146</v>
      </c>
      <c r="C54" s="18">
        <v>89</v>
      </c>
      <c r="D54" s="18">
        <v>57</v>
      </c>
      <c r="E54" s="17">
        <v>202</v>
      </c>
      <c r="F54" s="18">
        <v>114</v>
      </c>
      <c r="G54" s="19">
        <v>88</v>
      </c>
      <c r="H54" s="18">
        <v>14274</v>
      </c>
      <c r="I54" s="18">
        <v>8155</v>
      </c>
      <c r="J54" s="18">
        <v>6119</v>
      </c>
      <c r="K54" s="17">
        <v>13926</v>
      </c>
      <c r="L54" s="51">
        <v>7952</v>
      </c>
      <c r="M54" s="52">
        <v>5974</v>
      </c>
    </row>
    <row r="55" spans="1:13">
      <c r="A55" s="20" t="s">
        <v>62</v>
      </c>
      <c r="B55" s="21">
        <v>34</v>
      </c>
      <c r="C55" s="22">
        <v>14</v>
      </c>
      <c r="D55" s="22">
        <v>20</v>
      </c>
      <c r="E55" s="21">
        <v>35</v>
      </c>
      <c r="F55" s="22">
        <v>26</v>
      </c>
      <c r="G55" s="23">
        <v>9</v>
      </c>
      <c r="H55" s="22">
        <v>3265</v>
      </c>
      <c r="I55" s="22">
        <v>1833</v>
      </c>
      <c r="J55" s="22">
        <v>1432</v>
      </c>
      <c r="K55" s="21">
        <v>3196</v>
      </c>
      <c r="L55" s="53">
        <v>1793</v>
      </c>
      <c r="M55" s="54">
        <v>1403</v>
      </c>
    </row>
    <row r="56" spans="1:13">
      <c r="A56" s="20" t="s">
        <v>63</v>
      </c>
      <c r="B56" s="21">
        <v>8</v>
      </c>
      <c r="C56" s="22">
        <v>-18</v>
      </c>
      <c r="D56" s="22">
        <v>26</v>
      </c>
      <c r="E56" s="21">
        <v>31</v>
      </c>
      <c r="F56" s="22">
        <v>18</v>
      </c>
      <c r="G56" s="23">
        <v>13</v>
      </c>
      <c r="H56" s="22">
        <v>2928</v>
      </c>
      <c r="I56" s="22">
        <v>1658</v>
      </c>
      <c r="J56" s="22">
        <v>1270</v>
      </c>
      <c r="K56" s="21">
        <v>2889</v>
      </c>
      <c r="L56" s="53">
        <v>1658</v>
      </c>
      <c r="M56" s="54">
        <v>1231</v>
      </c>
    </row>
    <row r="57" spans="1:13">
      <c r="A57" s="20" t="s">
        <v>64</v>
      </c>
      <c r="B57" s="21">
        <v>97</v>
      </c>
      <c r="C57" s="22">
        <v>71</v>
      </c>
      <c r="D57" s="22">
        <v>26</v>
      </c>
      <c r="E57" s="21">
        <v>37</v>
      </c>
      <c r="F57" s="22">
        <v>19</v>
      </c>
      <c r="G57" s="23">
        <v>18</v>
      </c>
      <c r="H57" s="22">
        <v>2823</v>
      </c>
      <c r="I57" s="22">
        <v>1671</v>
      </c>
      <c r="J57" s="22">
        <v>1152</v>
      </c>
      <c r="K57" s="21">
        <v>2689</v>
      </c>
      <c r="L57" s="53">
        <v>1581</v>
      </c>
      <c r="M57" s="54">
        <v>1108</v>
      </c>
    </row>
    <row r="58" spans="1:13">
      <c r="A58" s="20" t="s">
        <v>65</v>
      </c>
      <c r="B58" s="21">
        <v>55</v>
      </c>
      <c r="C58" s="22">
        <v>35</v>
      </c>
      <c r="D58" s="22">
        <v>20</v>
      </c>
      <c r="E58" s="21">
        <v>55</v>
      </c>
      <c r="F58" s="22">
        <v>30</v>
      </c>
      <c r="G58" s="23">
        <v>25</v>
      </c>
      <c r="H58" s="22">
        <v>2672</v>
      </c>
      <c r="I58" s="22">
        <v>1541</v>
      </c>
      <c r="J58" s="22">
        <v>1131</v>
      </c>
      <c r="K58" s="21">
        <v>2562</v>
      </c>
      <c r="L58" s="53">
        <v>1476</v>
      </c>
      <c r="M58" s="54">
        <v>1086</v>
      </c>
    </row>
    <row r="59" spans="1:13">
      <c r="A59" s="20" t="s">
        <v>66</v>
      </c>
      <c r="B59" s="21">
        <v>-48</v>
      </c>
      <c r="C59" s="22">
        <v>-13</v>
      </c>
      <c r="D59" s="22">
        <v>-35</v>
      </c>
      <c r="E59" s="21">
        <v>44</v>
      </c>
      <c r="F59" s="22">
        <v>21</v>
      </c>
      <c r="G59" s="23">
        <v>23</v>
      </c>
      <c r="H59" s="22">
        <v>2586</v>
      </c>
      <c r="I59" s="22">
        <v>1452</v>
      </c>
      <c r="J59" s="22">
        <v>1134</v>
      </c>
      <c r="K59" s="21">
        <v>2590</v>
      </c>
      <c r="L59" s="53">
        <v>1444</v>
      </c>
      <c r="M59" s="54">
        <v>1146</v>
      </c>
    </row>
    <row r="60" spans="1:13" ht="20.100000000000001" customHeight="1">
      <c r="A60" s="16" t="s">
        <v>67</v>
      </c>
      <c r="B60" s="17">
        <v>-107</v>
      </c>
      <c r="C60" s="18">
        <v>-206</v>
      </c>
      <c r="D60" s="18">
        <v>99</v>
      </c>
      <c r="E60" s="17">
        <v>374</v>
      </c>
      <c r="F60" s="18">
        <v>219</v>
      </c>
      <c r="G60" s="19">
        <v>155</v>
      </c>
      <c r="H60" s="18">
        <v>11580</v>
      </c>
      <c r="I60" s="18">
        <v>6550</v>
      </c>
      <c r="J60" s="18">
        <v>5030</v>
      </c>
      <c r="K60" s="17">
        <v>11313</v>
      </c>
      <c r="L60" s="51">
        <v>6537</v>
      </c>
      <c r="M60" s="52">
        <v>4776</v>
      </c>
    </row>
    <row r="61" spans="1:13">
      <c r="A61" s="20" t="s">
        <v>68</v>
      </c>
      <c r="B61" s="21">
        <v>-28</v>
      </c>
      <c r="C61" s="22">
        <v>-47</v>
      </c>
      <c r="D61" s="22">
        <v>19</v>
      </c>
      <c r="E61" s="21">
        <v>51</v>
      </c>
      <c r="F61" s="22">
        <v>29</v>
      </c>
      <c r="G61" s="23">
        <v>22</v>
      </c>
      <c r="H61" s="22">
        <v>2572</v>
      </c>
      <c r="I61" s="22">
        <v>1479</v>
      </c>
      <c r="J61" s="22">
        <v>1093</v>
      </c>
      <c r="K61" s="21">
        <v>2549</v>
      </c>
      <c r="L61" s="53">
        <v>1497</v>
      </c>
      <c r="M61" s="54">
        <v>1052</v>
      </c>
    </row>
    <row r="62" spans="1:13">
      <c r="A62" s="20" t="s">
        <v>69</v>
      </c>
      <c r="B62" s="21">
        <v>-24</v>
      </c>
      <c r="C62" s="22">
        <v>-29</v>
      </c>
      <c r="D62" s="22">
        <v>5</v>
      </c>
      <c r="E62" s="21">
        <v>64</v>
      </c>
      <c r="F62" s="22">
        <v>40</v>
      </c>
      <c r="G62" s="23">
        <v>24</v>
      </c>
      <c r="H62" s="22">
        <v>2371</v>
      </c>
      <c r="I62" s="22">
        <v>1315</v>
      </c>
      <c r="J62" s="22">
        <v>1056</v>
      </c>
      <c r="K62" s="21">
        <v>2331</v>
      </c>
      <c r="L62" s="53">
        <v>1304</v>
      </c>
      <c r="M62" s="54">
        <v>1027</v>
      </c>
    </row>
    <row r="63" spans="1:13">
      <c r="A63" s="20" t="s">
        <v>70</v>
      </c>
      <c r="B63" s="21">
        <v>10</v>
      </c>
      <c r="C63" s="22">
        <v>-74</v>
      </c>
      <c r="D63" s="22">
        <v>84</v>
      </c>
      <c r="E63" s="21">
        <v>82</v>
      </c>
      <c r="F63" s="22">
        <v>46</v>
      </c>
      <c r="G63" s="23">
        <v>36</v>
      </c>
      <c r="H63" s="22">
        <v>2309</v>
      </c>
      <c r="I63" s="22">
        <v>1319</v>
      </c>
      <c r="J63" s="22">
        <v>990</v>
      </c>
      <c r="K63" s="21">
        <v>2217</v>
      </c>
      <c r="L63" s="53">
        <v>1347</v>
      </c>
      <c r="M63" s="54">
        <v>870</v>
      </c>
    </row>
    <row r="64" spans="1:13">
      <c r="A64" s="20" t="s">
        <v>71</v>
      </c>
      <c r="B64" s="21">
        <v>15</v>
      </c>
      <c r="C64" s="22">
        <v>-11</v>
      </c>
      <c r="D64" s="22">
        <v>26</v>
      </c>
      <c r="E64" s="21">
        <v>77</v>
      </c>
      <c r="F64" s="22">
        <v>48</v>
      </c>
      <c r="G64" s="23">
        <v>29</v>
      </c>
      <c r="H64" s="22">
        <v>2240</v>
      </c>
      <c r="I64" s="22">
        <v>1271</v>
      </c>
      <c r="J64" s="22">
        <v>969</v>
      </c>
      <c r="K64" s="21">
        <v>2148</v>
      </c>
      <c r="L64" s="53">
        <v>1234</v>
      </c>
      <c r="M64" s="54">
        <v>914</v>
      </c>
    </row>
    <row r="65" spans="1:13">
      <c r="A65" s="24" t="s">
        <v>72</v>
      </c>
      <c r="B65" s="25">
        <v>-80</v>
      </c>
      <c r="C65" s="26">
        <v>-45</v>
      </c>
      <c r="D65" s="26">
        <v>-35</v>
      </c>
      <c r="E65" s="25">
        <v>100</v>
      </c>
      <c r="F65" s="26">
        <v>56</v>
      </c>
      <c r="G65" s="27">
        <v>44</v>
      </c>
      <c r="H65" s="26">
        <v>2088</v>
      </c>
      <c r="I65" s="26">
        <v>1166</v>
      </c>
      <c r="J65" s="26">
        <v>922</v>
      </c>
      <c r="K65" s="25">
        <v>2068</v>
      </c>
      <c r="L65" s="55">
        <v>1155</v>
      </c>
      <c r="M65" s="56">
        <v>91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6394</v>
      </c>
      <c r="C69" s="58">
        <v>13522</v>
      </c>
      <c r="D69" s="59">
        <v>12872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6394</v>
      </c>
      <c r="C70" s="61">
        <v>13522</v>
      </c>
      <c r="D70" s="62">
        <v>12872</v>
      </c>
    </row>
    <row r="71" spans="1:13">
      <c r="A71" s="24" t="s">
        <v>14</v>
      </c>
      <c r="B71" s="63">
        <v>26394</v>
      </c>
      <c r="C71" s="64">
        <v>13522</v>
      </c>
      <c r="D71" s="65">
        <v>12872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4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66">
        <v>-488</v>
      </c>
      <c r="C77" s="18">
        <v>-335</v>
      </c>
      <c r="D77" s="18">
        <v>-153</v>
      </c>
      <c r="E77" s="17">
        <v>562</v>
      </c>
      <c r="F77" s="18">
        <v>358</v>
      </c>
      <c r="G77" s="19">
        <v>204</v>
      </c>
      <c r="H77" s="18">
        <v>8674</v>
      </c>
      <c r="I77" s="18">
        <v>4991</v>
      </c>
      <c r="J77" s="18">
        <v>3683</v>
      </c>
      <c r="K77" s="17">
        <v>8600</v>
      </c>
      <c r="L77" s="51">
        <v>4968</v>
      </c>
      <c r="M77" s="52">
        <v>3632</v>
      </c>
    </row>
    <row r="78" spans="1:13">
      <c r="A78" s="40" t="s">
        <v>81</v>
      </c>
      <c r="B78" s="21">
        <v>-153</v>
      </c>
      <c r="C78" s="22">
        <v>-96</v>
      </c>
      <c r="D78" s="22">
        <v>-57</v>
      </c>
      <c r="E78" s="21">
        <v>93</v>
      </c>
      <c r="F78" s="22">
        <v>53</v>
      </c>
      <c r="G78" s="23">
        <v>40</v>
      </c>
      <c r="H78" s="22">
        <v>1939</v>
      </c>
      <c r="I78" s="22">
        <v>1099</v>
      </c>
      <c r="J78" s="22">
        <v>840</v>
      </c>
      <c r="K78" s="21">
        <v>1999</v>
      </c>
      <c r="L78" s="53">
        <v>1142</v>
      </c>
      <c r="M78" s="54">
        <v>857</v>
      </c>
    </row>
    <row r="79" spans="1:13">
      <c r="A79" s="40" t="s">
        <v>82</v>
      </c>
      <c r="B79" s="21">
        <v>-59</v>
      </c>
      <c r="C79" s="22">
        <v>-19</v>
      </c>
      <c r="D79" s="22">
        <v>-40</v>
      </c>
      <c r="E79" s="21">
        <v>108</v>
      </c>
      <c r="F79" s="22">
        <v>64</v>
      </c>
      <c r="G79" s="23">
        <v>44</v>
      </c>
      <c r="H79" s="22">
        <v>1924</v>
      </c>
      <c r="I79" s="22">
        <v>1113</v>
      </c>
      <c r="J79" s="22">
        <v>811</v>
      </c>
      <c r="K79" s="21">
        <v>1875</v>
      </c>
      <c r="L79" s="53">
        <v>1068</v>
      </c>
      <c r="M79" s="54">
        <v>807</v>
      </c>
    </row>
    <row r="80" spans="1:13">
      <c r="A80" s="40" t="s">
        <v>83</v>
      </c>
      <c r="B80" s="21">
        <v>-82</v>
      </c>
      <c r="C80" s="22">
        <v>-74</v>
      </c>
      <c r="D80" s="22">
        <v>-8</v>
      </c>
      <c r="E80" s="21">
        <v>120</v>
      </c>
      <c r="F80" s="22">
        <v>80</v>
      </c>
      <c r="G80" s="23">
        <v>40</v>
      </c>
      <c r="H80" s="22">
        <v>1843</v>
      </c>
      <c r="I80" s="22">
        <v>1076</v>
      </c>
      <c r="J80" s="22">
        <v>767</v>
      </c>
      <c r="K80" s="21">
        <v>1805</v>
      </c>
      <c r="L80" s="53">
        <v>1070</v>
      </c>
      <c r="M80" s="54">
        <v>735</v>
      </c>
    </row>
    <row r="81" spans="1:13">
      <c r="A81" s="40" t="s">
        <v>84</v>
      </c>
      <c r="B81" s="21">
        <v>-87</v>
      </c>
      <c r="C81" s="22">
        <v>-53</v>
      </c>
      <c r="D81" s="22">
        <v>-34</v>
      </c>
      <c r="E81" s="21">
        <v>102</v>
      </c>
      <c r="F81" s="22">
        <v>65</v>
      </c>
      <c r="G81" s="23">
        <v>37</v>
      </c>
      <c r="H81" s="22">
        <v>1357</v>
      </c>
      <c r="I81" s="22">
        <v>801</v>
      </c>
      <c r="J81" s="22">
        <v>556</v>
      </c>
      <c r="K81" s="21">
        <v>1342</v>
      </c>
      <c r="L81" s="53">
        <v>789</v>
      </c>
      <c r="M81" s="54">
        <v>553</v>
      </c>
    </row>
    <row r="82" spans="1:13">
      <c r="A82" s="40" t="s">
        <v>85</v>
      </c>
      <c r="B82" s="21">
        <v>-107</v>
      </c>
      <c r="C82" s="22">
        <v>-93</v>
      </c>
      <c r="D82" s="22">
        <v>-14</v>
      </c>
      <c r="E82" s="21">
        <v>139</v>
      </c>
      <c r="F82" s="22">
        <v>96</v>
      </c>
      <c r="G82" s="23">
        <v>43</v>
      </c>
      <c r="H82" s="22">
        <v>1611</v>
      </c>
      <c r="I82" s="22">
        <v>902</v>
      </c>
      <c r="J82" s="22">
        <v>709</v>
      </c>
      <c r="K82" s="21">
        <v>1579</v>
      </c>
      <c r="L82" s="53">
        <v>899</v>
      </c>
      <c r="M82" s="54">
        <v>680</v>
      </c>
    </row>
    <row r="83" spans="1:13" ht="19.5" customHeight="1">
      <c r="A83" s="34" t="s">
        <v>86</v>
      </c>
      <c r="B83" s="17">
        <v>-1102</v>
      </c>
      <c r="C83" s="18">
        <v>-668</v>
      </c>
      <c r="D83" s="18">
        <v>-434</v>
      </c>
      <c r="E83" s="17">
        <v>801</v>
      </c>
      <c r="F83" s="18">
        <v>546</v>
      </c>
      <c r="G83" s="19">
        <v>255</v>
      </c>
      <c r="H83" s="18">
        <v>6118</v>
      </c>
      <c r="I83" s="18">
        <v>3535</v>
      </c>
      <c r="J83" s="18">
        <v>2583</v>
      </c>
      <c r="K83" s="17">
        <v>6419</v>
      </c>
      <c r="L83" s="51">
        <v>3657</v>
      </c>
      <c r="M83" s="52">
        <v>2762</v>
      </c>
    </row>
    <row r="84" spans="1:13">
      <c r="A84" s="40" t="s">
        <v>87</v>
      </c>
      <c r="B84" s="21">
        <v>-205</v>
      </c>
      <c r="C84" s="22">
        <v>-127</v>
      </c>
      <c r="D84" s="22">
        <v>-78</v>
      </c>
      <c r="E84" s="21">
        <v>130</v>
      </c>
      <c r="F84" s="22">
        <v>89</v>
      </c>
      <c r="G84" s="23">
        <v>41</v>
      </c>
      <c r="H84" s="22">
        <v>1444</v>
      </c>
      <c r="I84" s="22">
        <v>826</v>
      </c>
      <c r="J84" s="22">
        <v>618</v>
      </c>
      <c r="K84" s="21">
        <v>1519</v>
      </c>
      <c r="L84" s="53">
        <v>864</v>
      </c>
      <c r="M84" s="54">
        <v>655</v>
      </c>
    </row>
    <row r="85" spans="1:13">
      <c r="A85" s="40" t="s">
        <v>88</v>
      </c>
      <c r="B85" s="21">
        <v>-163</v>
      </c>
      <c r="C85" s="22">
        <v>-94</v>
      </c>
      <c r="D85" s="22">
        <v>-69</v>
      </c>
      <c r="E85" s="21">
        <v>165</v>
      </c>
      <c r="F85" s="22">
        <v>120</v>
      </c>
      <c r="G85" s="23">
        <v>45</v>
      </c>
      <c r="H85" s="22">
        <v>1356</v>
      </c>
      <c r="I85" s="22">
        <v>792</v>
      </c>
      <c r="J85" s="22">
        <v>564</v>
      </c>
      <c r="K85" s="21">
        <v>1354</v>
      </c>
      <c r="L85" s="53">
        <v>766</v>
      </c>
      <c r="M85" s="54">
        <v>588</v>
      </c>
    </row>
    <row r="86" spans="1:13">
      <c r="A86" s="40" t="s">
        <v>89</v>
      </c>
      <c r="B86" s="21">
        <v>-252</v>
      </c>
      <c r="C86" s="22">
        <v>-165</v>
      </c>
      <c r="D86" s="22">
        <v>-87</v>
      </c>
      <c r="E86" s="21">
        <v>136</v>
      </c>
      <c r="F86" s="22">
        <v>88</v>
      </c>
      <c r="G86" s="23">
        <v>48</v>
      </c>
      <c r="H86" s="22">
        <v>1146</v>
      </c>
      <c r="I86" s="22">
        <v>666</v>
      </c>
      <c r="J86" s="22">
        <v>480</v>
      </c>
      <c r="K86" s="21">
        <v>1262</v>
      </c>
      <c r="L86" s="53">
        <v>743</v>
      </c>
      <c r="M86" s="54">
        <v>519</v>
      </c>
    </row>
    <row r="87" spans="1:13">
      <c r="A87" s="40" t="s">
        <v>90</v>
      </c>
      <c r="B87" s="21">
        <v>-210</v>
      </c>
      <c r="C87" s="22">
        <v>-104</v>
      </c>
      <c r="D87" s="22">
        <v>-106</v>
      </c>
      <c r="E87" s="21">
        <v>192</v>
      </c>
      <c r="F87" s="22">
        <v>127</v>
      </c>
      <c r="G87" s="23">
        <v>65</v>
      </c>
      <c r="H87" s="22">
        <v>1157</v>
      </c>
      <c r="I87" s="22">
        <v>686</v>
      </c>
      <c r="J87" s="22">
        <v>471</v>
      </c>
      <c r="K87" s="21">
        <v>1175</v>
      </c>
      <c r="L87" s="53">
        <v>663</v>
      </c>
      <c r="M87" s="54">
        <v>512</v>
      </c>
    </row>
    <row r="88" spans="1:13">
      <c r="A88" s="40" t="s">
        <v>91</v>
      </c>
      <c r="B88" s="21">
        <v>-272</v>
      </c>
      <c r="C88" s="22">
        <v>-178</v>
      </c>
      <c r="D88" s="22">
        <v>-94</v>
      </c>
      <c r="E88" s="21">
        <v>178</v>
      </c>
      <c r="F88" s="22">
        <v>122</v>
      </c>
      <c r="G88" s="23">
        <v>56</v>
      </c>
      <c r="H88" s="22">
        <v>1015</v>
      </c>
      <c r="I88" s="22">
        <v>565</v>
      </c>
      <c r="J88" s="22">
        <v>450</v>
      </c>
      <c r="K88" s="21">
        <v>1109</v>
      </c>
      <c r="L88" s="53">
        <v>621</v>
      </c>
      <c r="M88" s="54">
        <v>488</v>
      </c>
    </row>
    <row r="89" spans="1:13" ht="19.5" customHeight="1">
      <c r="A89" s="34" t="s">
        <v>92</v>
      </c>
      <c r="B89" s="17">
        <v>-1518</v>
      </c>
      <c r="C89" s="18">
        <v>-962</v>
      </c>
      <c r="D89" s="18">
        <v>-556</v>
      </c>
      <c r="E89" s="17">
        <v>1043</v>
      </c>
      <c r="F89" s="18">
        <v>706</v>
      </c>
      <c r="G89" s="19">
        <v>337</v>
      </c>
      <c r="H89" s="18">
        <v>4188</v>
      </c>
      <c r="I89" s="18">
        <v>2469</v>
      </c>
      <c r="J89" s="18">
        <v>1719</v>
      </c>
      <c r="K89" s="17">
        <v>4663</v>
      </c>
      <c r="L89" s="51">
        <v>2725</v>
      </c>
      <c r="M89" s="52">
        <v>1938</v>
      </c>
    </row>
    <row r="90" spans="1:13">
      <c r="A90" s="40" t="s">
        <v>93</v>
      </c>
      <c r="B90" s="21">
        <v>-339</v>
      </c>
      <c r="C90" s="22">
        <v>-228</v>
      </c>
      <c r="D90" s="22">
        <v>-111</v>
      </c>
      <c r="E90" s="21">
        <v>201</v>
      </c>
      <c r="F90" s="22">
        <v>141</v>
      </c>
      <c r="G90" s="23">
        <v>60</v>
      </c>
      <c r="H90" s="22">
        <v>1052</v>
      </c>
      <c r="I90" s="22">
        <v>643</v>
      </c>
      <c r="J90" s="22">
        <v>409</v>
      </c>
      <c r="K90" s="21">
        <v>1190</v>
      </c>
      <c r="L90" s="53">
        <v>730</v>
      </c>
      <c r="M90" s="54">
        <v>460</v>
      </c>
    </row>
    <row r="91" spans="1:13">
      <c r="A91" s="40" t="s">
        <v>94</v>
      </c>
      <c r="B91" s="21">
        <v>-323</v>
      </c>
      <c r="C91" s="22">
        <v>-168</v>
      </c>
      <c r="D91" s="22">
        <v>-155</v>
      </c>
      <c r="E91" s="21">
        <v>210</v>
      </c>
      <c r="F91" s="22">
        <v>135</v>
      </c>
      <c r="G91" s="23">
        <v>75</v>
      </c>
      <c r="H91" s="22">
        <v>955</v>
      </c>
      <c r="I91" s="22">
        <v>598</v>
      </c>
      <c r="J91" s="22">
        <v>357</v>
      </c>
      <c r="K91" s="21">
        <v>1068</v>
      </c>
      <c r="L91" s="53">
        <v>631</v>
      </c>
      <c r="M91" s="54">
        <v>437</v>
      </c>
    </row>
    <row r="92" spans="1:13">
      <c r="A92" s="40" t="s">
        <v>95</v>
      </c>
      <c r="B92" s="21">
        <v>-263</v>
      </c>
      <c r="C92" s="22">
        <v>-187</v>
      </c>
      <c r="D92" s="22">
        <v>-76</v>
      </c>
      <c r="E92" s="21">
        <v>181</v>
      </c>
      <c r="F92" s="22">
        <v>123</v>
      </c>
      <c r="G92" s="23">
        <v>58</v>
      </c>
      <c r="H92" s="22">
        <v>788</v>
      </c>
      <c r="I92" s="22">
        <v>442</v>
      </c>
      <c r="J92" s="22">
        <v>346</v>
      </c>
      <c r="K92" s="21">
        <v>870</v>
      </c>
      <c r="L92" s="53">
        <v>506</v>
      </c>
      <c r="M92" s="54">
        <v>364</v>
      </c>
    </row>
    <row r="93" spans="1:13">
      <c r="A93" s="40" t="s">
        <v>96</v>
      </c>
      <c r="B93" s="21">
        <v>-273</v>
      </c>
      <c r="C93" s="22">
        <v>-183</v>
      </c>
      <c r="D93" s="22">
        <v>-90</v>
      </c>
      <c r="E93" s="21">
        <v>224</v>
      </c>
      <c r="F93" s="22">
        <v>148</v>
      </c>
      <c r="G93" s="23">
        <v>76</v>
      </c>
      <c r="H93" s="22">
        <v>712</v>
      </c>
      <c r="I93" s="22">
        <v>397</v>
      </c>
      <c r="J93" s="22">
        <v>315</v>
      </c>
      <c r="K93" s="21">
        <v>761</v>
      </c>
      <c r="L93" s="53">
        <v>432</v>
      </c>
      <c r="M93" s="54">
        <v>329</v>
      </c>
    </row>
    <row r="94" spans="1:13">
      <c r="A94" s="40" t="s">
        <v>97</v>
      </c>
      <c r="B94" s="21">
        <v>-320</v>
      </c>
      <c r="C94" s="22">
        <v>-196</v>
      </c>
      <c r="D94" s="22">
        <v>-124</v>
      </c>
      <c r="E94" s="21">
        <v>227</v>
      </c>
      <c r="F94" s="22">
        <v>159</v>
      </c>
      <c r="G94" s="23">
        <v>68</v>
      </c>
      <c r="H94" s="22">
        <v>681</v>
      </c>
      <c r="I94" s="22">
        <v>389</v>
      </c>
      <c r="J94" s="22">
        <v>292</v>
      </c>
      <c r="K94" s="21">
        <v>774</v>
      </c>
      <c r="L94" s="53">
        <v>426</v>
      </c>
      <c r="M94" s="54">
        <v>348</v>
      </c>
    </row>
    <row r="95" spans="1:13" ht="19.5" customHeight="1">
      <c r="A95" s="34" t="s">
        <v>98</v>
      </c>
      <c r="B95" s="17">
        <v>-2135</v>
      </c>
      <c r="C95" s="18">
        <v>-1519</v>
      </c>
      <c r="D95" s="18">
        <v>-616</v>
      </c>
      <c r="E95" s="17">
        <v>1760</v>
      </c>
      <c r="F95" s="18">
        <v>1251</v>
      </c>
      <c r="G95" s="19">
        <v>509</v>
      </c>
      <c r="H95" s="18">
        <v>3364</v>
      </c>
      <c r="I95" s="18">
        <v>1834</v>
      </c>
      <c r="J95" s="18">
        <v>1530</v>
      </c>
      <c r="K95" s="17">
        <v>3739</v>
      </c>
      <c r="L95" s="51">
        <v>2102</v>
      </c>
      <c r="M95" s="52">
        <v>1637</v>
      </c>
    </row>
    <row r="96" spans="1:13">
      <c r="A96" s="40" t="s">
        <v>99</v>
      </c>
      <c r="B96" s="21">
        <v>-391</v>
      </c>
      <c r="C96" s="22">
        <v>-246</v>
      </c>
      <c r="D96" s="22">
        <v>-145</v>
      </c>
      <c r="E96" s="21">
        <v>265</v>
      </c>
      <c r="F96" s="22">
        <v>181</v>
      </c>
      <c r="G96" s="23">
        <v>84</v>
      </c>
      <c r="H96" s="22">
        <v>758</v>
      </c>
      <c r="I96" s="22">
        <v>419</v>
      </c>
      <c r="J96" s="22">
        <v>339</v>
      </c>
      <c r="K96" s="21">
        <v>884</v>
      </c>
      <c r="L96" s="53">
        <v>484</v>
      </c>
      <c r="M96" s="54">
        <v>400</v>
      </c>
    </row>
    <row r="97" spans="1:13">
      <c r="A97" s="40" t="s">
        <v>100</v>
      </c>
      <c r="B97" s="21">
        <v>-397</v>
      </c>
      <c r="C97" s="22">
        <v>-289</v>
      </c>
      <c r="D97" s="22">
        <v>-108</v>
      </c>
      <c r="E97" s="21">
        <v>301</v>
      </c>
      <c r="F97" s="22">
        <v>217</v>
      </c>
      <c r="G97" s="23">
        <v>84</v>
      </c>
      <c r="H97" s="22">
        <v>681</v>
      </c>
      <c r="I97" s="22">
        <v>369</v>
      </c>
      <c r="J97" s="22">
        <v>312</v>
      </c>
      <c r="K97" s="21">
        <v>777</v>
      </c>
      <c r="L97" s="53">
        <v>441</v>
      </c>
      <c r="M97" s="54">
        <v>336</v>
      </c>
    </row>
    <row r="98" spans="1:13">
      <c r="A98" s="40" t="s">
        <v>101</v>
      </c>
      <c r="B98" s="21">
        <v>-406</v>
      </c>
      <c r="C98" s="22">
        <v>-299</v>
      </c>
      <c r="D98" s="22">
        <v>-107</v>
      </c>
      <c r="E98" s="21">
        <v>323</v>
      </c>
      <c r="F98" s="22">
        <v>237</v>
      </c>
      <c r="G98" s="23">
        <v>86</v>
      </c>
      <c r="H98" s="22">
        <v>650</v>
      </c>
      <c r="I98" s="22">
        <v>356</v>
      </c>
      <c r="J98" s="22">
        <v>294</v>
      </c>
      <c r="K98" s="21">
        <v>733</v>
      </c>
      <c r="L98" s="53">
        <v>418</v>
      </c>
      <c r="M98" s="54">
        <v>315</v>
      </c>
    </row>
    <row r="99" spans="1:13">
      <c r="A99" s="40" t="s">
        <v>102</v>
      </c>
      <c r="B99" s="21">
        <v>-454</v>
      </c>
      <c r="C99" s="22">
        <v>-313</v>
      </c>
      <c r="D99" s="22">
        <v>-141</v>
      </c>
      <c r="E99" s="21">
        <v>407</v>
      </c>
      <c r="F99" s="22">
        <v>275</v>
      </c>
      <c r="G99" s="23">
        <v>132</v>
      </c>
      <c r="H99" s="22">
        <v>629</v>
      </c>
      <c r="I99" s="22">
        <v>335</v>
      </c>
      <c r="J99" s="22">
        <v>294</v>
      </c>
      <c r="K99" s="21">
        <v>676</v>
      </c>
      <c r="L99" s="53">
        <v>373</v>
      </c>
      <c r="M99" s="54">
        <v>303</v>
      </c>
    </row>
    <row r="100" spans="1:13">
      <c r="A100" s="40" t="s">
        <v>103</v>
      </c>
      <c r="B100" s="21">
        <v>-487</v>
      </c>
      <c r="C100" s="22">
        <v>-372</v>
      </c>
      <c r="D100" s="22">
        <v>-115</v>
      </c>
      <c r="E100" s="21">
        <v>464</v>
      </c>
      <c r="F100" s="22">
        <v>341</v>
      </c>
      <c r="G100" s="23">
        <v>123</v>
      </c>
      <c r="H100" s="22">
        <v>646</v>
      </c>
      <c r="I100" s="22">
        <v>355</v>
      </c>
      <c r="J100" s="22">
        <v>291</v>
      </c>
      <c r="K100" s="21">
        <v>669</v>
      </c>
      <c r="L100" s="53">
        <v>386</v>
      </c>
      <c r="M100" s="54">
        <v>283</v>
      </c>
    </row>
    <row r="101" spans="1:13" ht="19.5" customHeight="1">
      <c r="A101" s="34" t="s">
        <v>104</v>
      </c>
      <c r="B101" s="17">
        <v>-3033</v>
      </c>
      <c r="C101" s="18">
        <v>-2157</v>
      </c>
      <c r="D101" s="18">
        <v>-876</v>
      </c>
      <c r="E101" s="17">
        <v>2982</v>
      </c>
      <c r="F101" s="18">
        <v>2014</v>
      </c>
      <c r="G101" s="19">
        <v>968</v>
      </c>
      <c r="H101" s="18">
        <v>3018</v>
      </c>
      <c r="I101" s="18">
        <v>1475</v>
      </c>
      <c r="J101" s="18">
        <v>1543</v>
      </c>
      <c r="K101" s="17">
        <v>3069</v>
      </c>
      <c r="L101" s="51">
        <v>1618</v>
      </c>
      <c r="M101" s="52">
        <v>1451</v>
      </c>
    </row>
    <row r="102" spans="1:13">
      <c r="A102" s="40" t="s">
        <v>105</v>
      </c>
      <c r="B102" s="21">
        <v>-594</v>
      </c>
      <c r="C102" s="22">
        <v>-437</v>
      </c>
      <c r="D102" s="22">
        <v>-157</v>
      </c>
      <c r="E102" s="21">
        <v>578</v>
      </c>
      <c r="F102" s="22">
        <v>407</v>
      </c>
      <c r="G102" s="23">
        <v>171</v>
      </c>
      <c r="H102" s="22">
        <v>789</v>
      </c>
      <c r="I102" s="22">
        <v>391</v>
      </c>
      <c r="J102" s="22">
        <v>398</v>
      </c>
      <c r="K102" s="21">
        <v>805</v>
      </c>
      <c r="L102" s="53">
        <v>421</v>
      </c>
      <c r="M102" s="54">
        <v>384</v>
      </c>
    </row>
    <row r="103" spans="1:13">
      <c r="A103" s="40" t="s">
        <v>106</v>
      </c>
      <c r="B103" s="21">
        <v>-709</v>
      </c>
      <c r="C103" s="22">
        <v>-502</v>
      </c>
      <c r="D103" s="22">
        <v>-207</v>
      </c>
      <c r="E103" s="21">
        <v>652</v>
      </c>
      <c r="F103" s="22">
        <v>454</v>
      </c>
      <c r="G103" s="23">
        <v>198</v>
      </c>
      <c r="H103" s="22">
        <v>675</v>
      </c>
      <c r="I103" s="22">
        <v>317</v>
      </c>
      <c r="J103" s="22">
        <v>358</v>
      </c>
      <c r="K103" s="21">
        <v>732</v>
      </c>
      <c r="L103" s="53">
        <v>365</v>
      </c>
      <c r="M103" s="54">
        <v>367</v>
      </c>
    </row>
    <row r="104" spans="1:13">
      <c r="A104" s="40" t="s">
        <v>107</v>
      </c>
      <c r="B104" s="21">
        <v>-700</v>
      </c>
      <c r="C104" s="22">
        <v>-486</v>
      </c>
      <c r="D104" s="22">
        <v>-214</v>
      </c>
      <c r="E104" s="21">
        <v>678</v>
      </c>
      <c r="F104" s="22">
        <v>445</v>
      </c>
      <c r="G104" s="23">
        <v>233</v>
      </c>
      <c r="H104" s="22">
        <v>680</v>
      </c>
      <c r="I104" s="22">
        <v>348</v>
      </c>
      <c r="J104" s="22">
        <v>332</v>
      </c>
      <c r="K104" s="21">
        <v>702</v>
      </c>
      <c r="L104" s="53">
        <v>389</v>
      </c>
      <c r="M104" s="54">
        <v>313</v>
      </c>
    </row>
    <row r="105" spans="1:13">
      <c r="A105" s="40" t="s">
        <v>108</v>
      </c>
      <c r="B105" s="21">
        <v>-484</v>
      </c>
      <c r="C105" s="22">
        <v>-348</v>
      </c>
      <c r="D105" s="22">
        <v>-136</v>
      </c>
      <c r="E105" s="21">
        <v>510</v>
      </c>
      <c r="F105" s="22">
        <v>335</v>
      </c>
      <c r="G105" s="23">
        <v>175</v>
      </c>
      <c r="H105" s="22">
        <v>458</v>
      </c>
      <c r="I105" s="22">
        <v>220</v>
      </c>
      <c r="J105" s="22">
        <v>238</v>
      </c>
      <c r="K105" s="21">
        <v>432</v>
      </c>
      <c r="L105" s="53">
        <v>233</v>
      </c>
      <c r="M105" s="54">
        <v>199</v>
      </c>
    </row>
    <row r="106" spans="1:13">
      <c r="A106" s="40" t="s">
        <v>109</v>
      </c>
      <c r="B106" s="21">
        <v>-546</v>
      </c>
      <c r="C106" s="22">
        <v>-384</v>
      </c>
      <c r="D106" s="22">
        <v>-162</v>
      </c>
      <c r="E106" s="21">
        <v>564</v>
      </c>
      <c r="F106" s="22">
        <v>373</v>
      </c>
      <c r="G106" s="23">
        <v>191</v>
      </c>
      <c r="H106" s="22">
        <v>416</v>
      </c>
      <c r="I106" s="22">
        <v>199</v>
      </c>
      <c r="J106" s="22">
        <v>217</v>
      </c>
      <c r="K106" s="21">
        <v>398</v>
      </c>
      <c r="L106" s="53">
        <v>210</v>
      </c>
      <c r="M106" s="54">
        <v>188</v>
      </c>
    </row>
    <row r="107" spans="1:13" ht="19.5" customHeight="1">
      <c r="A107" s="34" t="s">
        <v>110</v>
      </c>
      <c r="B107" s="17">
        <v>-4035</v>
      </c>
      <c r="C107" s="18">
        <v>-2665</v>
      </c>
      <c r="D107" s="18">
        <v>-1370</v>
      </c>
      <c r="E107" s="17">
        <v>4146</v>
      </c>
      <c r="F107" s="18">
        <v>2698</v>
      </c>
      <c r="G107" s="19">
        <v>1448</v>
      </c>
      <c r="H107" s="18">
        <v>2426</v>
      </c>
      <c r="I107" s="18">
        <v>1002</v>
      </c>
      <c r="J107" s="18">
        <v>1424</v>
      </c>
      <c r="K107" s="17">
        <v>2315</v>
      </c>
      <c r="L107" s="51">
        <v>969</v>
      </c>
      <c r="M107" s="52">
        <v>1346</v>
      </c>
    </row>
    <row r="108" spans="1:13">
      <c r="A108" s="40" t="s">
        <v>111</v>
      </c>
      <c r="B108" s="21">
        <v>-647</v>
      </c>
      <c r="C108" s="22">
        <v>-473</v>
      </c>
      <c r="D108" s="22">
        <v>-174</v>
      </c>
      <c r="E108" s="21">
        <v>678</v>
      </c>
      <c r="F108" s="22">
        <v>457</v>
      </c>
      <c r="G108" s="23">
        <v>221</v>
      </c>
      <c r="H108" s="22">
        <v>496</v>
      </c>
      <c r="I108" s="22">
        <v>218</v>
      </c>
      <c r="J108" s="22">
        <v>278</v>
      </c>
      <c r="K108" s="21">
        <v>465</v>
      </c>
      <c r="L108" s="53">
        <v>234</v>
      </c>
      <c r="M108" s="54">
        <v>231</v>
      </c>
    </row>
    <row r="109" spans="1:13">
      <c r="A109" s="40" t="s">
        <v>112</v>
      </c>
      <c r="B109" s="21">
        <v>-821</v>
      </c>
      <c r="C109" s="22">
        <v>-558</v>
      </c>
      <c r="D109" s="22">
        <v>-263</v>
      </c>
      <c r="E109" s="21">
        <v>815</v>
      </c>
      <c r="F109" s="22">
        <v>559</v>
      </c>
      <c r="G109" s="23">
        <v>256</v>
      </c>
      <c r="H109" s="22">
        <v>465</v>
      </c>
      <c r="I109" s="22">
        <v>201</v>
      </c>
      <c r="J109" s="22">
        <v>264</v>
      </c>
      <c r="K109" s="21">
        <v>471</v>
      </c>
      <c r="L109" s="53">
        <v>200</v>
      </c>
      <c r="M109" s="54">
        <v>271</v>
      </c>
    </row>
    <row r="110" spans="1:13">
      <c r="A110" s="40" t="s">
        <v>113</v>
      </c>
      <c r="B110" s="21">
        <v>-806</v>
      </c>
      <c r="C110" s="22">
        <v>-544</v>
      </c>
      <c r="D110" s="22">
        <v>-262</v>
      </c>
      <c r="E110" s="21">
        <v>828</v>
      </c>
      <c r="F110" s="22">
        <v>557</v>
      </c>
      <c r="G110" s="23">
        <v>271</v>
      </c>
      <c r="H110" s="22">
        <v>492</v>
      </c>
      <c r="I110" s="22">
        <v>214</v>
      </c>
      <c r="J110" s="22">
        <v>278</v>
      </c>
      <c r="K110" s="21">
        <v>470</v>
      </c>
      <c r="L110" s="53">
        <v>201</v>
      </c>
      <c r="M110" s="54">
        <v>269</v>
      </c>
    </row>
    <row r="111" spans="1:13">
      <c r="A111" s="40" t="s">
        <v>114</v>
      </c>
      <c r="B111" s="21">
        <v>-879</v>
      </c>
      <c r="C111" s="22">
        <v>-558</v>
      </c>
      <c r="D111" s="22">
        <v>-321</v>
      </c>
      <c r="E111" s="21">
        <v>896</v>
      </c>
      <c r="F111" s="22">
        <v>573</v>
      </c>
      <c r="G111" s="23">
        <v>323</v>
      </c>
      <c r="H111" s="22">
        <v>475</v>
      </c>
      <c r="I111" s="22">
        <v>193</v>
      </c>
      <c r="J111" s="22">
        <v>282</v>
      </c>
      <c r="K111" s="21">
        <v>458</v>
      </c>
      <c r="L111" s="53">
        <v>178</v>
      </c>
      <c r="M111" s="54">
        <v>280</v>
      </c>
    </row>
    <row r="112" spans="1:13">
      <c r="A112" s="40" t="s">
        <v>115</v>
      </c>
      <c r="B112" s="21">
        <v>-882</v>
      </c>
      <c r="C112" s="22">
        <v>-532</v>
      </c>
      <c r="D112" s="22">
        <v>-350</v>
      </c>
      <c r="E112" s="21">
        <v>929</v>
      </c>
      <c r="F112" s="22">
        <v>552</v>
      </c>
      <c r="G112" s="23">
        <v>377</v>
      </c>
      <c r="H112" s="22">
        <v>498</v>
      </c>
      <c r="I112" s="22">
        <v>176</v>
      </c>
      <c r="J112" s="22">
        <v>322</v>
      </c>
      <c r="K112" s="21">
        <v>451</v>
      </c>
      <c r="L112" s="53">
        <v>156</v>
      </c>
      <c r="M112" s="54">
        <v>295</v>
      </c>
    </row>
    <row r="113" spans="1:13" ht="19.5" customHeight="1">
      <c r="A113" s="34" t="s">
        <v>116</v>
      </c>
      <c r="B113" s="17">
        <v>-5375</v>
      </c>
      <c r="C113" s="18">
        <v>-3312</v>
      </c>
      <c r="D113" s="18">
        <v>-2063</v>
      </c>
      <c r="E113" s="17">
        <v>5628</v>
      </c>
      <c r="F113" s="18">
        <v>3377</v>
      </c>
      <c r="G113" s="19">
        <v>2251</v>
      </c>
      <c r="H113" s="18">
        <v>2176</v>
      </c>
      <c r="I113" s="18">
        <v>791</v>
      </c>
      <c r="J113" s="18">
        <v>1385</v>
      </c>
      <c r="K113" s="17">
        <v>1923</v>
      </c>
      <c r="L113" s="51">
        <v>726</v>
      </c>
      <c r="M113" s="52">
        <v>1197</v>
      </c>
    </row>
    <row r="114" spans="1:13">
      <c r="A114" s="40" t="s">
        <v>117</v>
      </c>
      <c r="B114" s="21">
        <v>-844</v>
      </c>
      <c r="C114" s="22">
        <v>-545</v>
      </c>
      <c r="D114" s="22">
        <v>-299</v>
      </c>
      <c r="E114" s="21">
        <v>880</v>
      </c>
      <c r="F114" s="22">
        <v>558</v>
      </c>
      <c r="G114" s="23">
        <v>322</v>
      </c>
      <c r="H114" s="22">
        <v>440</v>
      </c>
      <c r="I114" s="22">
        <v>168</v>
      </c>
      <c r="J114" s="22">
        <v>272</v>
      </c>
      <c r="K114" s="21">
        <v>404</v>
      </c>
      <c r="L114" s="53">
        <v>155</v>
      </c>
      <c r="M114" s="54">
        <v>249</v>
      </c>
    </row>
    <row r="115" spans="1:13">
      <c r="A115" s="40" t="s">
        <v>118</v>
      </c>
      <c r="B115" s="21">
        <v>-988</v>
      </c>
      <c r="C115" s="22">
        <v>-648</v>
      </c>
      <c r="D115" s="22">
        <v>-340</v>
      </c>
      <c r="E115" s="21">
        <v>1023</v>
      </c>
      <c r="F115" s="22">
        <v>636</v>
      </c>
      <c r="G115" s="23">
        <v>387</v>
      </c>
      <c r="H115" s="22">
        <v>395</v>
      </c>
      <c r="I115" s="22">
        <v>142</v>
      </c>
      <c r="J115" s="22">
        <v>253</v>
      </c>
      <c r="K115" s="21">
        <v>360</v>
      </c>
      <c r="L115" s="53">
        <v>154</v>
      </c>
      <c r="M115" s="54">
        <v>206</v>
      </c>
    </row>
    <row r="116" spans="1:13">
      <c r="A116" s="40" t="s">
        <v>119</v>
      </c>
      <c r="B116" s="21">
        <v>-1100</v>
      </c>
      <c r="C116" s="22">
        <v>-666</v>
      </c>
      <c r="D116" s="22">
        <v>-434</v>
      </c>
      <c r="E116" s="21">
        <v>1146</v>
      </c>
      <c r="F116" s="22">
        <v>687</v>
      </c>
      <c r="G116" s="23">
        <v>459</v>
      </c>
      <c r="H116" s="22">
        <v>453</v>
      </c>
      <c r="I116" s="22">
        <v>186</v>
      </c>
      <c r="J116" s="22">
        <v>267</v>
      </c>
      <c r="K116" s="21">
        <v>407</v>
      </c>
      <c r="L116" s="53">
        <v>165</v>
      </c>
      <c r="M116" s="54">
        <v>242</v>
      </c>
    </row>
    <row r="117" spans="1:13">
      <c r="A117" s="40" t="s">
        <v>120</v>
      </c>
      <c r="B117" s="21">
        <v>-1185</v>
      </c>
      <c r="C117" s="22">
        <v>-698</v>
      </c>
      <c r="D117" s="22">
        <v>-487</v>
      </c>
      <c r="E117" s="21">
        <v>1219</v>
      </c>
      <c r="F117" s="22">
        <v>716</v>
      </c>
      <c r="G117" s="23">
        <v>503</v>
      </c>
      <c r="H117" s="22">
        <v>419</v>
      </c>
      <c r="I117" s="22">
        <v>139</v>
      </c>
      <c r="J117" s="22">
        <v>280</v>
      </c>
      <c r="K117" s="21">
        <v>385</v>
      </c>
      <c r="L117" s="53">
        <v>121</v>
      </c>
      <c r="M117" s="54">
        <v>264</v>
      </c>
    </row>
    <row r="118" spans="1:13">
      <c r="A118" s="40" t="s">
        <v>121</v>
      </c>
      <c r="B118" s="21">
        <v>-1258</v>
      </c>
      <c r="C118" s="22">
        <v>-755</v>
      </c>
      <c r="D118" s="22">
        <v>-503</v>
      </c>
      <c r="E118" s="21">
        <v>1360</v>
      </c>
      <c r="F118" s="22">
        <v>780</v>
      </c>
      <c r="G118" s="23">
        <v>580</v>
      </c>
      <c r="H118" s="22">
        <v>469</v>
      </c>
      <c r="I118" s="22">
        <v>156</v>
      </c>
      <c r="J118" s="22">
        <v>313</v>
      </c>
      <c r="K118" s="21">
        <v>367</v>
      </c>
      <c r="L118" s="53">
        <v>131</v>
      </c>
      <c r="M118" s="54">
        <v>236</v>
      </c>
    </row>
    <row r="119" spans="1:13" ht="19.5" customHeight="1">
      <c r="A119" s="34" t="s">
        <v>122</v>
      </c>
      <c r="B119" s="17">
        <v>-6349</v>
      </c>
      <c r="C119" s="18">
        <v>-3266</v>
      </c>
      <c r="D119" s="18">
        <v>-3083</v>
      </c>
      <c r="E119" s="17">
        <v>6571</v>
      </c>
      <c r="F119" s="18">
        <v>3315</v>
      </c>
      <c r="G119" s="19">
        <v>3256</v>
      </c>
      <c r="H119" s="18">
        <v>1829</v>
      </c>
      <c r="I119" s="18">
        <v>520</v>
      </c>
      <c r="J119" s="18">
        <v>1309</v>
      </c>
      <c r="K119" s="17">
        <v>1607</v>
      </c>
      <c r="L119" s="51">
        <v>471</v>
      </c>
      <c r="M119" s="52">
        <v>1136</v>
      </c>
    </row>
    <row r="120" spans="1:13">
      <c r="A120" s="40" t="s">
        <v>123</v>
      </c>
      <c r="B120" s="21">
        <v>-1126</v>
      </c>
      <c r="C120" s="22">
        <v>-610</v>
      </c>
      <c r="D120" s="22">
        <v>-516</v>
      </c>
      <c r="E120" s="21">
        <v>1173</v>
      </c>
      <c r="F120" s="22">
        <v>622</v>
      </c>
      <c r="G120" s="23">
        <v>551</v>
      </c>
      <c r="H120" s="22">
        <v>431</v>
      </c>
      <c r="I120" s="22">
        <v>136</v>
      </c>
      <c r="J120" s="22">
        <v>295</v>
      </c>
      <c r="K120" s="21">
        <v>384</v>
      </c>
      <c r="L120" s="53">
        <v>124</v>
      </c>
      <c r="M120" s="54">
        <v>260</v>
      </c>
    </row>
    <row r="121" spans="1:13">
      <c r="A121" s="40" t="s">
        <v>124</v>
      </c>
      <c r="B121" s="21">
        <v>-1262</v>
      </c>
      <c r="C121" s="22">
        <v>-710</v>
      </c>
      <c r="D121" s="22">
        <v>-552</v>
      </c>
      <c r="E121" s="21">
        <v>1311</v>
      </c>
      <c r="F121" s="22">
        <v>716</v>
      </c>
      <c r="G121" s="23">
        <v>595</v>
      </c>
      <c r="H121" s="22">
        <v>366</v>
      </c>
      <c r="I121" s="22">
        <v>96</v>
      </c>
      <c r="J121" s="22">
        <v>270</v>
      </c>
      <c r="K121" s="21">
        <v>317</v>
      </c>
      <c r="L121" s="53">
        <v>90</v>
      </c>
      <c r="M121" s="54">
        <v>227</v>
      </c>
    </row>
    <row r="122" spans="1:13">
      <c r="A122" s="40" t="s">
        <v>125</v>
      </c>
      <c r="B122" s="21">
        <v>-1332</v>
      </c>
      <c r="C122" s="22">
        <v>-708</v>
      </c>
      <c r="D122" s="22">
        <v>-624</v>
      </c>
      <c r="E122" s="21">
        <v>1409</v>
      </c>
      <c r="F122" s="22">
        <v>724</v>
      </c>
      <c r="G122" s="23">
        <v>685</v>
      </c>
      <c r="H122" s="22">
        <v>390</v>
      </c>
      <c r="I122" s="22">
        <v>108</v>
      </c>
      <c r="J122" s="22">
        <v>282</v>
      </c>
      <c r="K122" s="21">
        <v>313</v>
      </c>
      <c r="L122" s="53">
        <v>92</v>
      </c>
      <c r="M122" s="54">
        <v>221</v>
      </c>
    </row>
    <row r="123" spans="1:13">
      <c r="A123" s="40" t="s">
        <v>126</v>
      </c>
      <c r="B123" s="21">
        <v>-1335</v>
      </c>
      <c r="C123" s="22">
        <v>-634</v>
      </c>
      <c r="D123" s="22">
        <v>-701</v>
      </c>
      <c r="E123" s="21">
        <v>1347</v>
      </c>
      <c r="F123" s="22">
        <v>640</v>
      </c>
      <c r="G123" s="23">
        <v>707</v>
      </c>
      <c r="H123" s="22">
        <v>335</v>
      </c>
      <c r="I123" s="22">
        <v>85</v>
      </c>
      <c r="J123" s="22">
        <v>250</v>
      </c>
      <c r="K123" s="21">
        <v>323</v>
      </c>
      <c r="L123" s="53">
        <v>79</v>
      </c>
      <c r="M123" s="54">
        <v>244</v>
      </c>
    </row>
    <row r="124" spans="1:13">
      <c r="A124" s="40" t="s">
        <v>127</v>
      </c>
      <c r="B124" s="21">
        <v>-1294</v>
      </c>
      <c r="C124" s="22">
        <v>-604</v>
      </c>
      <c r="D124" s="22">
        <v>-690</v>
      </c>
      <c r="E124" s="21">
        <v>1331</v>
      </c>
      <c r="F124" s="22">
        <v>613</v>
      </c>
      <c r="G124" s="23">
        <v>718</v>
      </c>
      <c r="H124" s="22">
        <v>307</v>
      </c>
      <c r="I124" s="22">
        <v>95</v>
      </c>
      <c r="J124" s="22">
        <v>212</v>
      </c>
      <c r="K124" s="21">
        <v>270</v>
      </c>
      <c r="L124" s="53">
        <v>86</v>
      </c>
      <c r="M124" s="54">
        <v>184</v>
      </c>
    </row>
    <row r="125" spans="1:13" ht="19.5" customHeight="1">
      <c r="A125" s="34" t="s">
        <v>128</v>
      </c>
      <c r="B125" s="17">
        <v>-5608</v>
      </c>
      <c r="C125" s="18">
        <v>-2224</v>
      </c>
      <c r="D125" s="18">
        <v>-3384</v>
      </c>
      <c r="E125" s="17">
        <v>5710</v>
      </c>
      <c r="F125" s="18">
        <v>2234</v>
      </c>
      <c r="G125" s="19">
        <v>3476</v>
      </c>
      <c r="H125" s="18">
        <v>1044</v>
      </c>
      <c r="I125" s="18">
        <v>274</v>
      </c>
      <c r="J125" s="18">
        <v>770</v>
      </c>
      <c r="K125" s="17">
        <v>942</v>
      </c>
      <c r="L125" s="51">
        <v>264</v>
      </c>
      <c r="M125" s="52">
        <v>678</v>
      </c>
    </row>
    <row r="126" spans="1:13">
      <c r="A126" s="40" t="s">
        <v>129</v>
      </c>
      <c r="B126" s="21">
        <v>-1316</v>
      </c>
      <c r="C126" s="22">
        <v>-597</v>
      </c>
      <c r="D126" s="22">
        <v>-719</v>
      </c>
      <c r="E126" s="21">
        <v>1364</v>
      </c>
      <c r="F126" s="22">
        <v>602</v>
      </c>
      <c r="G126" s="23">
        <v>762</v>
      </c>
      <c r="H126" s="22">
        <v>294</v>
      </c>
      <c r="I126" s="22">
        <v>78</v>
      </c>
      <c r="J126" s="22">
        <v>216</v>
      </c>
      <c r="K126" s="21">
        <v>246</v>
      </c>
      <c r="L126" s="53">
        <v>73</v>
      </c>
      <c r="M126" s="54">
        <v>173</v>
      </c>
    </row>
    <row r="127" spans="1:13">
      <c r="A127" s="40" t="s">
        <v>130</v>
      </c>
      <c r="B127" s="21">
        <v>-1188</v>
      </c>
      <c r="C127" s="22">
        <v>-497</v>
      </c>
      <c r="D127" s="22">
        <v>-691</v>
      </c>
      <c r="E127" s="21">
        <v>1202</v>
      </c>
      <c r="F127" s="22">
        <v>505</v>
      </c>
      <c r="G127" s="23">
        <v>697</v>
      </c>
      <c r="H127" s="22">
        <v>252</v>
      </c>
      <c r="I127" s="22">
        <v>72</v>
      </c>
      <c r="J127" s="22">
        <v>180</v>
      </c>
      <c r="K127" s="21">
        <v>238</v>
      </c>
      <c r="L127" s="53">
        <v>64</v>
      </c>
      <c r="M127" s="54">
        <v>174</v>
      </c>
    </row>
    <row r="128" spans="1:13">
      <c r="A128" s="40" t="s">
        <v>131</v>
      </c>
      <c r="B128" s="21">
        <v>-1140</v>
      </c>
      <c r="C128" s="22">
        <v>-449</v>
      </c>
      <c r="D128" s="22">
        <v>-691</v>
      </c>
      <c r="E128" s="21">
        <v>1158</v>
      </c>
      <c r="F128" s="22">
        <v>440</v>
      </c>
      <c r="G128" s="23">
        <v>718</v>
      </c>
      <c r="H128" s="22">
        <v>190</v>
      </c>
      <c r="I128" s="22">
        <v>46</v>
      </c>
      <c r="J128" s="22">
        <v>144</v>
      </c>
      <c r="K128" s="21">
        <v>172</v>
      </c>
      <c r="L128" s="53">
        <v>55</v>
      </c>
      <c r="M128" s="54">
        <v>117</v>
      </c>
    </row>
    <row r="129" spans="1:13">
      <c r="A129" s="40" t="s">
        <v>132</v>
      </c>
      <c r="B129" s="21">
        <v>-1026</v>
      </c>
      <c r="C129" s="22">
        <v>-373</v>
      </c>
      <c r="D129" s="22">
        <v>-653</v>
      </c>
      <c r="E129" s="21">
        <v>1040</v>
      </c>
      <c r="F129" s="22">
        <v>378</v>
      </c>
      <c r="G129" s="23">
        <v>662</v>
      </c>
      <c r="H129" s="22">
        <v>165</v>
      </c>
      <c r="I129" s="22">
        <v>49</v>
      </c>
      <c r="J129" s="22">
        <v>116</v>
      </c>
      <c r="K129" s="21">
        <v>151</v>
      </c>
      <c r="L129" s="53">
        <v>44</v>
      </c>
      <c r="M129" s="54">
        <v>107</v>
      </c>
    </row>
    <row r="130" spans="1:13">
      <c r="A130" s="40" t="s">
        <v>133</v>
      </c>
      <c r="B130" s="21">
        <v>-938</v>
      </c>
      <c r="C130" s="22">
        <v>-308</v>
      </c>
      <c r="D130" s="22">
        <v>-630</v>
      </c>
      <c r="E130" s="21">
        <v>946</v>
      </c>
      <c r="F130" s="22">
        <v>309</v>
      </c>
      <c r="G130" s="23">
        <v>637</v>
      </c>
      <c r="H130" s="22">
        <v>143</v>
      </c>
      <c r="I130" s="22">
        <v>29</v>
      </c>
      <c r="J130" s="22">
        <v>114</v>
      </c>
      <c r="K130" s="21">
        <v>135</v>
      </c>
      <c r="L130" s="53">
        <v>28</v>
      </c>
      <c r="M130" s="54">
        <v>107</v>
      </c>
    </row>
    <row r="131" spans="1:13" ht="19.5" customHeight="1">
      <c r="A131" s="34" t="s">
        <v>134</v>
      </c>
      <c r="B131" s="17">
        <v>-2636</v>
      </c>
      <c r="C131" s="18">
        <v>-695</v>
      </c>
      <c r="D131" s="18">
        <v>-1941</v>
      </c>
      <c r="E131" s="17">
        <v>2668</v>
      </c>
      <c r="F131" s="18">
        <v>705</v>
      </c>
      <c r="G131" s="19">
        <v>1963</v>
      </c>
      <c r="H131" s="18">
        <v>291</v>
      </c>
      <c r="I131" s="18">
        <v>62</v>
      </c>
      <c r="J131" s="18">
        <v>229</v>
      </c>
      <c r="K131" s="17">
        <v>259</v>
      </c>
      <c r="L131" s="51">
        <v>52</v>
      </c>
      <c r="M131" s="52">
        <v>207</v>
      </c>
    </row>
    <row r="132" spans="1:13">
      <c r="A132" s="40" t="s">
        <v>135</v>
      </c>
      <c r="B132" s="21">
        <v>-755</v>
      </c>
      <c r="C132" s="22">
        <v>-256</v>
      </c>
      <c r="D132" s="22">
        <v>-499</v>
      </c>
      <c r="E132" s="21">
        <v>773</v>
      </c>
      <c r="F132" s="22">
        <v>261</v>
      </c>
      <c r="G132" s="23">
        <v>512</v>
      </c>
      <c r="H132" s="22">
        <v>111</v>
      </c>
      <c r="I132" s="22">
        <v>26</v>
      </c>
      <c r="J132" s="22">
        <v>85</v>
      </c>
      <c r="K132" s="21">
        <v>93</v>
      </c>
      <c r="L132" s="53">
        <v>21</v>
      </c>
      <c r="M132" s="54">
        <v>72</v>
      </c>
    </row>
    <row r="133" spans="1:13">
      <c r="A133" s="40" t="s">
        <v>136</v>
      </c>
      <c r="B133" s="21">
        <v>-621</v>
      </c>
      <c r="C133" s="22">
        <v>-182</v>
      </c>
      <c r="D133" s="22">
        <v>-439</v>
      </c>
      <c r="E133" s="21">
        <v>627</v>
      </c>
      <c r="F133" s="22">
        <v>186</v>
      </c>
      <c r="G133" s="23">
        <v>441</v>
      </c>
      <c r="H133" s="22">
        <v>65</v>
      </c>
      <c r="I133" s="22">
        <v>19</v>
      </c>
      <c r="J133" s="22">
        <v>46</v>
      </c>
      <c r="K133" s="21">
        <v>59</v>
      </c>
      <c r="L133" s="53">
        <v>15</v>
      </c>
      <c r="M133" s="54">
        <v>44</v>
      </c>
    </row>
    <row r="134" spans="1:13">
      <c r="A134" s="40" t="s">
        <v>137</v>
      </c>
      <c r="B134" s="21">
        <v>-499</v>
      </c>
      <c r="C134" s="22">
        <v>-106</v>
      </c>
      <c r="D134" s="22">
        <v>-393</v>
      </c>
      <c r="E134" s="21">
        <v>505</v>
      </c>
      <c r="F134" s="22">
        <v>110</v>
      </c>
      <c r="G134" s="23">
        <v>395</v>
      </c>
      <c r="H134" s="22">
        <v>55</v>
      </c>
      <c r="I134" s="22">
        <v>10</v>
      </c>
      <c r="J134" s="22">
        <v>45</v>
      </c>
      <c r="K134" s="21">
        <v>49</v>
      </c>
      <c r="L134" s="53">
        <v>6</v>
      </c>
      <c r="M134" s="54">
        <v>43</v>
      </c>
    </row>
    <row r="135" spans="1:13">
      <c r="A135" s="40" t="s">
        <v>138</v>
      </c>
      <c r="B135" s="21">
        <v>-428</v>
      </c>
      <c r="C135" s="22">
        <v>-90</v>
      </c>
      <c r="D135" s="22">
        <v>-338</v>
      </c>
      <c r="E135" s="21">
        <v>431</v>
      </c>
      <c r="F135" s="22">
        <v>89</v>
      </c>
      <c r="G135" s="23">
        <v>342</v>
      </c>
      <c r="H135" s="22">
        <v>39</v>
      </c>
      <c r="I135" s="22">
        <v>3</v>
      </c>
      <c r="J135" s="22">
        <v>36</v>
      </c>
      <c r="K135" s="21">
        <v>36</v>
      </c>
      <c r="L135" s="53">
        <v>4</v>
      </c>
      <c r="M135" s="54">
        <v>32</v>
      </c>
    </row>
    <row r="136" spans="1:13">
      <c r="A136" s="40" t="s">
        <v>139</v>
      </c>
      <c r="B136" s="21">
        <v>-333</v>
      </c>
      <c r="C136" s="22">
        <v>-61</v>
      </c>
      <c r="D136" s="22">
        <v>-272</v>
      </c>
      <c r="E136" s="21">
        <v>332</v>
      </c>
      <c r="F136" s="22">
        <v>59</v>
      </c>
      <c r="G136" s="23">
        <v>273</v>
      </c>
      <c r="H136" s="22">
        <v>21</v>
      </c>
      <c r="I136" s="22">
        <v>4</v>
      </c>
      <c r="J136" s="22">
        <v>17</v>
      </c>
      <c r="K136" s="21">
        <v>22</v>
      </c>
      <c r="L136" s="53">
        <v>6</v>
      </c>
      <c r="M136" s="54">
        <v>16</v>
      </c>
    </row>
    <row r="137" spans="1:13" ht="19.5" customHeight="1">
      <c r="A137" s="41" t="s">
        <v>140</v>
      </c>
      <c r="B137" s="42">
        <v>-706</v>
      </c>
      <c r="C137" s="43">
        <v>-121</v>
      </c>
      <c r="D137" s="43">
        <v>-585</v>
      </c>
      <c r="E137" s="42">
        <v>712</v>
      </c>
      <c r="F137" s="43">
        <v>121</v>
      </c>
      <c r="G137" s="44">
        <v>591</v>
      </c>
      <c r="H137" s="43">
        <v>32</v>
      </c>
      <c r="I137" s="43">
        <v>1</v>
      </c>
      <c r="J137" s="43">
        <v>31</v>
      </c>
      <c r="K137" s="42">
        <v>26</v>
      </c>
      <c r="L137" s="67">
        <v>1</v>
      </c>
      <c r="M137" s="68">
        <v>25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3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1092</v>
      </c>
      <c r="C5" s="14">
        <v>483</v>
      </c>
      <c r="D5" s="14">
        <v>609</v>
      </c>
      <c r="E5" s="13">
        <v>1280</v>
      </c>
      <c r="F5" s="14">
        <v>683</v>
      </c>
      <c r="G5" s="15">
        <v>597</v>
      </c>
      <c r="H5" s="14">
        <v>12631</v>
      </c>
      <c r="I5" s="14">
        <v>6456</v>
      </c>
      <c r="J5" s="14">
        <v>6175</v>
      </c>
      <c r="K5" s="13">
        <v>11831</v>
      </c>
      <c r="L5" s="49">
        <v>6098</v>
      </c>
      <c r="M5" s="50">
        <v>5733</v>
      </c>
    </row>
    <row r="6" spans="1:13" ht="19.5" customHeight="1">
      <c r="A6" s="16" t="s">
        <v>13</v>
      </c>
      <c r="B6" s="17">
        <v>1802</v>
      </c>
      <c r="C6" s="18">
        <v>948</v>
      </c>
      <c r="D6" s="18">
        <v>854</v>
      </c>
      <c r="E6" s="17">
        <v>2</v>
      </c>
      <c r="F6" s="18">
        <v>1</v>
      </c>
      <c r="G6" s="19">
        <v>1</v>
      </c>
      <c r="H6" s="18">
        <v>997</v>
      </c>
      <c r="I6" s="18">
        <v>523</v>
      </c>
      <c r="J6" s="18">
        <v>474</v>
      </c>
      <c r="K6" s="17">
        <v>765</v>
      </c>
      <c r="L6" s="51">
        <v>382</v>
      </c>
      <c r="M6" s="52">
        <v>383</v>
      </c>
    </row>
    <row r="7" spans="1:13">
      <c r="A7" s="20" t="s">
        <v>14</v>
      </c>
      <c r="B7" s="21">
        <v>1587</v>
      </c>
      <c r="C7" s="22">
        <v>819</v>
      </c>
      <c r="D7" s="22">
        <v>768</v>
      </c>
      <c r="E7" s="21">
        <v>0</v>
      </c>
      <c r="F7" s="22">
        <v>0</v>
      </c>
      <c r="G7" s="23">
        <v>0</v>
      </c>
      <c r="H7" s="22">
        <v>117</v>
      </c>
      <c r="I7" s="22">
        <v>61</v>
      </c>
      <c r="J7" s="22">
        <v>56</v>
      </c>
      <c r="K7" s="21">
        <v>102</v>
      </c>
      <c r="L7" s="53">
        <v>50</v>
      </c>
      <c r="M7" s="54">
        <v>52</v>
      </c>
    </row>
    <row r="8" spans="1:13">
      <c r="A8" s="20" t="s">
        <v>15</v>
      </c>
      <c r="B8" s="21">
        <v>111</v>
      </c>
      <c r="C8" s="22">
        <v>58</v>
      </c>
      <c r="D8" s="22">
        <v>53</v>
      </c>
      <c r="E8" s="21">
        <v>1</v>
      </c>
      <c r="F8" s="22">
        <v>1</v>
      </c>
      <c r="G8" s="23">
        <v>0</v>
      </c>
      <c r="H8" s="22">
        <v>277</v>
      </c>
      <c r="I8" s="22">
        <v>143</v>
      </c>
      <c r="J8" s="22">
        <v>134</v>
      </c>
      <c r="K8" s="21">
        <v>165</v>
      </c>
      <c r="L8" s="53">
        <v>84</v>
      </c>
      <c r="M8" s="54">
        <v>81</v>
      </c>
    </row>
    <row r="9" spans="1:13">
      <c r="A9" s="20" t="s">
        <v>16</v>
      </c>
      <c r="B9" s="21">
        <v>82</v>
      </c>
      <c r="C9" s="22">
        <v>46</v>
      </c>
      <c r="D9" s="22">
        <v>36</v>
      </c>
      <c r="E9" s="21">
        <v>1</v>
      </c>
      <c r="F9" s="22">
        <v>0</v>
      </c>
      <c r="G9" s="23">
        <v>1</v>
      </c>
      <c r="H9" s="22">
        <v>261</v>
      </c>
      <c r="I9" s="22">
        <v>143</v>
      </c>
      <c r="J9" s="22">
        <v>118</v>
      </c>
      <c r="K9" s="21">
        <v>178</v>
      </c>
      <c r="L9" s="53">
        <v>97</v>
      </c>
      <c r="M9" s="54">
        <v>81</v>
      </c>
    </row>
    <row r="10" spans="1:13">
      <c r="A10" s="20" t="s">
        <v>17</v>
      </c>
      <c r="B10" s="21">
        <v>22</v>
      </c>
      <c r="C10" s="22">
        <v>22</v>
      </c>
      <c r="D10" s="22">
        <v>0</v>
      </c>
      <c r="E10" s="21">
        <v>0</v>
      </c>
      <c r="F10" s="22">
        <v>0</v>
      </c>
      <c r="G10" s="23">
        <v>0</v>
      </c>
      <c r="H10" s="22">
        <v>187</v>
      </c>
      <c r="I10" s="22">
        <v>89</v>
      </c>
      <c r="J10" s="22">
        <v>98</v>
      </c>
      <c r="K10" s="21">
        <v>165</v>
      </c>
      <c r="L10" s="53">
        <v>67</v>
      </c>
      <c r="M10" s="54">
        <v>98</v>
      </c>
    </row>
    <row r="11" spans="1:13">
      <c r="A11" s="20" t="s">
        <v>18</v>
      </c>
      <c r="B11" s="21">
        <v>0</v>
      </c>
      <c r="C11" s="22">
        <v>3</v>
      </c>
      <c r="D11" s="22">
        <v>-3</v>
      </c>
      <c r="E11" s="21">
        <v>0</v>
      </c>
      <c r="F11" s="22">
        <v>0</v>
      </c>
      <c r="G11" s="23">
        <v>0</v>
      </c>
      <c r="H11" s="22">
        <v>155</v>
      </c>
      <c r="I11" s="22">
        <v>87</v>
      </c>
      <c r="J11" s="22">
        <v>68</v>
      </c>
      <c r="K11" s="21">
        <v>155</v>
      </c>
      <c r="L11" s="53">
        <v>84</v>
      </c>
      <c r="M11" s="54">
        <v>71</v>
      </c>
    </row>
    <row r="12" spans="1:13" ht="20.100000000000001" customHeight="1">
      <c r="A12" s="16" t="s">
        <v>19</v>
      </c>
      <c r="B12" s="17">
        <v>35</v>
      </c>
      <c r="C12" s="18">
        <v>54</v>
      </c>
      <c r="D12" s="18">
        <v>-19</v>
      </c>
      <c r="E12" s="17">
        <v>0</v>
      </c>
      <c r="F12" s="18">
        <v>0</v>
      </c>
      <c r="G12" s="19">
        <v>0</v>
      </c>
      <c r="H12" s="18">
        <v>625</v>
      </c>
      <c r="I12" s="18">
        <v>341</v>
      </c>
      <c r="J12" s="18">
        <v>284</v>
      </c>
      <c r="K12" s="17">
        <v>590</v>
      </c>
      <c r="L12" s="51">
        <v>287</v>
      </c>
      <c r="M12" s="52">
        <v>303</v>
      </c>
    </row>
    <row r="13" spans="1:13">
      <c r="A13" s="20" t="s">
        <v>20</v>
      </c>
      <c r="B13" s="21">
        <v>31</v>
      </c>
      <c r="C13" s="22">
        <v>19</v>
      </c>
      <c r="D13" s="22">
        <v>12</v>
      </c>
      <c r="E13" s="21">
        <v>0</v>
      </c>
      <c r="F13" s="22">
        <v>0</v>
      </c>
      <c r="G13" s="23">
        <v>0</v>
      </c>
      <c r="H13" s="22">
        <v>167</v>
      </c>
      <c r="I13" s="22">
        <v>82</v>
      </c>
      <c r="J13" s="22">
        <v>85</v>
      </c>
      <c r="K13" s="21">
        <v>136</v>
      </c>
      <c r="L13" s="53">
        <v>63</v>
      </c>
      <c r="M13" s="54">
        <v>73</v>
      </c>
    </row>
    <row r="14" spans="1:13">
      <c r="A14" s="20" t="s">
        <v>21</v>
      </c>
      <c r="B14" s="21">
        <v>7</v>
      </c>
      <c r="C14" s="22">
        <v>23</v>
      </c>
      <c r="D14" s="22">
        <v>-16</v>
      </c>
      <c r="E14" s="21">
        <v>0</v>
      </c>
      <c r="F14" s="22">
        <v>0</v>
      </c>
      <c r="G14" s="23">
        <v>0</v>
      </c>
      <c r="H14" s="22">
        <v>155</v>
      </c>
      <c r="I14" s="22">
        <v>93</v>
      </c>
      <c r="J14" s="22">
        <v>62</v>
      </c>
      <c r="K14" s="21">
        <v>148</v>
      </c>
      <c r="L14" s="53">
        <v>70</v>
      </c>
      <c r="M14" s="54">
        <v>78</v>
      </c>
    </row>
    <row r="15" spans="1:13">
      <c r="A15" s="20" t="s">
        <v>22</v>
      </c>
      <c r="B15" s="21">
        <v>-9</v>
      </c>
      <c r="C15" s="22">
        <v>-2</v>
      </c>
      <c r="D15" s="22">
        <v>-7</v>
      </c>
      <c r="E15" s="21">
        <v>0</v>
      </c>
      <c r="F15" s="22">
        <v>0</v>
      </c>
      <c r="G15" s="23">
        <v>0</v>
      </c>
      <c r="H15" s="22">
        <v>127</v>
      </c>
      <c r="I15" s="22">
        <v>62</v>
      </c>
      <c r="J15" s="22">
        <v>65</v>
      </c>
      <c r="K15" s="21">
        <v>136</v>
      </c>
      <c r="L15" s="53">
        <v>64</v>
      </c>
      <c r="M15" s="54">
        <v>72</v>
      </c>
    </row>
    <row r="16" spans="1:13">
      <c r="A16" s="20" t="s">
        <v>23</v>
      </c>
      <c r="B16" s="21">
        <v>-3</v>
      </c>
      <c r="C16" s="22">
        <v>0</v>
      </c>
      <c r="D16" s="22">
        <v>-3</v>
      </c>
      <c r="E16" s="21">
        <v>0</v>
      </c>
      <c r="F16" s="22">
        <v>0</v>
      </c>
      <c r="G16" s="23">
        <v>0</v>
      </c>
      <c r="H16" s="22">
        <v>87</v>
      </c>
      <c r="I16" s="22">
        <v>50</v>
      </c>
      <c r="J16" s="22">
        <v>37</v>
      </c>
      <c r="K16" s="21">
        <v>90</v>
      </c>
      <c r="L16" s="53">
        <v>50</v>
      </c>
      <c r="M16" s="54">
        <v>40</v>
      </c>
    </row>
    <row r="17" spans="1:13">
      <c r="A17" s="20" t="s">
        <v>24</v>
      </c>
      <c r="B17" s="21">
        <v>9</v>
      </c>
      <c r="C17" s="22">
        <v>14</v>
      </c>
      <c r="D17" s="22">
        <v>-5</v>
      </c>
      <c r="E17" s="21">
        <v>0</v>
      </c>
      <c r="F17" s="22">
        <v>0</v>
      </c>
      <c r="G17" s="23">
        <v>0</v>
      </c>
      <c r="H17" s="22">
        <v>89</v>
      </c>
      <c r="I17" s="22">
        <v>54</v>
      </c>
      <c r="J17" s="22">
        <v>35</v>
      </c>
      <c r="K17" s="21">
        <v>80</v>
      </c>
      <c r="L17" s="53">
        <v>40</v>
      </c>
      <c r="M17" s="54">
        <v>40</v>
      </c>
    </row>
    <row r="18" spans="1:13" ht="20.100000000000001" customHeight="1">
      <c r="A18" s="16" t="s">
        <v>25</v>
      </c>
      <c r="B18" s="17">
        <v>-14</v>
      </c>
      <c r="C18" s="18">
        <v>-13</v>
      </c>
      <c r="D18" s="18">
        <v>-1</v>
      </c>
      <c r="E18" s="17">
        <v>0</v>
      </c>
      <c r="F18" s="18">
        <v>0</v>
      </c>
      <c r="G18" s="19">
        <v>0</v>
      </c>
      <c r="H18" s="18">
        <v>324</v>
      </c>
      <c r="I18" s="18">
        <v>155</v>
      </c>
      <c r="J18" s="18">
        <v>169</v>
      </c>
      <c r="K18" s="17">
        <v>338</v>
      </c>
      <c r="L18" s="51">
        <v>168</v>
      </c>
      <c r="M18" s="52">
        <v>170</v>
      </c>
    </row>
    <row r="19" spans="1:13">
      <c r="A19" s="20" t="s">
        <v>26</v>
      </c>
      <c r="B19" s="21">
        <v>16</v>
      </c>
      <c r="C19" s="22">
        <v>12</v>
      </c>
      <c r="D19" s="22">
        <v>4</v>
      </c>
      <c r="E19" s="21">
        <v>0</v>
      </c>
      <c r="F19" s="22">
        <v>0</v>
      </c>
      <c r="G19" s="23">
        <v>0</v>
      </c>
      <c r="H19" s="22">
        <v>88</v>
      </c>
      <c r="I19" s="22">
        <v>47</v>
      </c>
      <c r="J19" s="22">
        <v>41</v>
      </c>
      <c r="K19" s="21">
        <v>72</v>
      </c>
      <c r="L19" s="53">
        <v>35</v>
      </c>
      <c r="M19" s="54">
        <v>37</v>
      </c>
    </row>
    <row r="20" spans="1:13">
      <c r="A20" s="20" t="s">
        <v>27</v>
      </c>
      <c r="B20" s="21">
        <v>2</v>
      </c>
      <c r="C20" s="22">
        <v>1</v>
      </c>
      <c r="D20" s="22">
        <v>1</v>
      </c>
      <c r="E20" s="21">
        <v>0</v>
      </c>
      <c r="F20" s="22">
        <v>0</v>
      </c>
      <c r="G20" s="23">
        <v>0</v>
      </c>
      <c r="H20" s="22">
        <v>65</v>
      </c>
      <c r="I20" s="22">
        <v>27</v>
      </c>
      <c r="J20" s="22">
        <v>38</v>
      </c>
      <c r="K20" s="21">
        <v>63</v>
      </c>
      <c r="L20" s="53">
        <v>26</v>
      </c>
      <c r="M20" s="54">
        <v>37</v>
      </c>
    </row>
    <row r="21" spans="1:13">
      <c r="A21" s="20" t="s">
        <v>28</v>
      </c>
      <c r="B21" s="21">
        <v>-5</v>
      </c>
      <c r="C21" s="22">
        <v>-4</v>
      </c>
      <c r="D21" s="22">
        <v>-1</v>
      </c>
      <c r="E21" s="21">
        <v>0</v>
      </c>
      <c r="F21" s="22">
        <v>0</v>
      </c>
      <c r="G21" s="23">
        <v>0</v>
      </c>
      <c r="H21" s="22">
        <v>58</v>
      </c>
      <c r="I21" s="22">
        <v>27</v>
      </c>
      <c r="J21" s="22">
        <v>31</v>
      </c>
      <c r="K21" s="21">
        <v>63</v>
      </c>
      <c r="L21" s="53">
        <v>31</v>
      </c>
      <c r="M21" s="54">
        <v>32</v>
      </c>
    </row>
    <row r="22" spans="1:13">
      <c r="A22" s="20" t="s">
        <v>29</v>
      </c>
      <c r="B22" s="21">
        <v>-10</v>
      </c>
      <c r="C22" s="22">
        <v>-12</v>
      </c>
      <c r="D22" s="22">
        <v>2</v>
      </c>
      <c r="E22" s="21">
        <v>0</v>
      </c>
      <c r="F22" s="22">
        <v>0</v>
      </c>
      <c r="G22" s="23">
        <v>0</v>
      </c>
      <c r="H22" s="22">
        <v>81</v>
      </c>
      <c r="I22" s="22">
        <v>43</v>
      </c>
      <c r="J22" s="22">
        <v>38</v>
      </c>
      <c r="K22" s="21">
        <v>91</v>
      </c>
      <c r="L22" s="53">
        <v>55</v>
      </c>
      <c r="M22" s="54">
        <v>36</v>
      </c>
    </row>
    <row r="23" spans="1:13">
      <c r="A23" s="20" t="s">
        <v>30</v>
      </c>
      <c r="B23" s="21">
        <v>-17</v>
      </c>
      <c r="C23" s="22">
        <v>-10</v>
      </c>
      <c r="D23" s="22">
        <v>-7</v>
      </c>
      <c r="E23" s="21">
        <v>0</v>
      </c>
      <c r="F23" s="22">
        <v>0</v>
      </c>
      <c r="G23" s="23">
        <v>0</v>
      </c>
      <c r="H23" s="22">
        <v>32</v>
      </c>
      <c r="I23" s="22">
        <v>11</v>
      </c>
      <c r="J23" s="22">
        <v>21</v>
      </c>
      <c r="K23" s="21">
        <v>49</v>
      </c>
      <c r="L23" s="53">
        <v>21</v>
      </c>
      <c r="M23" s="54">
        <v>28</v>
      </c>
    </row>
    <row r="24" spans="1:13" ht="20.100000000000001" customHeight="1">
      <c r="A24" s="16" t="s">
        <v>31</v>
      </c>
      <c r="B24" s="17">
        <v>-21</v>
      </c>
      <c r="C24" s="18">
        <v>-10</v>
      </c>
      <c r="D24" s="18">
        <v>-11</v>
      </c>
      <c r="E24" s="17">
        <v>4</v>
      </c>
      <c r="F24" s="18">
        <v>3</v>
      </c>
      <c r="G24" s="19">
        <v>1</v>
      </c>
      <c r="H24" s="18">
        <v>370</v>
      </c>
      <c r="I24" s="18">
        <v>180</v>
      </c>
      <c r="J24" s="18">
        <v>190</v>
      </c>
      <c r="K24" s="17">
        <v>387</v>
      </c>
      <c r="L24" s="51">
        <v>187</v>
      </c>
      <c r="M24" s="52">
        <v>200</v>
      </c>
    </row>
    <row r="25" spans="1:13">
      <c r="A25" s="20" t="s">
        <v>32</v>
      </c>
      <c r="B25" s="21">
        <v>-6</v>
      </c>
      <c r="C25" s="22">
        <v>-3</v>
      </c>
      <c r="D25" s="22">
        <v>-3</v>
      </c>
      <c r="E25" s="21">
        <v>1</v>
      </c>
      <c r="F25" s="22">
        <v>1</v>
      </c>
      <c r="G25" s="23">
        <v>0</v>
      </c>
      <c r="H25" s="22">
        <v>46</v>
      </c>
      <c r="I25" s="22">
        <v>20</v>
      </c>
      <c r="J25" s="22">
        <v>26</v>
      </c>
      <c r="K25" s="21">
        <v>51</v>
      </c>
      <c r="L25" s="53">
        <v>22</v>
      </c>
      <c r="M25" s="54">
        <v>29</v>
      </c>
    </row>
    <row r="26" spans="1:13">
      <c r="A26" s="20" t="s">
        <v>33</v>
      </c>
      <c r="B26" s="21">
        <v>-22</v>
      </c>
      <c r="C26" s="22">
        <v>-13</v>
      </c>
      <c r="D26" s="22">
        <v>-9</v>
      </c>
      <c r="E26" s="21">
        <v>1</v>
      </c>
      <c r="F26" s="22">
        <v>1</v>
      </c>
      <c r="G26" s="23">
        <v>0</v>
      </c>
      <c r="H26" s="22">
        <v>56</v>
      </c>
      <c r="I26" s="22">
        <v>25</v>
      </c>
      <c r="J26" s="22">
        <v>31</v>
      </c>
      <c r="K26" s="21">
        <v>77</v>
      </c>
      <c r="L26" s="53">
        <v>37</v>
      </c>
      <c r="M26" s="54">
        <v>40</v>
      </c>
    </row>
    <row r="27" spans="1:13">
      <c r="A27" s="20" t="s">
        <v>34</v>
      </c>
      <c r="B27" s="21">
        <v>-22</v>
      </c>
      <c r="C27" s="22">
        <v>-2</v>
      </c>
      <c r="D27" s="22">
        <v>-20</v>
      </c>
      <c r="E27" s="21">
        <v>0</v>
      </c>
      <c r="F27" s="22">
        <v>0</v>
      </c>
      <c r="G27" s="23">
        <v>0</v>
      </c>
      <c r="H27" s="22">
        <v>30</v>
      </c>
      <c r="I27" s="22">
        <v>21</v>
      </c>
      <c r="J27" s="22">
        <v>9</v>
      </c>
      <c r="K27" s="21">
        <v>52</v>
      </c>
      <c r="L27" s="53">
        <v>23</v>
      </c>
      <c r="M27" s="54">
        <v>29</v>
      </c>
    </row>
    <row r="28" spans="1:13">
      <c r="A28" s="20" t="s">
        <v>35</v>
      </c>
      <c r="B28" s="21">
        <v>11</v>
      </c>
      <c r="C28" s="22">
        <v>8</v>
      </c>
      <c r="D28" s="22">
        <v>3</v>
      </c>
      <c r="E28" s="21">
        <v>1</v>
      </c>
      <c r="F28" s="22">
        <v>1</v>
      </c>
      <c r="G28" s="23">
        <v>0</v>
      </c>
      <c r="H28" s="22">
        <v>81</v>
      </c>
      <c r="I28" s="22">
        <v>41</v>
      </c>
      <c r="J28" s="22">
        <v>40</v>
      </c>
      <c r="K28" s="21">
        <v>69</v>
      </c>
      <c r="L28" s="53">
        <v>32</v>
      </c>
      <c r="M28" s="54">
        <v>37</v>
      </c>
    </row>
    <row r="29" spans="1:13">
      <c r="A29" s="20" t="s">
        <v>36</v>
      </c>
      <c r="B29" s="21">
        <v>18</v>
      </c>
      <c r="C29" s="22">
        <v>0</v>
      </c>
      <c r="D29" s="22">
        <v>18</v>
      </c>
      <c r="E29" s="21">
        <v>1</v>
      </c>
      <c r="F29" s="22">
        <v>0</v>
      </c>
      <c r="G29" s="23">
        <v>1</v>
      </c>
      <c r="H29" s="22">
        <v>157</v>
      </c>
      <c r="I29" s="22">
        <v>73</v>
      </c>
      <c r="J29" s="22">
        <v>84</v>
      </c>
      <c r="K29" s="21">
        <v>138</v>
      </c>
      <c r="L29" s="53">
        <v>73</v>
      </c>
      <c r="M29" s="54">
        <v>65</v>
      </c>
    </row>
    <row r="30" spans="1:13" ht="20.100000000000001" customHeight="1">
      <c r="A30" s="16" t="s">
        <v>37</v>
      </c>
      <c r="B30" s="17">
        <v>-82</v>
      </c>
      <c r="C30" s="18">
        <v>-63</v>
      </c>
      <c r="D30" s="18">
        <v>-19</v>
      </c>
      <c r="E30" s="17">
        <v>6</v>
      </c>
      <c r="F30" s="18">
        <v>4</v>
      </c>
      <c r="G30" s="19">
        <v>2</v>
      </c>
      <c r="H30" s="18">
        <v>1387</v>
      </c>
      <c r="I30" s="18">
        <v>674</v>
      </c>
      <c r="J30" s="18">
        <v>713</v>
      </c>
      <c r="K30" s="17">
        <v>1463</v>
      </c>
      <c r="L30" s="51">
        <v>733</v>
      </c>
      <c r="M30" s="52">
        <v>730</v>
      </c>
    </row>
    <row r="31" spans="1:13">
      <c r="A31" s="20" t="s">
        <v>38</v>
      </c>
      <c r="B31" s="21">
        <v>23</v>
      </c>
      <c r="C31" s="22">
        <v>6</v>
      </c>
      <c r="D31" s="22">
        <v>17</v>
      </c>
      <c r="E31" s="21">
        <v>0</v>
      </c>
      <c r="F31" s="22">
        <v>0</v>
      </c>
      <c r="G31" s="23">
        <v>0</v>
      </c>
      <c r="H31" s="22">
        <v>132</v>
      </c>
      <c r="I31" s="22">
        <v>66</v>
      </c>
      <c r="J31" s="22">
        <v>66</v>
      </c>
      <c r="K31" s="21">
        <v>109</v>
      </c>
      <c r="L31" s="53">
        <v>60</v>
      </c>
      <c r="M31" s="54">
        <v>49</v>
      </c>
    </row>
    <row r="32" spans="1:13">
      <c r="A32" s="20" t="s">
        <v>39</v>
      </c>
      <c r="B32" s="21">
        <v>64</v>
      </c>
      <c r="C32" s="22">
        <v>37</v>
      </c>
      <c r="D32" s="22">
        <v>27</v>
      </c>
      <c r="E32" s="21">
        <v>2</v>
      </c>
      <c r="F32" s="22">
        <v>2</v>
      </c>
      <c r="G32" s="23">
        <v>0</v>
      </c>
      <c r="H32" s="22">
        <v>237</v>
      </c>
      <c r="I32" s="22">
        <v>117</v>
      </c>
      <c r="J32" s="22">
        <v>120</v>
      </c>
      <c r="K32" s="21">
        <v>171</v>
      </c>
      <c r="L32" s="53">
        <v>78</v>
      </c>
      <c r="M32" s="54">
        <v>93</v>
      </c>
    </row>
    <row r="33" spans="1:13">
      <c r="A33" s="20" t="s">
        <v>40</v>
      </c>
      <c r="B33" s="21">
        <v>16</v>
      </c>
      <c r="C33" s="22">
        <v>-10</v>
      </c>
      <c r="D33" s="22">
        <v>26</v>
      </c>
      <c r="E33" s="21">
        <v>0</v>
      </c>
      <c r="F33" s="22">
        <v>0</v>
      </c>
      <c r="G33" s="23">
        <v>0</v>
      </c>
      <c r="H33" s="22">
        <v>293</v>
      </c>
      <c r="I33" s="22">
        <v>125</v>
      </c>
      <c r="J33" s="22">
        <v>168</v>
      </c>
      <c r="K33" s="21">
        <v>277</v>
      </c>
      <c r="L33" s="53">
        <v>135</v>
      </c>
      <c r="M33" s="54">
        <v>142</v>
      </c>
    </row>
    <row r="34" spans="1:13">
      <c r="A34" s="20" t="s">
        <v>41</v>
      </c>
      <c r="B34" s="21">
        <v>-114</v>
      </c>
      <c r="C34" s="22">
        <v>-73</v>
      </c>
      <c r="D34" s="22">
        <v>-41</v>
      </c>
      <c r="E34" s="21">
        <v>3</v>
      </c>
      <c r="F34" s="22">
        <v>2</v>
      </c>
      <c r="G34" s="23">
        <v>1</v>
      </c>
      <c r="H34" s="22">
        <v>405</v>
      </c>
      <c r="I34" s="22">
        <v>193</v>
      </c>
      <c r="J34" s="22">
        <v>212</v>
      </c>
      <c r="K34" s="21">
        <v>516</v>
      </c>
      <c r="L34" s="53">
        <v>264</v>
      </c>
      <c r="M34" s="54">
        <v>252</v>
      </c>
    </row>
    <row r="35" spans="1:13">
      <c r="A35" s="20" t="s">
        <v>42</v>
      </c>
      <c r="B35" s="21">
        <v>-71</v>
      </c>
      <c r="C35" s="22">
        <v>-23</v>
      </c>
      <c r="D35" s="22">
        <v>-48</v>
      </c>
      <c r="E35" s="21">
        <v>1</v>
      </c>
      <c r="F35" s="22">
        <v>0</v>
      </c>
      <c r="G35" s="23">
        <v>1</v>
      </c>
      <c r="H35" s="22">
        <v>320</v>
      </c>
      <c r="I35" s="22">
        <v>173</v>
      </c>
      <c r="J35" s="22">
        <v>147</v>
      </c>
      <c r="K35" s="21">
        <v>390</v>
      </c>
      <c r="L35" s="53">
        <v>196</v>
      </c>
      <c r="M35" s="54">
        <v>194</v>
      </c>
    </row>
    <row r="36" spans="1:13" ht="20.100000000000001" customHeight="1">
      <c r="A36" s="16" t="s">
        <v>43</v>
      </c>
      <c r="B36" s="17">
        <v>24</v>
      </c>
      <c r="C36" s="18">
        <v>6</v>
      </c>
      <c r="D36" s="18">
        <v>18</v>
      </c>
      <c r="E36" s="17">
        <v>7</v>
      </c>
      <c r="F36" s="18">
        <v>2</v>
      </c>
      <c r="G36" s="19">
        <v>5</v>
      </c>
      <c r="H36" s="18">
        <v>2025</v>
      </c>
      <c r="I36" s="18">
        <v>994</v>
      </c>
      <c r="J36" s="18">
        <v>1031</v>
      </c>
      <c r="K36" s="17">
        <v>1994</v>
      </c>
      <c r="L36" s="51">
        <v>986</v>
      </c>
      <c r="M36" s="52">
        <v>1008</v>
      </c>
    </row>
    <row r="37" spans="1:13">
      <c r="A37" s="20" t="s">
        <v>44</v>
      </c>
      <c r="B37" s="21">
        <v>-64</v>
      </c>
      <c r="C37" s="22">
        <v>-44</v>
      </c>
      <c r="D37" s="22">
        <v>-20</v>
      </c>
      <c r="E37" s="21">
        <v>0</v>
      </c>
      <c r="F37" s="22">
        <v>0</v>
      </c>
      <c r="G37" s="23">
        <v>0</v>
      </c>
      <c r="H37" s="22">
        <v>382</v>
      </c>
      <c r="I37" s="22">
        <v>192</v>
      </c>
      <c r="J37" s="22">
        <v>190</v>
      </c>
      <c r="K37" s="21">
        <v>446</v>
      </c>
      <c r="L37" s="53">
        <v>236</v>
      </c>
      <c r="M37" s="54">
        <v>210</v>
      </c>
    </row>
    <row r="38" spans="1:13">
      <c r="A38" s="20" t="s">
        <v>45</v>
      </c>
      <c r="B38" s="21">
        <v>-13</v>
      </c>
      <c r="C38" s="22">
        <v>-8</v>
      </c>
      <c r="D38" s="22">
        <v>-5</v>
      </c>
      <c r="E38" s="21">
        <v>0</v>
      </c>
      <c r="F38" s="22">
        <v>0</v>
      </c>
      <c r="G38" s="23">
        <v>0</v>
      </c>
      <c r="H38" s="22">
        <v>373</v>
      </c>
      <c r="I38" s="22">
        <v>170</v>
      </c>
      <c r="J38" s="22">
        <v>203</v>
      </c>
      <c r="K38" s="21">
        <v>386</v>
      </c>
      <c r="L38" s="53">
        <v>178</v>
      </c>
      <c r="M38" s="54">
        <v>208</v>
      </c>
    </row>
    <row r="39" spans="1:13">
      <c r="A39" s="20" t="s">
        <v>46</v>
      </c>
      <c r="B39" s="21">
        <v>-18</v>
      </c>
      <c r="C39" s="22">
        <v>-26</v>
      </c>
      <c r="D39" s="22">
        <v>8</v>
      </c>
      <c r="E39" s="21">
        <v>4</v>
      </c>
      <c r="F39" s="22">
        <v>1</v>
      </c>
      <c r="G39" s="23">
        <v>3</v>
      </c>
      <c r="H39" s="22">
        <v>394</v>
      </c>
      <c r="I39" s="22">
        <v>182</v>
      </c>
      <c r="J39" s="22">
        <v>212</v>
      </c>
      <c r="K39" s="21">
        <v>408</v>
      </c>
      <c r="L39" s="53">
        <v>207</v>
      </c>
      <c r="M39" s="54">
        <v>201</v>
      </c>
    </row>
    <row r="40" spans="1:13">
      <c r="A40" s="20" t="s">
        <v>47</v>
      </c>
      <c r="B40" s="21">
        <v>66</v>
      </c>
      <c r="C40" s="22">
        <v>42</v>
      </c>
      <c r="D40" s="22">
        <v>24</v>
      </c>
      <c r="E40" s="21">
        <v>2</v>
      </c>
      <c r="F40" s="22">
        <v>0</v>
      </c>
      <c r="G40" s="23">
        <v>2</v>
      </c>
      <c r="H40" s="22">
        <v>465</v>
      </c>
      <c r="I40" s="22">
        <v>246</v>
      </c>
      <c r="J40" s="22">
        <v>219</v>
      </c>
      <c r="K40" s="21">
        <v>397</v>
      </c>
      <c r="L40" s="53">
        <v>204</v>
      </c>
      <c r="M40" s="54">
        <v>193</v>
      </c>
    </row>
    <row r="41" spans="1:13">
      <c r="A41" s="20" t="s">
        <v>48</v>
      </c>
      <c r="B41" s="21">
        <v>53</v>
      </c>
      <c r="C41" s="22">
        <v>42</v>
      </c>
      <c r="D41" s="22">
        <v>11</v>
      </c>
      <c r="E41" s="21">
        <v>1</v>
      </c>
      <c r="F41" s="22">
        <v>1</v>
      </c>
      <c r="G41" s="23">
        <v>0</v>
      </c>
      <c r="H41" s="22">
        <v>411</v>
      </c>
      <c r="I41" s="22">
        <v>204</v>
      </c>
      <c r="J41" s="22">
        <v>207</v>
      </c>
      <c r="K41" s="21">
        <v>357</v>
      </c>
      <c r="L41" s="53">
        <v>161</v>
      </c>
      <c r="M41" s="54">
        <v>196</v>
      </c>
    </row>
    <row r="42" spans="1:13" ht="20.100000000000001" customHeight="1">
      <c r="A42" s="16" t="s">
        <v>49</v>
      </c>
      <c r="B42" s="17">
        <v>350</v>
      </c>
      <c r="C42" s="18">
        <v>141</v>
      </c>
      <c r="D42" s="18">
        <v>209</v>
      </c>
      <c r="E42" s="17">
        <v>5</v>
      </c>
      <c r="F42" s="18">
        <v>4</v>
      </c>
      <c r="G42" s="19">
        <v>1</v>
      </c>
      <c r="H42" s="18">
        <v>1837</v>
      </c>
      <c r="I42" s="18">
        <v>932</v>
      </c>
      <c r="J42" s="18">
        <v>905</v>
      </c>
      <c r="K42" s="17">
        <v>1482</v>
      </c>
      <c r="L42" s="51">
        <v>787</v>
      </c>
      <c r="M42" s="52">
        <v>695</v>
      </c>
    </row>
    <row r="43" spans="1:13">
      <c r="A43" s="20" t="s">
        <v>50</v>
      </c>
      <c r="B43" s="21">
        <v>113</v>
      </c>
      <c r="C43" s="22">
        <v>39</v>
      </c>
      <c r="D43" s="22">
        <v>74</v>
      </c>
      <c r="E43" s="21">
        <v>0</v>
      </c>
      <c r="F43" s="22">
        <v>0</v>
      </c>
      <c r="G43" s="23">
        <v>0</v>
      </c>
      <c r="H43" s="22">
        <v>434</v>
      </c>
      <c r="I43" s="22">
        <v>209</v>
      </c>
      <c r="J43" s="22">
        <v>225</v>
      </c>
      <c r="K43" s="21">
        <v>321</v>
      </c>
      <c r="L43" s="53">
        <v>170</v>
      </c>
      <c r="M43" s="54">
        <v>151</v>
      </c>
    </row>
    <row r="44" spans="1:13">
      <c r="A44" s="20" t="s">
        <v>51</v>
      </c>
      <c r="B44" s="21">
        <v>56</v>
      </c>
      <c r="C44" s="22">
        <v>29</v>
      </c>
      <c r="D44" s="22">
        <v>27</v>
      </c>
      <c r="E44" s="21">
        <v>1</v>
      </c>
      <c r="F44" s="22">
        <v>1</v>
      </c>
      <c r="G44" s="23">
        <v>0</v>
      </c>
      <c r="H44" s="22">
        <v>390</v>
      </c>
      <c r="I44" s="22">
        <v>200</v>
      </c>
      <c r="J44" s="22">
        <v>190</v>
      </c>
      <c r="K44" s="21">
        <v>333</v>
      </c>
      <c r="L44" s="53">
        <v>170</v>
      </c>
      <c r="M44" s="54">
        <v>163</v>
      </c>
    </row>
    <row r="45" spans="1:13">
      <c r="A45" s="20" t="s">
        <v>52</v>
      </c>
      <c r="B45" s="21">
        <v>24</v>
      </c>
      <c r="C45" s="22">
        <v>0</v>
      </c>
      <c r="D45" s="22">
        <v>24</v>
      </c>
      <c r="E45" s="21">
        <v>0</v>
      </c>
      <c r="F45" s="22">
        <v>0</v>
      </c>
      <c r="G45" s="23">
        <v>0</v>
      </c>
      <c r="H45" s="22">
        <v>331</v>
      </c>
      <c r="I45" s="22">
        <v>174</v>
      </c>
      <c r="J45" s="22">
        <v>157</v>
      </c>
      <c r="K45" s="21">
        <v>307</v>
      </c>
      <c r="L45" s="53">
        <v>174</v>
      </c>
      <c r="M45" s="54">
        <v>133</v>
      </c>
    </row>
    <row r="46" spans="1:13">
      <c r="A46" s="20" t="s">
        <v>53</v>
      </c>
      <c r="B46" s="21">
        <v>95</v>
      </c>
      <c r="C46" s="22">
        <v>50</v>
      </c>
      <c r="D46" s="22">
        <v>45</v>
      </c>
      <c r="E46" s="21">
        <v>2</v>
      </c>
      <c r="F46" s="22">
        <v>1</v>
      </c>
      <c r="G46" s="23">
        <v>1</v>
      </c>
      <c r="H46" s="22">
        <v>376</v>
      </c>
      <c r="I46" s="22">
        <v>191</v>
      </c>
      <c r="J46" s="22">
        <v>185</v>
      </c>
      <c r="K46" s="21">
        <v>279</v>
      </c>
      <c r="L46" s="53">
        <v>140</v>
      </c>
      <c r="M46" s="54">
        <v>139</v>
      </c>
    </row>
    <row r="47" spans="1:13">
      <c r="A47" s="20" t="s">
        <v>54</v>
      </c>
      <c r="B47" s="21">
        <v>62</v>
      </c>
      <c r="C47" s="22">
        <v>23</v>
      </c>
      <c r="D47" s="22">
        <v>39</v>
      </c>
      <c r="E47" s="21">
        <v>2</v>
      </c>
      <c r="F47" s="22">
        <v>2</v>
      </c>
      <c r="G47" s="23">
        <v>0</v>
      </c>
      <c r="H47" s="22">
        <v>306</v>
      </c>
      <c r="I47" s="22">
        <v>158</v>
      </c>
      <c r="J47" s="22">
        <v>148</v>
      </c>
      <c r="K47" s="21">
        <v>242</v>
      </c>
      <c r="L47" s="53">
        <v>133</v>
      </c>
      <c r="M47" s="54">
        <v>109</v>
      </c>
    </row>
    <row r="48" spans="1:13" ht="20.100000000000001" customHeight="1">
      <c r="A48" s="16" t="s">
        <v>55</v>
      </c>
      <c r="B48" s="17">
        <v>229</v>
      </c>
      <c r="C48" s="18">
        <v>149</v>
      </c>
      <c r="D48" s="18">
        <v>80</v>
      </c>
      <c r="E48" s="17">
        <v>5</v>
      </c>
      <c r="F48" s="18">
        <v>1</v>
      </c>
      <c r="G48" s="19">
        <v>4</v>
      </c>
      <c r="H48" s="18">
        <v>1347</v>
      </c>
      <c r="I48" s="18">
        <v>743</v>
      </c>
      <c r="J48" s="18">
        <v>604</v>
      </c>
      <c r="K48" s="17">
        <v>1113</v>
      </c>
      <c r="L48" s="51">
        <v>593</v>
      </c>
      <c r="M48" s="52">
        <v>520</v>
      </c>
    </row>
    <row r="49" spans="1:13">
      <c r="A49" s="20" t="s">
        <v>56</v>
      </c>
      <c r="B49" s="21">
        <v>28</v>
      </c>
      <c r="C49" s="22">
        <v>20</v>
      </c>
      <c r="D49" s="22">
        <v>8</v>
      </c>
      <c r="E49" s="21">
        <v>0</v>
      </c>
      <c r="F49" s="22">
        <v>0</v>
      </c>
      <c r="G49" s="23">
        <v>0</v>
      </c>
      <c r="H49" s="22">
        <v>301</v>
      </c>
      <c r="I49" s="22">
        <v>171</v>
      </c>
      <c r="J49" s="22">
        <v>130</v>
      </c>
      <c r="K49" s="21">
        <v>273</v>
      </c>
      <c r="L49" s="53">
        <v>151</v>
      </c>
      <c r="M49" s="54">
        <v>122</v>
      </c>
    </row>
    <row r="50" spans="1:13">
      <c r="A50" s="20" t="s">
        <v>57</v>
      </c>
      <c r="B50" s="21">
        <v>45</v>
      </c>
      <c r="C50" s="22">
        <v>38</v>
      </c>
      <c r="D50" s="22">
        <v>7</v>
      </c>
      <c r="E50" s="21">
        <v>0</v>
      </c>
      <c r="F50" s="22">
        <v>0</v>
      </c>
      <c r="G50" s="23">
        <v>0</v>
      </c>
      <c r="H50" s="22">
        <v>293</v>
      </c>
      <c r="I50" s="22">
        <v>165</v>
      </c>
      <c r="J50" s="22">
        <v>128</v>
      </c>
      <c r="K50" s="21">
        <v>248</v>
      </c>
      <c r="L50" s="53">
        <v>127</v>
      </c>
      <c r="M50" s="54">
        <v>121</v>
      </c>
    </row>
    <row r="51" spans="1:13">
      <c r="A51" s="20" t="s">
        <v>58</v>
      </c>
      <c r="B51" s="21">
        <v>89</v>
      </c>
      <c r="C51" s="22">
        <v>44</v>
      </c>
      <c r="D51" s="22">
        <v>45</v>
      </c>
      <c r="E51" s="21">
        <v>2</v>
      </c>
      <c r="F51" s="22">
        <v>0</v>
      </c>
      <c r="G51" s="23">
        <v>2</v>
      </c>
      <c r="H51" s="22">
        <v>295</v>
      </c>
      <c r="I51" s="22">
        <v>157</v>
      </c>
      <c r="J51" s="22">
        <v>138</v>
      </c>
      <c r="K51" s="21">
        <v>204</v>
      </c>
      <c r="L51" s="53">
        <v>113</v>
      </c>
      <c r="M51" s="54">
        <v>91</v>
      </c>
    </row>
    <row r="52" spans="1:13">
      <c r="A52" s="20" t="s">
        <v>59</v>
      </c>
      <c r="B52" s="21">
        <v>40</v>
      </c>
      <c r="C52" s="22">
        <v>23</v>
      </c>
      <c r="D52" s="22">
        <v>17</v>
      </c>
      <c r="E52" s="21">
        <v>3</v>
      </c>
      <c r="F52" s="22">
        <v>1</v>
      </c>
      <c r="G52" s="23">
        <v>2</v>
      </c>
      <c r="H52" s="22">
        <v>235</v>
      </c>
      <c r="I52" s="22">
        <v>128</v>
      </c>
      <c r="J52" s="22">
        <v>107</v>
      </c>
      <c r="K52" s="21">
        <v>192</v>
      </c>
      <c r="L52" s="53">
        <v>104</v>
      </c>
      <c r="M52" s="54">
        <v>88</v>
      </c>
    </row>
    <row r="53" spans="1:13">
      <c r="A53" s="20" t="s">
        <v>60</v>
      </c>
      <c r="B53" s="21">
        <v>27</v>
      </c>
      <c r="C53" s="22">
        <v>24</v>
      </c>
      <c r="D53" s="22">
        <v>3</v>
      </c>
      <c r="E53" s="21">
        <v>0</v>
      </c>
      <c r="F53" s="22">
        <v>0</v>
      </c>
      <c r="G53" s="23">
        <v>0</v>
      </c>
      <c r="H53" s="22">
        <v>223</v>
      </c>
      <c r="I53" s="22">
        <v>122</v>
      </c>
      <c r="J53" s="22">
        <v>101</v>
      </c>
      <c r="K53" s="21">
        <v>196</v>
      </c>
      <c r="L53" s="53">
        <v>98</v>
      </c>
      <c r="M53" s="54">
        <v>98</v>
      </c>
    </row>
    <row r="54" spans="1:13" ht="20.100000000000001" customHeight="1">
      <c r="A54" s="16" t="s">
        <v>61</v>
      </c>
      <c r="B54" s="17">
        <v>46</v>
      </c>
      <c r="C54" s="18">
        <v>54</v>
      </c>
      <c r="D54" s="18">
        <v>-8</v>
      </c>
      <c r="E54" s="17">
        <v>12</v>
      </c>
      <c r="F54" s="18">
        <v>7</v>
      </c>
      <c r="G54" s="19">
        <v>5</v>
      </c>
      <c r="H54" s="18">
        <v>973</v>
      </c>
      <c r="I54" s="18">
        <v>547</v>
      </c>
      <c r="J54" s="18">
        <v>426</v>
      </c>
      <c r="K54" s="17">
        <v>915</v>
      </c>
      <c r="L54" s="51">
        <v>486</v>
      </c>
      <c r="M54" s="52">
        <v>429</v>
      </c>
    </row>
    <row r="55" spans="1:13">
      <c r="A55" s="20" t="s">
        <v>62</v>
      </c>
      <c r="B55" s="21">
        <v>50</v>
      </c>
      <c r="C55" s="22">
        <v>36</v>
      </c>
      <c r="D55" s="22">
        <v>14</v>
      </c>
      <c r="E55" s="21">
        <v>0</v>
      </c>
      <c r="F55" s="22">
        <v>0</v>
      </c>
      <c r="G55" s="23">
        <v>0</v>
      </c>
      <c r="H55" s="22">
        <v>231</v>
      </c>
      <c r="I55" s="22">
        <v>131</v>
      </c>
      <c r="J55" s="22">
        <v>100</v>
      </c>
      <c r="K55" s="21">
        <v>181</v>
      </c>
      <c r="L55" s="53">
        <v>95</v>
      </c>
      <c r="M55" s="54">
        <v>86</v>
      </c>
    </row>
    <row r="56" spans="1:13">
      <c r="A56" s="20" t="s">
        <v>63</v>
      </c>
      <c r="B56" s="21">
        <v>14</v>
      </c>
      <c r="C56" s="22">
        <v>13</v>
      </c>
      <c r="D56" s="22">
        <v>1</v>
      </c>
      <c r="E56" s="21">
        <v>3</v>
      </c>
      <c r="F56" s="22">
        <v>1</v>
      </c>
      <c r="G56" s="23">
        <v>2</v>
      </c>
      <c r="H56" s="22">
        <v>197</v>
      </c>
      <c r="I56" s="22">
        <v>107</v>
      </c>
      <c r="J56" s="22">
        <v>90</v>
      </c>
      <c r="K56" s="21">
        <v>180</v>
      </c>
      <c r="L56" s="53">
        <v>93</v>
      </c>
      <c r="M56" s="54">
        <v>87</v>
      </c>
    </row>
    <row r="57" spans="1:13">
      <c r="A57" s="20" t="s">
        <v>64</v>
      </c>
      <c r="B57" s="21">
        <v>-12</v>
      </c>
      <c r="C57" s="22">
        <v>-7</v>
      </c>
      <c r="D57" s="22">
        <v>-5</v>
      </c>
      <c r="E57" s="21">
        <v>2</v>
      </c>
      <c r="F57" s="22">
        <v>2</v>
      </c>
      <c r="G57" s="23">
        <v>0</v>
      </c>
      <c r="H57" s="22">
        <v>188</v>
      </c>
      <c r="I57" s="22">
        <v>114</v>
      </c>
      <c r="J57" s="22">
        <v>74</v>
      </c>
      <c r="K57" s="21">
        <v>198</v>
      </c>
      <c r="L57" s="53">
        <v>119</v>
      </c>
      <c r="M57" s="54">
        <v>79</v>
      </c>
    </row>
    <row r="58" spans="1:13">
      <c r="A58" s="20" t="s">
        <v>65</v>
      </c>
      <c r="B58" s="21">
        <v>-6</v>
      </c>
      <c r="C58" s="22">
        <v>8</v>
      </c>
      <c r="D58" s="22">
        <v>-14</v>
      </c>
      <c r="E58" s="21">
        <v>3</v>
      </c>
      <c r="F58" s="22">
        <v>1</v>
      </c>
      <c r="G58" s="23">
        <v>2</v>
      </c>
      <c r="H58" s="22">
        <v>179</v>
      </c>
      <c r="I58" s="22">
        <v>98</v>
      </c>
      <c r="J58" s="22">
        <v>81</v>
      </c>
      <c r="K58" s="21">
        <v>182</v>
      </c>
      <c r="L58" s="53">
        <v>89</v>
      </c>
      <c r="M58" s="54">
        <v>93</v>
      </c>
    </row>
    <row r="59" spans="1:13">
      <c r="A59" s="20" t="s">
        <v>66</v>
      </c>
      <c r="B59" s="21">
        <v>0</v>
      </c>
      <c r="C59" s="22">
        <v>4</v>
      </c>
      <c r="D59" s="22">
        <v>-4</v>
      </c>
      <c r="E59" s="21">
        <v>4</v>
      </c>
      <c r="F59" s="22">
        <v>3</v>
      </c>
      <c r="G59" s="23">
        <v>1</v>
      </c>
      <c r="H59" s="22">
        <v>178</v>
      </c>
      <c r="I59" s="22">
        <v>97</v>
      </c>
      <c r="J59" s="22">
        <v>81</v>
      </c>
      <c r="K59" s="21">
        <v>174</v>
      </c>
      <c r="L59" s="53">
        <v>90</v>
      </c>
      <c r="M59" s="54">
        <v>84</v>
      </c>
    </row>
    <row r="60" spans="1:13" ht="20.100000000000001" customHeight="1">
      <c r="A60" s="16" t="s">
        <v>67</v>
      </c>
      <c r="B60" s="17">
        <v>-40</v>
      </c>
      <c r="C60" s="18">
        <v>-14</v>
      </c>
      <c r="D60" s="18">
        <v>-26</v>
      </c>
      <c r="E60" s="17">
        <v>16</v>
      </c>
      <c r="F60" s="18">
        <v>7</v>
      </c>
      <c r="G60" s="19">
        <v>9</v>
      </c>
      <c r="H60" s="18">
        <v>762</v>
      </c>
      <c r="I60" s="18">
        <v>413</v>
      </c>
      <c r="J60" s="18">
        <v>349</v>
      </c>
      <c r="K60" s="17">
        <v>786</v>
      </c>
      <c r="L60" s="51">
        <v>420</v>
      </c>
      <c r="M60" s="52">
        <v>366</v>
      </c>
    </row>
    <row r="61" spans="1:13">
      <c r="A61" s="20" t="s">
        <v>68</v>
      </c>
      <c r="B61" s="21">
        <v>-26</v>
      </c>
      <c r="C61" s="22">
        <v>-18</v>
      </c>
      <c r="D61" s="22">
        <v>-8</v>
      </c>
      <c r="E61" s="21">
        <v>1</v>
      </c>
      <c r="F61" s="22">
        <v>1</v>
      </c>
      <c r="G61" s="23">
        <v>0</v>
      </c>
      <c r="H61" s="22">
        <v>168</v>
      </c>
      <c r="I61" s="22">
        <v>90</v>
      </c>
      <c r="J61" s="22">
        <v>78</v>
      </c>
      <c r="K61" s="21">
        <v>193</v>
      </c>
      <c r="L61" s="53">
        <v>107</v>
      </c>
      <c r="M61" s="54">
        <v>86</v>
      </c>
    </row>
    <row r="62" spans="1:13">
      <c r="A62" s="20" t="s">
        <v>69</v>
      </c>
      <c r="B62" s="21">
        <v>-6</v>
      </c>
      <c r="C62" s="22">
        <v>0</v>
      </c>
      <c r="D62" s="22">
        <v>-6</v>
      </c>
      <c r="E62" s="21">
        <v>2</v>
      </c>
      <c r="F62" s="22">
        <v>0</v>
      </c>
      <c r="G62" s="23">
        <v>2</v>
      </c>
      <c r="H62" s="22">
        <v>167</v>
      </c>
      <c r="I62" s="22">
        <v>85</v>
      </c>
      <c r="J62" s="22">
        <v>82</v>
      </c>
      <c r="K62" s="21">
        <v>171</v>
      </c>
      <c r="L62" s="53">
        <v>85</v>
      </c>
      <c r="M62" s="54">
        <v>86</v>
      </c>
    </row>
    <row r="63" spans="1:13">
      <c r="A63" s="20" t="s">
        <v>70</v>
      </c>
      <c r="B63" s="21">
        <v>-3</v>
      </c>
      <c r="C63" s="22">
        <v>-9</v>
      </c>
      <c r="D63" s="22">
        <v>6</v>
      </c>
      <c r="E63" s="21">
        <v>3</v>
      </c>
      <c r="F63" s="22">
        <v>1</v>
      </c>
      <c r="G63" s="23">
        <v>2</v>
      </c>
      <c r="H63" s="22">
        <v>136</v>
      </c>
      <c r="I63" s="22">
        <v>68</v>
      </c>
      <c r="J63" s="22">
        <v>68</v>
      </c>
      <c r="K63" s="21">
        <v>136</v>
      </c>
      <c r="L63" s="53">
        <v>76</v>
      </c>
      <c r="M63" s="54">
        <v>60</v>
      </c>
    </row>
    <row r="64" spans="1:13">
      <c r="A64" s="20" t="s">
        <v>71</v>
      </c>
      <c r="B64" s="21">
        <v>8</v>
      </c>
      <c r="C64" s="22">
        <v>6</v>
      </c>
      <c r="D64" s="22">
        <v>2</v>
      </c>
      <c r="E64" s="21">
        <v>5</v>
      </c>
      <c r="F64" s="22">
        <v>2</v>
      </c>
      <c r="G64" s="23">
        <v>3</v>
      </c>
      <c r="H64" s="22">
        <v>148</v>
      </c>
      <c r="I64" s="22">
        <v>78</v>
      </c>
      <c r="J64" s="22">
        <v>70</v>
      </c>
      <c r="K64" s="21">
        <v>135</v>
      </c>
      <c r="L64" s="53">
        <v>70</v>
      </c>
      <c r="M64" s="54">
        <v>65</v>
      </c>
    </row>
    <row r="65" spans="1:13">
      <c r="A65" s="24" t="s">
        <v>72</v>
      </c>
      <c r="B65" s="25">
        <v>-13</v>
      </c>
      <c r="C65" s="26">
        <v>7</v>
      </c>
      <c r="D65" s="26">
        <v>-20</v>
      </c>
      <c r="E65" s="25">
        <v>5</v>
      </c>
      <c r="F65" s="26">
        <v>3</v>
      </c>
      <c r="G65" s="27">
        <v>2</v>
      </c>
      <c r="H65" s="26">
        <v>143</v>
      </c>
      <c r="I65" s="26">
        <v>92</v>
      </c>
      <c r="J65" s="26">
        <v>51</v>
      </c>
      <c r="K65" s="25">
        <v>151</v>
      </c>
      <c r="L65" s="55">
        <v>82</v>
      </c>
      <c r="M65" s="56">
        <v>6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572</v>
      </c>
      <c r="C69" s="58">
        <v>808</v>
      </c>
      <c r="D69" s="59">
        <v>764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572</v>
      </c>
      <c r="C70" s="61">
        <v>808</v>
      </c>
      <c r="D70" s="62">
        <v>764</v>
      </c>
    </row>
    <row r="71" spans="1:13">
      <c r="A71" s="24" t="s">
        <v>14</v>
      </c>
      <c r="B71" s="63">
        <v>1572</v>
      </c>
      <c r="C71" s="64">
        <v>808</v>
      </c>
      <c r="D71" s="65">
        <v>764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69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06</v>
      </c>
      <c r="C77" s="18">
        <v>-70</v>
      </c>
      <c r="D77" s="18">
        <v>-36</v>
      </c>
      <c r="E77" s="17">
        <v>22</v>
      </c>
      <c r="F77" s="18">
        <v>11</v>
      </c>
      <c r="G77" s="19">
        <v>11</v>
      </c>
      <c r="H77" s="18">
        <v>512</v>
      </c>
      <c r="I77" s="18">
        <v>288</v>
      </c>
      <c r="J77" s="18">
        <v>224</v>
      </c>
      <c r="K77" s="17">
        <v>596</v>
      </c>
      <c r="L77" s="51">
        <v>347</v>
      </c>
      <c r="M77" s="52">
        <v>249</v>
      </c>
    </row>
    <row r="78" spans="1:13">
      <c r="A78" s="40" t="s">
        <v>81</v>
      </c>
      <c r="B78" s="21">
        <v>-8</v>
      </c>
      <c r="C78" s="22">
        <v>-6</v>
      </c>
      <c r="D78" s="22">
        <v>-2</v>
      </c>
      <c r="E78" s="21">
        <v>2</v>
      </c>
      <c r="F78" s="22">
        <v>0</v>
      </c>
      <c r="G78" s="23">
        <v>2</v>
      </c>
      <c r="H78" s="22">
        <v>118</v>
      </c>
      <c r="I78" s="22">
        <v>71</v>
      </c>
      <c r="J78" s="22">
        <v>47</v>
      </c>
      <c r="K78" s="21">
        <v>124</v>
      </c>
      <c r="L78" s="53">
        <v>77</v>
      </c>
      <c r="M78" s="54">
        <v>47</v>
      </c>
    </row>
    <row r="79" spans="1:13">
      <c r="A79" s="40" t="s">
        <v>82</v>
      </c>
      <c r="B79" s="21">
        <v>-25</v>
      </c>
      <c r="C79" s="22">
        <v>-7</v>
      </c>
      <c r="D79" s="22">
        <v>-18</v>
      </c>
      <c r="E79" s="21">
        <v>6</v>
      </c>
      <c r="F79" s="22">
        <v>2</v>
      </c>
      <c r="G79" s="23">
        <v>4</v>
      </c>
      <c r="H79" s="22">
        <v>112</v>
      </c>
      <c r="I79" s="22">
        <v>67</v>
      </c>
      <c r="J79" s="22">
        <v>45</v>
      </c>
      <c r="K79" s="21">
        <v>131</v>
      </c>
      <c r="L79" s="53">
        <v>72</v>
      </c>
      <c r="M79" s="54">
        <v>59</v>
      </c>
    </row>
    <row r="80" spans="1:13">
      <c r="A80" s="40" t="s">
        <v>83</v>
      </c>
      <c r="B80" s="21">
        <v>-25</v>
      </c>
      <c r="C80" s="22">
        <v>-19</v>
      </c>
      <c r="D80" s="22">
        <v>-6</v>
      </c>
      <c r="E80" s="21">
        <v>4</v>
      </c>
      <c r="F80" s="22">
        <v>3</v>
      </c>
      <c r="G80" s="23">
        <v>1</v>
      </c>
      <c r="H80" s="22">
        <v>114</v>
      </c>
      <c r="I80" s="22">
        <v>61</v>
      </c>
      <c r="J80" s="22">
        <v>53</v>
      </c>
      <c r="K80" s="21">
        <v>135</v>
      </c>
      <c r="L80" s="53">
        <v>77</v>
      </c>
      <c r="M80" s="54">
        <v>58</v>
      </c>
    </row>
    <row r="81" spans="1:13">
      <c r="A81" s="40" t="s">
        <v>84</v>
      </c>
      <c r="B81" s="21">
        <v>-11</v>
      </c>
      <c r="C81" s="22">
        <v>-11</v>
      </c>
      <c r="D81" s="22">
        <v>0</v>
      </c>
      <c r="E81" s="21">
        <v>2</v>
      </c>
      <c r="F81" s="22">
        <v>1</v>
      </c>
      <c r="G81" s="23">
        <v>1</v>
      </c>
      <c r="H81" s="22">
        <v>71</v>
      </c>
      <c r="I81" s="22">
        <v>37</v>
      </c>
      <c r="J81" s="22">
        <v>34</v>
      </c>
      <c r="K81" s="21">
        <v>80</v>
      </c>
      <c r="L81" s="53">
        <v>47</v>
      </c>
      <c r="M81" s="54">
        <v>33</v>
      </c>
    </row>
    <row r="82" spans="1:13">
      <c r="A82" s="40" t="s">
        <v>85</v>
      </c>
      <c r="B82" s="21">
        <v>-37</v>
      </c>
      <c r="C82" s="22">
        <v>-27</v>
      </c>
      <c r="D82" s="22">
        <v>-10</v>
      </c>
      <c r="E82" s="21">
        <v>8</v>
      </c>
      <c r="F82" s="22">
        <v>5</v>
      </c>
      <c r="G82" s="23">
        <v>3</v>
      </c>
      <c r="H82" s="22">
        <v>97</v>
      </c>
      <c r="I82" s="22">
        <v>52</v>
      </c>
      <c r="J82" s="22">
        <v>45</v>
      </c>
      <c r="K82" s="21">
        <v>126</v>
      </c>
      <c r="L82" s="53">
        <v>74</v>
      </c>
      <c r="M82" s="54">
        <v>52</v>
      </c>
    </row>
    <row r="83" spans="1:13" ht="19.5" customHeight="1">
      <c r="A83" s="34" t="s">
        <v>86</v>
      </c>
      <c r="B83" s="17">
        <v>-138</v>
      </c>
      <c r="C83" s="18">
        <v>-80</v>
      </c>
      <c r="D83" s="18">
        <v>-58</v>
      </c>
      <c r="E83" s="17">
        <v>29</v>
      </c>
      <c r="F83" s="18">
        <v>22</v>
      </c>
      <c r="G83" s="19">
        <v>7</v>
      </c>
      <c r="H83" s="18">
        <v>337</v>
      </c>
      <c r="I83" s="18">
        <v>196</v>
      </c>
      <c r="J83" s="18">
        <v>141</v>
      </c>
      <c r="K83" s="17">
        <v>446</v>
      </c>
      <c r="L83" s="51">
        <v>254</v>
      </c>
      <c r="M83" s="52">
        <v>192</v>
      </c>
    </row>
    <row r="84" spans="1:13">
      <c r="A84" s="40" t="s">
        <v>87</v>
      </c>
      <c r="B84" s="21">
        <v>-21</v>
      </c>
      <c r="C84" s="22">
        <v>-12</v>
      </c>
      <c r="D84" s="22">
        <v>-9</v>
      </c>
      <c r="E84" s="21">
        <v>3</v>
      </c>
      <c r="F84" s="22">
        <v>3</v>
      </c>
      <c r="G84" s="23">
        <v>0</v>
      </c>
      <c r="H84" s="22">
        <v>95</v>
      </c>
      <c r="I84" s="22">
        <v>54</v>
      </c>
      <c r="J84" s="22">
        <v>41</v>
      </c>
      <c r="K84" s="21">
        <v>113</v>
      </c>
      <c r="L84" s="53">
        <v>63</v>
      </c>
      <c r="M84" s="54">
        <v>50</v>
      </c>
    </row>
    <row r="85" spans="1:13">
      <c r="A85" s="40" t="s">
        <v>88</v>
      </c>
      <c r="B85" s="21">
        <v>-33</v>
      </c>
      <c r="C85" s="22">
        <v>-22</v>
      </c>
      <c r="D85" s="22">
        <v>-11</v>
      </c>
      <c r="E85" s="21">
        <v>10</v>
      </c>
      <c r="F85" s="22">
        <v>6</v>
      </c>
      <c r="G85" s="23">
        <v>4</v>
      </c>
      <c r="H85" s="22">
        <v>69</v>
      </c>
      <c r="I85" s="22">
        <v>40</v>
      </c>
      <c r="J85" s="22">
        <v>29</v>
      </c>
      <c r="K85" s="21">
        <v>92</v>
      </c>
      <c r="L85" s="53">
        <v>56</v>
      </c>
      <c r="M85" s="54">
        <v>36</v>
      </c>
    </row>
    <row r="86" spans="1:13">
      <c r="A86" s="40" t="s">
        <v>89</v>
      </c>
      <c r="B86" s="21">
        <v>-19</v>
      </c>
      <c r="C86" s="22">
        <v>-11</v>
      </c>
      <c r="D86" s="22">
        <v>-8</v>
      </c>
      <c r="E86" s="21">
        <v>3</v>
      </c>
      <c r="F86" s="22">
        <v>2</v>
      </c>
      <c r="G86" s="23">
        <v>1</v>
      </c>
      <c r="H86" s="22">
        <v>66</v>
      </c>
      <c r="I86" s="22">
        <v>40</v>
      </c>
      <c r="J86" s="22">
        <v>26</v>
      </c>
      <c r="K86" s="21">
        <v>82</v>
      </c>
      <c r="L86" s="53">
        <v>49</v>
      </c>
      <c r="M86" s="54">
        <v>33</v>
      </c>
    </row>
    <row r="87" spans="1:13">
      <c r="A87" s="40" t="s">
        <v>90</v>
      </c>
      <c r="B87" s="21">
        <v>-49</v>
      </c>
      <c r="C87" s="22">
        <v>-22</v>
      </c>
      <c r="D87" s="22">
        <v>-27</v>
      </c>
      <c r="E87" s="21">
        <v>10</v>
      </c>
      <c r="F87" s="22">
        <v>8</v>
      </c>
      <c r="G87" s="23">
        <v>2</v>
      </c>
      <c r="H87" s="22">
        <v>47</v>
      </c>
      <c r="I87" s="22">
        <v>33</v>
      </c>
      <c r="J87" s="22">
        <v>14</v>
      </c>
      <c r="K87" s="21">
        <v>86</v>
      </c>
      <c r="L87" s="53">
        <v>47</v>
      </c>
      <c r="M87" s="54">
        <v>39</v>
      </c>
    </row>
    <row r="88" spans="1:13">
      <c r="A88" s="40" t="s">
        <v>91</v>
      </c>
      <c r="B88" s="21">
        <v>-16</v>
      </c>
      <c r="C88" s="22">
        <v>-13</v>
      </c>
      <c r="D88" s="22">
        <v>-3</v>
      </c>
      <c r="E88" s="21">
        <v>3</v>
      </c>
      <c r="F88" s="22">
        <v>3</v>
      </c>
      <c r="G88" s="23">
        <v>0</v>
      </c>
      <c r="H88" s="22">
        <v>60</v>
      </c>
      <c r="I88" s="22">
        <v>29</v>
      </c>
      <c r="J88" s="22">
        <v>31</v>
      </c>
      <c r="K88" s="21">
        <v>73</v>
      </c>
      <c r="L88" s="53">
        <v>39</v>
      </c>
      <c r="M88" s="54">
        <v>34</v>
      </c>
    </row>
    <row r="89" spans="1:13" ht="19.5" customHeight="1">
      <c r="A89" s="34" t="s">
        <v>92</v>
      </c>
      <c r="B89" s="17">
        <v>-97</v>
      </c>
      <c r="C89" s="18">
        <v>-85</v>
      </c>
      <c r="D89" s="18">
        <v>-12</v>
      </c>
      <c r="E89" s="17">
        <v>48</v>
      </c>
      <c r="F89" s="18">
        <v>36</v>
      </c>
      <c r="G89" s="19">
        <v>12</v>
      </c>
      <c r="H89" s="18">
        <v>209</v>
      </c>
      <c r="I89" s="18">
        <v>112</v>
      </c>
      <c r="J89" s="18">
        <v>97</v>
      </c>
      <c r="K89" s="17">
        <v>258</v>
      </c>
      <c r="L89" s="51">
        <v>161</v>
      </c>
      <c r="M89" s="52">
        <v>97</v>
      </c>
    </row>
    <row r="90" spans="1:13">
      <c r="A90" s="40" t="s">
        <v>93</v>
      </c>
      <c r="B90" s="21">
        <v>-39</v>
      </c>
      <c r="C90" s="22">
        <v>-36</v>
      </c>
      <c r="D90" s="22">
        <v>-3</v>
      </c>
      <c r="E90" s="21">
        <v>7</v>
      </c>
      <c r="F90" s="22">
        <v>6</v>
      </c>
      <c r="G90" s="23">
        <v>1</v>
      </c>
      <c r="H90" s="22">
        <v>66</v>
      </c>
      <c r="I90" s="22">
        <v>40</v>
      </c>
      <c r="J90" s="22">
        <v>26</v>
      </c>
      <c r="K90" s="21">
        <v>98</v>
      </c>
      <c r="L90" s="53">
        <v>70</v>
      </c>
      <c r="M90" s="54">
        <v>28</v>
      </c>
    </row>
    <row r="91" spans="1:13">
      <c r="A91" s="40" t="s">
        <v>94</v>
      </c>
      <c r="B91" s="21">
        <v>-5</v>
      </c>
      <c r="C91" s="22">
        <v>-11</v>
      </c>
      <c r="D91" s="22">
        <v>6</v>
      </c>
      <c r="E91" s="21">
        <v>9</v>
      </c>
      <c r="F91" s="22">
        <v>6</v>
      </c>
      <c r="G91" s="23">
        <v>3</v>
      </c>
      <c r="H91" s="22">
        <v>54</v>
      </c>
      <c r="I91" s="22">
        <v>26</v>
      </c>
      <c r="J91" s="22">
        <v>28</v>
      </c>
      <c r="K91" s="21">
        <v>50</v>
      </c>
      <c r="L91" s="53">
        <v>31</v>
      </c>
      <c r="M91" s="54">
        <v>19</v>
      </c>
    </row>
    <row r="92" spans="1:13">
      <c r="A92" s="40" t="s">
        <v>95</v>
      </c>
      <c r="B92" s="21">
        <v>-10</v>
      </c>
      <c r="C92" s="22">
        <v>-12</v>
      </c>
      <c r="D92" s="22">
        <v>2</v>
      </c>
      <c r="E92" s="21">
        <v>6</v>
      </c>
      <c r="F92" s="22">
        <v>4</v>
      </c>
      <c r="G92" s="23">
        <v>2</v>
      </c>
      <c r="H92" s="22">
        <v>38</v>
      </c>
      <c r="I92" s="22">
        <v>18</v>
      </c>
      <c r="J92" s="22">
        <v>20</v>
      </c>
      <c r="K92" s="21">
        <v>42</v>
      </c>
      <c r="L92" s="53">
        <v>26</v>
      </c>
      <c r="M92" s="54">
        <v>16</v>
      </c>
    </row>
    <row r="93" spans="1:13">
      <c r="A93" s="40" t="s">
        <v>96</v>
      </c>
      <c r="B93" s="21">
        <v>-22</v>
      </c>
      <c r="C93" s="22">
        <v>-15</v>
      </c>
      <c r="D93" s="22">
        <v>-7</v>
      </c>
      <c r="E93" s="21">
        <v>12</v>
      </c>
      <c r="F93" s="22">
        <v>10</v>
      </c>
      <c r="G93" s="23">
        <v>2</v>
      </c>
      <c r="H93" s="22">
        <v>25</v>
      </c>
      <c r="I93" s="22">
        <v>12</v>
      </c>
      <c r="J93" s="22">
        <v>13</v>
      </c>
      <c r="K93" s="21">
        <v>35</v>
      </c>
      <c r="L93" s="53">
        <v>17</v>
      </c>
      <c r="M93" s="54">
        <v>18</v>
      </c>
    </row>
    <row r="94" spans="1:13">
      <c r="A94" s="40" t="s">
        <v>97</v>
      </c>
      <c r="B94" s="21">
        <v>-21</v>
      </c>
      <c r="C94" s="22">
        <v>-11</v>
      </c>
      <c r="D94" s="22">
        <v>-10</v>
      </c>
      <c r="E94" s="21">
        <v>14</v>
      </c>
      <c r="F94" s="22">
        <v>10</v>
      </c>
      <c r="G94" s="23">
        <v>4</v>
      </c>
      <c r="H94" s="22">
        <v>26</v>
      </c>
      <c r="I94" s="22">
        <v>16</v>
      </c>
      <c r="J94" s="22">
        <v>10</v>
      </c>
      <c r="K94" s="21">
        <v>33</v>
      </c>
      <c r="L94" s="53">
        <v>17</v>
      </c>
      <c r="M94" s="54">
        <v>16</v>
      </c>
    </row>
    <row r="95" spans="1:13" ht="19.5" customHeight="1">
      <c r="A95" s="34" t="s">
        <v>98</v>
      </c>
      <c r="B95" s="17">
        <v>-97</v>
      </c>
      <c r="C95" s="18">
        <v>-56</v>
      </c>
      <c r="D95" s="18">
        <v>-41</v>
      </c>
      <c r="E95" s="17">
        <v>77</v>
      </c>
      <c r="F95" s="18">
        <v>52</v>
      </c>
      <c r="G95" s="19">
        <v>25</v>
      </c>
      <c r="H95" s="18">
        <v>162</v>
      </c>
      <c r="I95" s="18">
        <v>86</v>
      </c>
      <c r="J95" s="18">
        <v>76</v>
      </c>
      <c r="K95" s="17">
        <v>182</v>
      </c>
      <c r="L95" s="51">
        <v>90</v>
      </c>
      <c r="M95" s="52">
        <v>92</v>
      </c>
    </row>
    <row r="96" spans="1:13">
      <c r="A96" s="40" t="s">
        <v>99</v>
      </c>
      <c r="B96" s="21">
        <v>-33</v>
      </c>
      <c r="C96" s="22">
        <v>-20</v>
      </c>
      <c r="D96" s="22">
        <v>-13</v>
      </c>
      <c r="E96" s="21">
        <v>19</v>
      </c>
      <c r="F96" s="22">
        <v>14</v>
      </c>
      <c r="G96" s="23">
        <v>5</v>
      </c>
      <c r="H96" s="22">
        <v>34</v>
      </c>
      <c r="I96" s="22">
        <v>20</v>
      </c>
      <c r="J96" s="22">
        <v>14</v>
      </c>
      <c r="K96" s="21">
        <v>48</v>
      </c>
      <c r="L96" s="53">
        <v>26</v>
      </c>
      <c r="M96" s="54">
        <v>22</v>
      </c>
    </row>
    <row r="97" spans="1:13">
      <c r="A97" s="40" t="s">
        <v>100</v>
      </c>
      <c r="B97" s="21">
        <v>-18</v>
      </c>
      <c r="C97" s="22">
        <v>-8</v>
      </c>
      <c r="D97" s="22">
        <v>-10</v>
      </c>
      <c r="E97" s="21">
        <v>10</v>
      </c>
      <c r="F97" s="22">
        <v>6</v>
      </c>
      <c r="G97" s="23">
        <v>4</v>
      </c>
      <c r="H97" s="22">
        <v>37</v>
      </c>
      <c r="I97" s="22">
        <v>20</v>
      </c>
      <c r="J97" s="22">
        <v>17</v>
      </c>
      <c r="K97" s="21">
        <v>45</v>
      </c>
      <c r="L97" s="53">
        <v>22</v>
      </c>
      <c r="M97" s="54">
        <v>23</v>
      </c>
    </row>
    <row r="98" spans="1:13">
      <c r="A98" s="40" t="s">
        <v>101</v>
      </c>
      <c r="B98" s="21">
        <v>-4</v>
      </c>
      <c r="C98" s="22">
        <v>-3</v>
      </c>
      <c r="D98" s="22">
        <v>-1</v>
      </c>
      <c r="E98" s="21">
        <v>13</v>
      </c>
      <c r="F98" s="22">
        <v>9</v>
      </c>
      <c r="G98" s="23">
        <v>4</v>
      </c>
      <c r="H98" s="22">
        <v>36</v>
      </c>
      <c r="I98" s="22">
        <v>17</v>
      </c>
      <c r="J98" s="22">
        <v>19</v>
      </c>
      <c r="K98" s="21">
        <v>27</v>
      </c>
      <c r="L98" s="53">
        <v>11</v>
      </c>
      <c r="M98" s="54">
        <v>16</v>
      </c>
    </row>
    <row r="99" spans="1:13">
      <c r="A99" s="40" t="s">
        <v>102</v>
      </c>
      <c r="B99" s="21">
        <v>-17</v>
      </c>
      <c r="C99" s="22">
        <v>-6</v>
      </c>
      <c r="D99" s="22">
        <v>-11</v>
      </c>
      <c r="E99" s="21">
        <v>16</v>
      </c>
      <c r="F99" s="22">
        <v>8</v>
      </c>
      <c r="G99" s="23">
        <v>8</v>
      </c>
      <c r="H99" s="22">
        <v>26</v>
      </c>
      <c r="I99" s="22">
        <v>13</v>
      </c>
      <c r="J99" s="22">
        <v>13</v>
      </c>
      <c r="K99" s="21">
        <v>27</v>
      </c>
      <c r="L99" s="53">
        <v>11</v>
      </c>
      <c r="M99" s="54">
        <v>16</v>
      </c>
    </row>
    <row r="100" spans="1:13">
      <c r="A100" s="40" t="s">
        <v>103</v>
      </c>
      <c r="B100" s="21">
        <v>-25</v>
      </c>
      <c r="C100" s="22">
        <v>-19</v>
      </c>
      <c r="D100" s="22">
        <v>-6</v>
      </c>
      <c r="E100" s="21">
        <v>19</v>
      </c>
      <c r="F100" s="22">
        <v>15</v>
      </c>
      <c r="G100" s="23">
        <v>4</v>
      </c>
      <c r="H100" s="22">
        <v>29</v>
      </c>
      <c r="I100" s="22">
        <v>16</v>
      </c>
      <c r="J100" s="22">
        <v>13</v>
      </c>
      <c r="K100" s="21">
        <v>35</v>
      </c>
      <c r="L100" s="53">
        <v>20</v>
      </c>
      <c r="M100" s="54">
        <v>15</v>
      </c>
    </row>
    <row r="101" spans="1:13" ht="19.5" customHeight="1">
      <c r="A101" s="34" t="s">
        <v>104</v>
      </c>
      <c r="B101" s="17">
        <v>-95</v>
      </c>
      <c r="C101" s="18">
        <v>-84</v>
      </c>
      <c r="D101" s="18">
        <v>-11</v>
      </c>
      <c r="E101" s="17">
        <v>113</v>
      </c>
      <c r="F101" s="18">
        <v>75</v>
      </c>
      <c r="G101" s="19">
        <v>38</v>
      </c>
      <c r="H101" s="18">
        <v>173</v>
      </c>
      <c r="I101" s="18">
        <v>73</v>
      </c>
      <c r="J101" s="18">
        <v>100</v>
      </c>
      <c r="K101" s="17">
        <v>155</v>
      </c>
      <c r="L101" s="51">
        <v>82</v>
      </c>
      <c r="M101" s="52">
        <v>73</v>
      </c>
    </row>
    <row r="102" spans="1:13">
      <c r="A102" s="40" t="s">
        <v>105</v>
      </c>
      <c r="B102" s="21">
        <v>-33</v>
      </c>
      <c r="C102" s="22">
        <v>-21</v>
      </c>
      <c r="D102" s="22">
        <v>-12</v>
      </c>
      <c r="E102" s="21">
        <v>23</v>
      </c>
      <c r="F102" s="22">
        <v>17</v>
      </c>
      <c r="G102" s="23">
        <v>6</v>
      </c>
      <c r="H102" s="22">
        <v>44</v>
      </c>
      <c r="I102" s="22">
        <v>21</v>
      </c>
      <c r="J102" s="22">
        <v>23</v>
      </c>
      <c r="K102" s="21">
        <v>54</v>
      </c>
      <c r="L102" s="53">
        <v>25</v>
      </c>
      <c r="M102" s="54">
        <v>29</v>
      </c>
    </row>
    <row r="103" spans="1:13">
      <c r="A103" s="40" t="s">
        <v>106</v>
      </c>
      <c r="B103" s="21">
        <v>-34</v>
      </c>
      <c r="C103" s="22">
        <v>-27</v>
      </c>
      <c r="D103" s="22">
        <v>-7</v>
      </c>
      <c r="E103" s="21">
        <v>22</v>
      </c>
      <c r="F103" s="22">
        <v>12</v>
      </c>
      <c r="G103" s="23">
        <v>10</v>
      </c>
      <c r="H103" s="22">
        <v>31</v>
      </c>
      <c r="I103" s="22">
        <v>10</v>
      </c>
      <c r="J103" s="22">
        <v>21</v>
      </c>
      <c r="K103" s="21">
        <v>43</v>
      </c>
      <c r="L103" s="53">
        <v>25</v>
      </c>
      <c r="M103" s="54">
        <v>18</v>
      </c>
    </row>
    <row r="104" spans="1:13">
      <c r="A104" s="40" t="s">
        <v>107</v>
      </c>
      <c r="B104" s="21">
        <v>-22</v>
      </c>
      <c r="C104" s="22">
        <v>-18</v>
      </c>
      <c r="D104" s="22">
        <v>-4</v>
      </c>
      <c r="E104" s="21">
        <v>28</v>
      </c>
      <c r="F104" s="22">
        <v>18</v>
      </c>
      <c r="G104" s="23">
        <v>10</v>
      </c>
      <c r="H104" s="22">
        <v>29</v>
      </c>
      <c r="I104" s="22">
        <v>15</v>
      </c>
      <c r="J104" s="22">
        <v>14</v>
      </c>
      <c r="K104" s="21">
        <v>23</v>
      </c>
      <c r="L104" s="53">
        <v>15</v>
      </c>
      <c r="M104" s="54">
        <v>8</v>
      </c>
    </row>
    <row r="105" spans="1:13">
      <c r="A105" s="40" t="s">
        <v>108</v>
      </c>
      <c r="B105" s="21">
        <v>3</v>
      </c>
      <c r="C105" s="22">
        <v>-5</v>
      </c>
      <c r="D105" s="22">
        <v>8</v>
      </c>
      <c r="E105" s="21">
        <v>13</v>
      </c>
      <c r="F105" s="22">
        <v>8</v>
      </c>
      <c r="G105" s="23">
        <v>5</v>
      </c>
      <c r="H105" s="22">
        <v>31</v>
      </c>
      <c r="I105" s="22">
        <v>11</v>
      </c>
      <c r="J105" s="22">
        <v>20</v>
      </c>
      <c r="K105" s="21">
        <v>15</v>
      </c>
      <c r="L105" s="53">
        <v>8</v>
      </c>
      <c r="M105" s="54">
        <v>7</v>
      </c>
    </row>
    <row r="106" spans="1:13">
      <c r="A106" s="40" t="s">
        <v>109</v>
      </c>
      <c r="B106" s="21">
        <v>-9</v>
      </c>
      <c r="C106" s="22">
        <v>-13</v>
      </c>
      <c r="D106" s="22">
        <v>4</v>
      </c>
      <c r="E106" s="21">
        <v>27</v>
      </c>
      <c r="F106" s="22">
        <v>20</v>
      </c>
      <c r="G106" s="23">
        <v>7</v>
      </c>
      <c r="H106" s="22">
        <v>38</v>
      </c>
      <c r="I106" s="22">
        <v>16</v>
      </c>
      <c r="J106" s="22">
        <v>22</v>
      </c>
      <c r="K106" s="21">
        <v>20</v>
      </c>
      <c r="L106" s="53">
        <v>9</v>
      </c>
      <c r="M106" s="54">
        <v>11</v>
      </c>
    </row>
    <row r="107" spans="1:13" ht="19.5" customHeight="1">
      <c r="A107" s="34" t="s">
        <v>110</v>
      </c>
      <c r="B107" s="17">
        <v>-85</v>
      </c>
      <c r="C107" s="18">
        <v>-64</v>
      </c>
      <c r="D107" s="18">
        <v>-21</v>
      </c>
      <c r="E107" s="17">
        <v>154</v>
      </c>
      <c r="F107" s="18">
        <v>88</v>
      </c>
      <c r="G107" s="19">
        <v>66</v>
      </c>
      <c r="H107" s="18">
        <v>178</v>
      </c>
      <c r="I107" s="18">
        <v>68</v>
      </c>
      <c r="J107" s="18">
        <v>110</v>
      </c>
      <c r="K107" s="17">
        <v>109</v>
      </c>
      <c r="L107" s="51">
        <v>44</v>
      </c>
      <c r="M107" s="52">
        <v>65</v>
      </c>
    </row>
    <row r="108" spans="1:13">
      <c r="A108" s="40" t="s">
        <v>111</v>
      </c>
      <c r="B108" s="21">
        <v>-5</v>
      </c>
      <c r="C108" s="22">
        <v>-18</v>
      </c>
      <c r="D108" s="22">
        <v>13</v>
      </c>
      <c r="E108" s="21">
        <v>28</v>
      </c>
      <c r="F108" s="22">
        <v>23</v>
      </c>
      <c r="G108" s="23">
        <v>5</v>
      </c>
      <c r="H108" s="22">
        <v>43</v>
      </c>
      <c r="I108" s="22">
        <v>14</v>
      </c>
      <c r="J108" s="22">
        <v>29</v>
      </c>
      <c r="K108" s="21">
        <v>20</v>
      </c>
      <c r="L108" s="53">
        <v>9</v>
      </c>
      <c r="M108" s="54">
        <v>11</v>
      </c>
    </row>
    <row r="109" spans="1:13">
      <c r="A109" s="40" t="s">
        <v>112</v>
      </c>
      <c r="B109" s="21">
        <v>-17</v>
      </c>
      <c r="C109" s="22">
        <v>-3</v>
      </c>
      <c r="D109" s="22">
        <v>-14</v>
      </c>
      <c r="E109" s="21">
        <v>25</v>
      </c>
      <c r="F109" s="22">
        <v>14</v>
      </c>
      <c r="G109" s="23">
        <v>11</v>
      </c>
      <c r="H109" s="22">
        <v>33</v>
      </c>
      <c r="I109" s="22">
        <v>16</v>
      </c>
      <c r="J109" s="22">
        <v>17</v>
      </c>
      <c r="K109" s="21">
        <v>25</v>
      </c>
      <c r="L109" s="53">
        <v>5</v>
      </c>
      <c r="M109" s="54">
        <v>20</v>
      </c>
    </row>
    <row r="110" spans="1:13">
      <c r="A110" s="40" t="s">
        <v>113</v>
      </c>
      <c r="B110" s="21">
        <v>-19</v>
      </c>
      <c r="C110" s="22">
        <v>-15</v>
      </c>
      <c r="D110" s="22">
        <v>-4</v>
      </c>
      <c r="E110" s="21">
        <v>25</v>
      </c>
      <c r="F110" s="22">
        <v>15</v>
      </c>
      <c r="G110" s="23">
        <v>10</v>
      </c>
      <c r="H110" s="22">
        <v>35</v>
      </c>
      <c r="I110" s="22">
        <v>12</v>
      </c>
      <c r="J110" s="22">
        <v>23</v>
      </c>
      <c r="K110" s="21">
        <v>29</v>
      </c>
      <c r="L110" s="53">
        <v>12</v>
      </c>
      <c r="M110" s="54">
        <v>17</v>
      </c>
    </row>
    <row r="111" spans="1:13">
      <c r="A111" s="40" t="s">
        <v>114</v>
      </c>
      <c r="B111" s="21">
        <v>-23</v>
      </c>
      <c r="C111" s="22">
        <v>-9</v>
      </c>
      <c r="D111" s="22">
        <v>-14</v>
      </c>
      <c r="E111" s="21">
        <v>38</v>
      </c>
      <c r="F111" s="22">
        <v>16</v>
      </c>
      <c r="G111" s="23">
        <v>22</v>
      </c>
      <c r="H111" s="22">
        <v>37</v>
      </c>
      <c r="I111" s="22">
        <v>18</v>
      </c>
      <c r="J111" s="22">
        <v>19</v>
      </c>
      <c r="K111" s="21">
        <v>22</v>
      </c>
      <c r="L111" s="53">
        <v>11</v>
      </c>
      <c r="M111" s="54">
        <v>11</v>
      </c>
    </row>
    <row r="112" spans="1:13">
      <c r="A112" s="40" t="s">
        <v>115</v>
      </c>
      <c r="B112" s="21">
        <v>-21</v>
      </c>
      <c r="C112" s="22">
        <v>-19</v>
      </c>
      <c r="D112" s="22">
        <v>-2</v>
      </c>
      <c r="E112" s="21">
        <v>38</v>
      </c>
      <c r="F112" s="22">
        <v>20</v>
      </c>
      <c r="G112" s="23">
        <v>18</v>
      </c>
      <c r="H112" s="22">
        <v>30</v>
      </c>
      <c r="I112" s="22">
        <v>8</v>
      </c>
      <c r="J112" s="22">
        <v>22</v>
      </c>
      <c r="K112" s="21">
        <v>13</v>
      </c>
      <c r="L112" s="53">
        <v>7</v>
      </c>
      <c r="M112" s="54">
        <v>6</v>
      </c>
    </row>
    <row r="113" spans="1:13" ht="19.5" customHeight="1">
      <c r="A113" s="34" t="s">
        <v>116</v>
      </c>
      <c r="B113" s="17">
        <v>-152</v>
      </c>
      <c r="C113" s="18">
        <v>-125</v>
      </c>
      <c r="D113" s="18">
        <v>-27</v>
      </c>
      <c r="E113" s="17">
        <v>221</v>
      </c>
      <c r="F113" s="18">
        <v>138</v>
      </c>
      <c r="G113" s="19">
        <v>83</v>
      </c>
      <c r="H113" s="18">
        <v>172</v>
      </c>
      <c r="I113" s="18">
        <v>61</v>
      </c>
      <c r="J113" s="18">
        <v>111</v>
      </c>
      <c r="K113" s="17">
        <v>103</v>
      </c>
      <c r="L113" s="51">
        <v>48</v>
      </c>
      <c r="M113" s="52">
        <v>55</v>
      </c>
    </row>
    <row r="114" spans="1:13">
      <c r="A114" s="40" t="s">
        <v>117</v>
      </c>
      <c r="B114" s="21">
        <v>-25</v>
      </c>
      <c r="C114" s="22">
        <v>-31</v>
      </c>
      <c r="D114" s="22">
        <v>6</v>
      </c>
      <c r="E114" s="21">
        <v>32</v>
      </c>
      <c r="F114" s="22">
        <v>25</v>
      </c>
      <c r="G114" s="23">
        <v>7</v>
      </c>
      <c r="H114" s="22">
        <v>29</v>
      </c>
      <c r="I114" s="22">
        <v>6</v>
      </c>
      <c r="J114" s="22">
        <v>23</v>
      </c>
      <c r="K114" s="21">
        <v>22</v>
      </c>
      <c r="L114" s="53">
        <v>12</v>
      </c>
      <c r="M114" s="54">
        <v>10</v>
      </c>
    </row>
    <row r="115" spans="1:13">
      <c r="A115" s="40" t="s">
        <v>118</v>
      </c>
      <c r="B115" s="21">
        <v>-43</v>
      </c>
      <c r="C115" s="22">
        <v>-37</v>
      </c>
      <c r="D115" s="22">
        <v>-6</v>
      </c>
      <c r="E115" s="21">
        <v>54</v>
      </c>
      <c r="F115" s="22">
        <v>42</v>
      </c>
      <c r="G115" s="23">
        <v>12</v>
      </c>
      <c r="H115" s="22">
        <v>35</v>
      </c>
      <c r="I115" s="22">
        <v>15</v>
      </c>
      <c r="J115" s="22">
        <v>20</v>
      </c>
      <c r="K115" s="21">
        <v>24</v>
      </c>
      <c r="L115" s="53">
        <v>10</v>
      </c>
      <c r="M115" s="54">
        <v>14</v>
      </c>
    </row>
    <row r="116" spans="1:13">
      <c r="A116" s="40" t="s">
        <v>119</v>
      </c>
      <c r="B116" s="21">
        <v>-23</v>
      </c>
      <c r="C116" s="22">
        <v>-15</v>
      </c>
      <c r="D116" s="22">
        <v>-8</v>
      </c>
      <c r="E116" s="21">
        <v>39</v>
      </c>
      <c r="F116" s="22">
        <v>20</v>
      </c>
      <c r="G116" s="23">
        <v>19</v>
      </c>
      <c r="H116" s="22">
        <v>35</v>
      </c>
      <c r="I116" s="22">
        <v>14</v>
      </c>
      <c r="J116" s="22">
        <v>21</v>
      </c>
      <c r="K116" s="21">
        <v>19</v>
      </c>
      <c r="L116" s="53">
        <v>9</v>
      </c>
      <c r="M116" s="54">
        <v>10</v>
      </c>
    </row>
    <row r="117" spans="1:13">
      <c r="A117" s="40" t="s">
        <v>120</v>
      </c>
      <c r="B117" s="21">
        <v>-33</v>
      </c>
      <c r="C117" s="22">
        <v>-20</v>
      </c>
      <c r="D117" s="22">
        <v>-13</v>
      </c>
      <c r="E117" s="21">
        <v>49</v>
      </c>
      <c r="F117" s="22">
        <v>27</v>
      </c>
      <c r="G117" s="23">
        <v>22</v>
      </c>
      <c r="H117" s="22">
        <v>36</v>
      </c>
      <c r="I117" s="22">
        <v>13</v>
      </c>
      <c r="J117" s="22">
        <v>23</v>
      </c>
      <c r="K117" s="21">
        <v>20</v>
      </c>
      <c r="L117" s="53">
        <v>6</v>
      </c>
      <c r="M117" s="54">
        <v>14</v>
      </c>
    </row>
    <row r="118" spans="1:13">
      <c r="A118" s="40" t="s">
        <v>121</v>
      </c>
      <c r="B118" s="21">
        <v>-28</v>
      </c>
      <c r="C118" s="22">
        <v>-22</v>
      </c>
      <c r="D118" s="22">
        <v>-6</v>
      </c>
      <c r="E118" s="21">
        <v>47</v>
      </c>
      <c r="F118" s="22">
        <v>24</v>
      </c>
      <c r="G118" s="23">
        <v>23</v>
      </c>
      <c r="H118" s="22">
        <v>37</v>
      </c>
      <c r="I118" s="22">
        <v>13</v>
      </c>
      <c r="J118" s="22">
        <v>24</v>
      </c>
      <c r="K118" s="21">
        <v>18</v>
      </c>
      <c r="L118" s="53">
        <v>11</v>
      </c>
      <c r="M118" s="54">
        <v>7</v>
      </c>
    </row>
    <row r="119" spans="1:13" ht="19.5" customHeight="1">
      <c r="A119" s="34" t="s">
        <v>122</v>
      </c>
      <c r="B119" s="17">
        <v>-157</v>
      </c>
      <c r="C119" s="18">
        <v>-92</v>
      </c>
      <c r="D119" s="18">
        <v>-65</v>
      </c>
      <c r="E119" s="17">
        <v>219</v>
      </c>
      <c r="F119" s="18">
        <v>117</v>
      </c>
      <c r="G119" s="19">
        <v>102</v>
      </c>
      <c r="H119" s="18">
        <v>144</v>
      </c>
      <c r="I119" s="18">
        <v>48</v>
      </c>
      <c r="J119" s="18">
        <v>96</v>
      </c>
      <c r="K119" s="17">
        <v>82</v>
      </c>
      <c r="L119" s="51">
        <v>23</v>
      </c>
      <c r="M119" s="52">
        <v>59</v>
      </c>
    </row>
    <row r="120" spans="1:13">
      <c r="A120" s="40" t="s">
        <v>123</v>
      </c>
      <c r="B120" s="21">
        <v>-35</v>
      </c>
      <c r="C120" s="22">
        <v>-21</v>
      </c>
      <c r="D120" s="22">
        <v>-14</v>
      </c>
      <c r="E120" s="21">
        <v>51</v>
      </c>
      <c r="F120" s="22">
        <v>32</v>
      </c>
      <c r="G120" s="23">
        <v>19</v>
      </c>
      <c r="H120" s="22">
        <v>40</v>
      </c>
      <c r="I120" s="22">
        <v>17</v>
      </c>
      <c r="J120" s="22">
        <v>23</v>
      </c>
      <c r="K120" s="21">
        <v>24</v>
      </c>
      <c r="L120" s="53">
        <v>6</v>
      </c>
      <c r="M120" s="54">
        <v>18</v>
      </c>
    </row>
    <row r="121" spans="1:13">
      <c r="A121" s="40" t="s">
        <v>124</v>
      </c>
      <c r="B121" s="21">
        <v>-28</v>
      </c>
      <c r="C121" s="22">
        <v>-18</v>
      </c>
      <c r="D121" s="22">
        <v>-10</v>
      </c>
      <c r="E121" s="21">
        <v>45</v>
      </c>
      <c r="F121" s="22">
        <v>24</v>
      </c>
      <c r="G121" s="23">
        <v>21</v>
      </c>
      <c r="H121" s="22">
        <v>33</v>
      </c>
      <c r="I121" s="22">
        <v>9</v>
      </c>
      <c r="J121" s="22">
        <v>24</v>
      </c>
      <c r="K121" s="21">
        <v>16</v>
      </c>
      <c r="L121" s="53">
        <v>3</v>
      </c>
      <c r="M121" s="54">
        <v>13</v>
      </c>
    </row>
    <row r="122" spans="1:13">
      <c r="A122" s="40" t="s">
        <v>125</v>
      </c>
      <c r="B122" s="21">
        <v>-10</v>
      </c>
      <c r="C122" s="22">
        <v>-17</v>
      </c>
      <c r="D122" s="22">
        <v>7</v>
      </c>
      <c r="E122" s="21">
        <v>36</v>
      </c>
      <c r="F122" s="22">
        <v>22</v>
      </c>
      <c r="G122" s="23">
        <v>14</v>
      </c>
      <c r="H122" s="22">
        <v>31</v>
      </c>
      <c r="I122" s="22">
        <v>8</v>
      </c>
      <c r="J122" s="22">
        <v>23</v>
      </c>
      <c r="K122" s="21">
        <v>5</v>
      </c>
      <c r="L122" s="53">
        <v>3</v>
      </c>
      <c r="M122" s="54">
        <v>2</v>
      </c>
    </row>
    <row r="123" spans="1:13">
      <c r="A123" s="40" t="s">
        <v>126</v>
      </c>
      <c r="B123" s="21">
        <v>-45</v>
      </c>
      <c r="C123" s="22">
        <v>-21</v>
      </c>
      <c r="D123" s="22">
        <v>-24</v>
      </c>
      <c r="E123" s="21">
        <v>47</v>
      </c>
      <c r="F123" s="22">
        <v>21</v>
      </c>
      <c r="G123" s="23">
        <v>26</v>
      </c>
      <c r="H123" s="22">
        <v>22</v>
      </c>
      <c r="I123" s="22">
        <v>7</v>
      </c>
      <c r="J123" s="22">
        <v>15</v>
      </c>
      <c r="K123" s="21">
        <v>20</v>
      </c>
      <c r="L123" s="53">
        <v>7</v>
      </c>
      <c r="M123" s="54">
        <v>13</v>
      </c>
    </row>
    <row r="124" spans="1:13">
      <c r="A124" s="40" t="s">
        <v>127</v>
      </c>
      <c r="B124" s="21">
        <v>-39</v>
      </c>
      <c r="C124" s="22">
        <v>-15</v>
      </c>
      <c r="D124" s="22">
        <v>-24</v>
      </c>
      <c r="E124" s="21">
        <v>40</v>
      </c>
      <c r="F124" s="22">
        <v>18</v>
      </c>
      <c r="G124" s="23">
        <v>22</v>
      </c>
      <c r="H124" s="22">
        <v>18</v>
      </c>
      <c r="I124" s="22">
        <v>7</v>
      </c>
      <c r="J124" s="22">
        <v>11</v>
      </c>
      <c r="K124" s="21">
        <v>17</v>
      </c>
      <c r="L124" s="53">
        <v>4</v>
      </c>
      <c r="M124" s="54">
        <v>13</v>
      </c>
    </row>
    <row r="125" spans="1:13" ht="19.5" customHeight="1">
      <c r="A125" s="34" t="s">
        <v>128</v>
      </c>
      <c r="B125" s="17">
        <v>-182</v>
      </c>
      <c r="C125" s="18">
        <v>-74</v>
      </c>
      <c r="D125" s="18">
        <v>-108</v>
      </c>
      <c r="E125" s="17">
        <v>210</v>
      </c>
      <c r="F125" s="18">
        <v>76</v>
      </c>
      <c r="G125" s="19">
        <v>134</v>
      </c>
      <c r="H125" s="18">
        <v>78</v>
      </c>
      <c r="I125" s="18">
        <v>17</v>
      </c>
      <c r="J125" s="18">
        <v>61</v>
      </c>
      <c r="K125" s="17">
        <v>50</v>
      </c>
      <c r="L125" s="51">
        <v>15</v>
      </c>
      <c r="M125" s="52">
        <v>35</v>
      </c>
    </row>
    <row r="126" spans="1:13">
      <c r="A126" s="40" t="s">
        <v>129</v>
      </c>
      <c r="B126" s="21">
        <v>-35</v>
      </c>
      <c r="C126" s="22">
        <v>-17</v>
      </c>
      <c r="D126" s="22">
        <v>-18</v>
      </c>
      <c r="E126" s="21">
        <v>48</v>
      </c>
      <c r="F126" s="22">
        <v>19</v>
      </c>
      <c r="G126" s="23">
        <v>29</v>
      </c>
      <c r="H126" s="22">
        <v>24</v>
      </c>
      <c r="I126" s="22">
        <v>4</v>
      </c>
      <c r="J126" s="22">
        <v>20</v>
      </c>
      <c r="K126" s="21">
        <v>11</v>
      </c>
      <c r="L126" s="53">
        <v>2</v>
      </c>
      <c r="M126" s="54">
        <v>9</v>
      </c>
    </row>
    <row r="127" spans="1:13">
      <c r="A127" s="40" t="s">
        <v>130</v>
      </c>
      <c r="B127" s="21">
        <v>-43</v>
      </c>
      <c r="C127" s="22">
        <v>-16</v>
      </c>
      <c r="D127" s="22">
        <v>-27</v>
      </c>
      <c r="E127" s="21">
        <v>44</v>
      </c>
      <c r="F127" s="22">
        <v>16</v>
      </c>
      <c r="G127" s="23">
        <v>28</v>
      </c>
      <c r="H127" s="22">
        <v>16</v>
      </c>
      <c r="I127" s="22">
        <v>4</v>
      </c>
      <c r="J127" s="22">
        <v>12</v>
      </c>
      <c r="K127" s="21">
        <v>15</v>
      </c>
      <c r="L127" s="53">
        <v>4</v>
      </c>
      <c r="M127" s="54">
        <v>11</v>
      </c>
    </row>
    <row r="128" spans="1:13">
      <c r="A128" s="40" t="s">
        <v>131</v>
      </c>
      <c r="B128" s="21">
        <v>-28</v>
      </c>
      <c r="C128" s="22">
        <v>-10</v>
      </c>
      <c r="D128" s="22">
        <v>-18</v>
      </c>
      <c r="E128" s="21">
        <v>40</v>
      </c>
      <c r="F128" s="22">
        <v>14</v>
      </c>
      <c r="G128" s="23">
        <v>26</v>
      </c>
      <c r="H128" s="22">
        <v>18</v>
      </c>
      <c r="I128" s="22">
        <v>5</v>
      </c>
      <c r="J128" s="22">
        <v>13</v>
      </c>
      <c r="K128" s="21">
        <v>6</v>
      </c>
      <c r="L128" s="53">
        <v>1</v>
      </c>
      <c r="M128" s="54">
        <v>5</v>
      </c>
    </row>
    <row r="129" spans="1:13">
      <c r="A129" s="40" t="s">
        <v>132</v>
      </c>
      <c r="B129" s="21">
        <v>-34</v>
      </c>
      <c r="C129" s="22">
        <v>-17</v>
      </c>
      <c r="D129" s="22">
        <v>-17</v>
      </c>
      <c r="E129" s="21">
        <v>42</v>
      </c>
      <c r="F129" s="22">
        <v>18</v>
      </c>
      <c r="G129" s="23">
        <v>24</v>
      </c>
      <c r="H129" s="22">
        <v>15</v>
      </c>
      <c r="I129" s="22">
        <v>3</v>
      </c>
      <c r="J129" s="22">
        <v>12</v>
      </c>
      <c r="K129" s="21">
        <v>7</v>
      </c>
      <c r="L129" s="53">
        <v>2</v>
      </c>
      <c r="M129" s="54">
        <v>5</v>
      </c>
    </row>
    <row r="130" spans="1:13">
      <c r="A130" s="40" t="s">
        <v>133</v>
      </c>
      <c r="B130" s="21">
        <v>-42</v>
      </c>
      <c r="C130" s="22">
        <v>-14</v>
      </c>
      <c r="D130" s="22">
        <v>-28</v>
      </c>
      <c r="E130" s="21">
        <v>36</v>
      </c>
      <c r="F130" s="22">
        <v>9</v>
      </c>
      <c r="G130" s="23">
        <v>27</v>
      </c>
      <c r="H130" s="22">
        <v>5</v>
      </c>
      <c r="I130" s="22">
        <v>1</v>
      </c>
      <c r="J130" s="22">
        <v>4</v>
      </c>
      <c r="K130" s="21">
        <v>11</v>
      </c>
      <c r="L130" s="53">
        <v>6</v>
      </c>
      <c r="M130" s="54">
        <v>5</v>
      </c>
    </row>
    <row r="131" spans="1:13" ht="19.5" customHeight="1">
      <c r="A131" s="34" t="s">
        <v>134</v>
      </c>
      <c r="B131" s="17">
        <v>-103</v>
      </c>
      <c r="C131" s="18">
        <v>-32</v>
      </c>
      <c r="D131" s="18">
        <v>-71</v>
      </c>
      <c r="E131" s="17">
        <v>104</v>
      </c>
      <c r="F131" s="18">
        <v>32</v>
      </c>
      <c r="G131" s="19">
        <v>72</v>
      </c>
      <c r="H131" s="18">
        <v>18</v>
      </c>
      <c r="I131" s="18">
        <v>5</v>
      </c>
      <c r="J131" s="18">
        <v>13</v>
      </c>
      <c r="K131" s="17">
        <v>17</v>
      </c>
      <c r="L131" s="51">
        <v>5</v>
      </c>
      <c r="M131" s="52">
        <v>12</v>
      </c>
    </row>
    <row r="132" spans="1:13">
      <c r="A132" s="40" t="s">
        <v>135</v>
      </c>
      <c r="B132" s="21">
        <v>-23</v>
      </c>
      <c r="C132" s="22">
        <v>-9</v>
      </c>
      <c r="D132" s="22">
        <v>-14</v>
      </c>
      <c r="E132" s="21">
        <v>23</v>
      </c>
      <c r="F132" s="22">
        <v>10</v>
      </c>
      <c r="G132" s="23">
        <v>13</v>
      </c>
      <c r="H132" s="22">
        <v>7</v>
      </c>
      <c r="I132" s="22">
        <v>3</v>
      </c>
      <c r="J132" s="22">
        <v>4</v>
      </c>
      <c r="K132" s="21">
        <v>7</v>
      </c>
      <c r="L132" s="53">
        <v>2</v>
      </c>
      <c r="M132" s="54">
        <v>5</v>
      </c>
    </row>
    <row r="133" spans="1:13">
      <c r="A133" s="40" t="s">
        <v>136</v>
      </c>
      <c r="B133" s="21">
        <v>-28</v>
      </c>
      <c r="C133" s="22">
        <v>-12</v>
      </c>
      <c r="D133" s="22">
        <v>-16</v>
      </c>
      <c r="E133" s="21">
        <v>25</v>
      </c>
      <c r="F133" s="22">
        <v>11</v>
      </c>
      <c r="G133" s="23">
        <v>14</v>
      </c>
      <c r="H133" s="22">
        <v>1</v>
      </c>
      <c r="I133" s="22">
        <v>0</v>
      </c>
      <c r="J133" s="22">
        <v>1</v>
      </c>
      <c r="K133" s="21">
        <v>4</v>
      </c>
      <c r="L133" s="53">
        <v>1</v>
      </c>
      <c r="M133" s="54">
        <v>3</v>
      </c>
    </row>
    <row r="134" spans="1:13">
      <c r="A134" s="40" t="s">
        <v>137</v>
      </c>
      <c r="B134" s="21">
        <v>-20</v>
      </c>
      <c r="C134" s="22">
        <v>-6</v>
      </c>
      <c r="D134" s="22">
        <v>-14</v>
      </c>
      <c r="E134" s="21">
        <v>22</v>
      </c>
      <c r="F134" s="22">
        <v>6</v>
      </c>
      <c r="G134" s="23">
        <v>16</v>
      </c>
      <c r="H134" s="22">
        <v>5</v>
      </c>
      <c r="I134" s="22">
        <v>1</v>
      </c>
      <c r="J134" s="22">
        <v>4</v>
      </c>
      <c r="K134" s="21">
        <v>3</v>
      </c>
      <c r="L134" s="53">
        <v>1</v>
      </c>
      <c r="M134" s="54">
        <v>2</v>
      </c>
    </row>
    <row r="135" spans="1:13">
      <c r="A135" s="40" t="s">
        <v>138</v>
      </c>
      <c r="B135" s="21">
        <v>-16</v>
      </c>
      <c r="C135" s="22">
        <v>-5</v>
      </c>
      <c r="D135" s="22">
        <v>-11</v>
      </c>
      <c r="E135" s="21">
        <v>18</v>
      </c>
      <c r="F135" s="22">
        <v>5</v>
      </c>
      <c r="G135" s="23">
        <v>13</v>
      </c>
      <c r="H135" s="22">
        <v>3</v>
      </c>
      <c r="I135" s="22">
        <v>0</v>
      </c>
      <c r="J135" s="22">
        <v>3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16</v>
      </c>
      <c r="C136" s="22">
        <v>0</v>
      </c>
      <c r="D136" s="22">
        <v>-16</v>
      </c>
      <c r="E136" s="21">
        <v>16</v>
      </c>
      <c r="F136" s="22">
        <v>0</v>
      </c>
      <c r="G136" s="23">
        <v>16</v>
      </c>
      <c r="H136" s="22">
        <v>2</v>
      </c>
      <c r="I136" s="22">
        <v>1</v>
      </c>
      <c r="J136" s="22">
        <v>1</v>
      </c>
      <c r="K136" s="21">
        <v>2</v>
      </c>
      <c r="L136" s="53">
        <v>1</v>
      </c>
      <c r="M136" s="54">
        <v>1</v>
      </c>
    </row>
    <row r="137" spans="1:13" ht="19.5" customHeight="1">
      <c r="A137" s="41" t="s">
        <v>140</v>
      </c>
      <c r="B137" s="42">
        <v>-25</v>
      </c>
      <c r="C137" s="43">
        <v>-7</v>
      </c>
      <c r="D137" s="43">
        <v>-18</v>
      </c>
      <c r="E137" s="42">
        <v>26</v>
      </c>
      <c r="F137" s="43">
        <v>7</v>
      </c>
      <c r="G137" s="44">
        <v>19</v>
      </c>
      <c r="H137" s="43">
        <v>1</v>
      </c>
      <c r="I137" s="43">
        <v>0</v>
      </c>
      <c r="J137" s="43">
        <v>1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6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0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3890</v>
      </c>
      <c r="C5" s="14">
        <v>6223</v>
      </c>
      <c r="D5" s="14">
        <v>7667</v>
      </c>
      <c r="E5" s="13">
        <v>11677</v>
      </c>
      <c r="F5" s="14">
        <v>6273</v>
      </c>
      <c r="G5" s="15">
        <v>5404</v>
      </c>
      <c r="H5" s="14">
        <v>111088</v>
      </c>
      <c r="I5" s="14">
        <v>58976</v>
      </c>
      <c r="J5" s="14">
        <v>52112</v>
      </c>
      <c r="K5" s="13">
        <v>98942</v>
      </c>
      <c r="L5" s="49">
        <v>53394</v>
      </c>
      <c r="M5" s="50">
        <v>45548</v>
      </c>
    </row>
    <row r="6" spans="1:13" ht="19.5" customHeight="1">
      <c r="A6" s="16" t="s">
        <v>13</v>
      </c>
      <c r="B6" s="17">
        <v>12482</v>
      </c>
      <c r="C6" s="18">
        <v>6341</v>
      </c>
      <c r="D6" s="18">
        <v>6141</v>
      </c>
      <c r="E6" s="17">
        <v>25</v>
      </c>
      <c r="F6" s="18">
        <v>15</v>
      </c>
      <c r="G6" s="19">
        <v>10</v>
      </c>
      <c r="H6" s="18">
        <v>4881</v>
      </c>
      <c r="I6" s="18">
        <v>2485</v>
      </c>
      <c r="J6" s="18">
        <v>2396</v>
      </c>
      <c r="K6" s="17">
        <v>5795</v>
      </c>
      <c r="L6" s="51">
        <v>3043</v>
      </c>
      <c r="M6" s="52">
        <v>2752</v>
      </c>
    </row>
    <row r="7" spans="1:13">
      <c r="A7" s="20" t="s">
        <v>14</v>
      </c>
      <c r="B7" s="21">
        <v>13330</v>
      </c>
      <c r="C7" s="22">
        <v>6877</v>
      </c>
      <c r="D7" s="22">
        <v>6453</v>
      </c>
      <c r="E7" s="21">
        <v>15</v>
      </c>
      <c r="F7" s="22">
        <v>9</v>
      </c>
      <c r="G7" s="23">
        <v>6</v>
      </c>
      <c r="H7" s="22">
        <v>788</v>
      </c>
      <c r="I7" s="22">
        <v>416</v>
      </c>
      <c r="J7" s="22">
        <v>372</v>
      </c>
      <c r="K7" s="21">
        <v>864</v>
      </c>
      <c r="L7" s="53">
        <v>444</v>
      </c>
      <c r="M7" s="54">
        <v>420</v>
      </c>
    </row>
    <row r="8" spans="1:13">
      <c r="A8" s="20" t="s">
        <v>15</v>
      </c>
      <c r="B8" s="21">
        <v>-264</v>
      </c>
      <c r="C8" s="22">
        <v>-173</v>
      </c>
      <c r="D8" s="22">
        <v>-91</v>
      </c>
      <c r="E8" s="21">
        <v>5</v>
      </c>
      <c r="F8" s="22">
        <v>2</v>
      </c>
      <c r="G8" s="23">
        <v>3</v>
      </c>
      <c r="H8" s="22">
        <v>1449</v>
      </c>
      <c r="I8" s="22">
        <v>739</v>
      </c>
      <c r="J8" s="22">
        <v>710</v>
      </c>
      <c r="K8" s="21">
        <v>1708</v>
      </c>
      <c r="L8" s="53">
        <v>910</v>
      </c>
      <c r="M8" s="54">
        <v>798</v>
      </c>
    </row>
    <row r="9" spans="1:13">
      <c r="A9" s="20" t="s">
        <v>16</v>
      </c>
      <c r="B9" s="21">
        <v>-192</v>
      </c>
      <c r="C9" s="22">
        <v>-89</v>
      </c>
      <c r="D9" s="22">
        <v>-103</v>
      </c>
      <c r="E9" s="21">
        <v>4</v>
      </c>
      <c r="F9" s="22">
        <v>3</v>
      </c>
      <c r="G9" s="23">
        <v>1</v>
      </c>
      <c r="H9" s="22">
        <v>1064</v>
      </c>
      <c r="I9" s="22">
        <v>559</v>
      </c>
      <c r="J9" s="22">
        <v>505</v>
      </c>
      <c r="K9" s="21">
        <v>1252</v>
      </c>
      <c r="L9" s="53">
        <v>645</v>
      </c>
      <c r="M9" s="54">
        <v>607</v>
      </c>
    </row>
    <row r="10" spans="1:13">
      <c r="A10" s="20" t="s">
        <v>17</v>
      </c>
      <c r="B10" s="21">
        <v>-160</v>
      </c>
      <c r="C10" s="22">
        <v>-126</v>
      </c>
      <c r="D10" s="22">
        <v>-34</v>
      </c>
      <c r="E10" s="21">
        <v>1</v>
      </c>
      <c r="F10" s="22">
        <v>1</v>
      </c>
      <c r="G10" s="23">
        <v>0</v>
      </c>
      <c r="H10" s="22">
        <v>920</v>
      </c>
      <c r="I10" s="22">
        <v>452</v>
      </c>
      <c r="J10" s="22">
        <v>468</v>
      </c>
      <c r="K10" s="21">
        <v>1079</v>
      </c>
      <c r="L10" s="53">
        <v>577</v>
      </c>
      <c r="M10" s="54">
        <v>502</v>
      </c>
    </row>
    <row r="11" spans="1:13">
      <c r="A11" s="20" t="s">
        <v>18</v>
      </c>
      <c r="B11" s="21">
        <v>-232</v>
      </c>
      <c r="C11" s="22">
        <v>-148</v>
      </c>
      <c r="D11" s="22">
        <v>-84</v>
      </c>
      <c r="E11" s="21">
        <v>0</v>
      </c>
      <c r="F11" s="22">
        <v>0</v>
      </c>
      <c r="G11" s="23">
        <v>0</v>
      </c>
      <c r="H11" s="22">
        <v>660</v>
      </c>
      <c r="I11" s="22">
        <v>319</v>
      </c>
      <c r="J11" s="22">
        <v>341</v>
      </c>
      <c r="K11" s="21">
        <v>892</v>
      </c>
      <c r="L11" s="53">
        <v>467</v>
      </c>
      <c r="M11" s="54">
        <v>425</v>
      </c>
    </row>
    <row r="12" spans="1:13" ht="20.100000000000001" customHeight="1">
      <c r="A12" s="16" t="s">
        <v>19</v>
      </c>
      <c r="B12" s="17">
        <v>-458</v>
      </c>
      <c r="C12" s="18">
        <v>-165</v>
      </c>
      <c r="D12" s="18">
        <v>-293</v>
      </c>
      <c r="E12" s="17">
        <v>2</v>
      </c>
      <c r="F12" s="18">
        <v>1</v>
      </c>
      <c r="G12" s="19">
        <v>1</v>
      </c>
      <c r="H12" s="18">
        <v>2213</v>
      </c>
      <c r="I12" s="18">
        <v>1165</v>
      </c>
      <c r="J12" s="18">
        <v>1048</v>
      </c>
      <c r="K12" s="17">
        <v>2669</v>
      </c>
      <c r="L12" s="51">
        <v>1329</v>
      </c>
      <c r="M12" s="52">
        <v>1340</v>
      </c>
    </row>
    <row r="13" spans="1:13">
      <c r="A13" s="20" t="s">
        <v>20</v>
      </c>
      <c r="B13" s="21">
        <v>-133</v>
      </c>
      <c r="C13" s="22">
        <v>-55</v>
      </c>
      <c r="D13" s="22">
        <v>-78</v>
      </c>
      <c r="E13" s="21">
        <v>1</v>
      </c>
      <c r="F13" s="22">
        <v>1</v>
      </c>
      <c r="G13" s="23">
        <v>0</v>
      </c>
      <c r="H13" s="22">
        <v>566</v>
      </c>
      <c r="I13" s="22">
        <v>310</v>
      </c>
      <c r="J13" s="22">
        <v>256</v>
      </c>
      <c r="K13" s="21">
        <v>698</v>
      </c>
      <c r="L13" s="53">
        <v>364</v>
      </c>
      <c r="M13" s="54">
        <v>334</v>
      </c>
    </row>
    <row r="14" spans="1:13">
      <c r="A14" s="20" t="s">
        <v>21</v>
      </c>
      <c r="B14" s="21">
        <v>-129</v>
      </c>
      <c r="C14" s="22">
        <v>-48</v>
      </c>
      <c r="D14" s="22">
        <v>-81</v>
      </c>
      <c r="E14" s="21">
        <v>0</v>
      </c>
      <c r="F14" s="22">
        <v>0</v>
      </c>
      <c r="G14" s="23">
        <v>0</v>
      </c>
      <c r="H14" s="22">
        <v>525</v>
      </c>
      <c r="I14" s="22">
        <v>267</v>
      </c>
      <c r="J14" s="22">
        <v>258</v>
      </c>
      <c r="K14" s="21">
        <v>654</v>
      </c>
      <c r="L14" s="53">
        <v>315</v>
      </c>
      <c r="M14" s="54">
        <v>339</v>
      </c>
    </row>
    <row r="15" spans="1:13">
      <c r="A15" s="20" t="s">
        <v>22</v>
      </c>
      <c r="B15" s="21">
        <v>-107</v>
      </c>
      <c r="C15" s="22">
        <v>-21</v>
      </c>
      <c r="D15" s="22">
        <v>-86</v>
      </c>
      <c r="E15" s="21">
        <v>0</v>
      </c>
      <c r="F15" s="22">
        <v>0</v>
      </c>
      <c r="G15" s="23">
        <v>0</v>
      </c>
      <c r="H15" s="22">
        <v>517</v>
      </c>
      <c r="I15" s="22">
        <v>278</v>
      </c>
      <c r="J15" s="22">
        <v>239</v>
      </c>
      <c r="K15" s="21">
        <v>624</v>
      </c>
      <c r="L15" s="53">
        <v>299</v>
      </c>
      <c r="M15" s="54">
        <v>325</v>
      </c>
    </row>
    <row r="16" spans="1:13">
      <c r="A16" s="20" t="s">
        <v>23</v>
      </c>
      <c r="B16" s="21">
        <v>-87</v>
      </c>
      <c r="C16" s="22">
        <v>-39</v>
      </c>
      <c r="D16" s="22">
        <v>-48</v>
      </c>
      <c r="E16" s="21">
        <v>1</v>
      </c>
      <c r="F16" s="22">
        <v>0</v>
      </c>
      <c r="G16" s="23">
        <v>1</v>
      </c>
      <c r="H16" s="22">
        <v>290</v>
      </c>
      <c r="I16" s="22">
        <v>140</v>
      </c>
      <c r="J16" s="22">
        <v>150</v>
      </c>
      <c r="K16" s="21">
        <v>376</v>
      </c>
      <c r="L16" s="53">
        <v>179</v>
      </c>
      <c r="M16" s="54">
        <v>197</v>
      </c>
    </row>
    <row r="17" spans="1:13">
      <c r="A17" s="20" t="s">
        <v>24</v>
      </c>
      <c r="B17" s="21">
        <v>-2</v>
      </c>
      <c r="C17" s="22">
        <v>-2</v>
      </c>
      <c r="D17" s="22">
        <v>0</v>
      </c>
      <c r="E17" s="21">
        <v>0</v>
      </c>
      <c r="F17" s="22">
        <v>0</v>
      </c>
      <c r="G17" s="23">
        <v>0</v>
      </c>
      <c r="H17" s="22">
        <v>315</v>
      </c>
      <c r="I17" s="22">
        <v>170</v>
      </c>
      <c r="J17" s="22">
        <v>145</v>
      </c>
      <c r="K17" s="21">
        <v>317</v>
      </c>
      <c r="L17" s="53">
        <v>172</v>
      </c>
      <c r="M17" s="54">
        <v>145</v>
      </c>
    </row>
    <row r="18" spans="1:13" ht="20.100000000000001" customHeight="1">
      <c r="A18" s="16" t="s">
        <v>25</v>
      </c>
      <c r="B18" s="17">
        <v>-28</v>
      </c>
      <c r="C18" s="18">
        <v>9</v>
      </c>
      <c r="D18" s="18">
        <v>-37</v>
      </c>
      <c r="E18" s="17">
        <v>4</v>
      </c>
      <c r="F18" s="18">
        <v>2</v>
      </c>
      <c r="G18" s="19">
        <v>2</v>
      </c>
      <c r="H18" s="18">
        <v>1247</v>
      </c>
      <c r="I18" s="18">
        <v>647</v>
      </c>
      <c r="J18" s="18">
        <v>600</v>
      </c>
      <c r="K18" s="17">
        <v>1271</v>
      </c>
      <c r="L18" s="51">
        <v>636</v>
      </c>
      <c r="M18" s="52">
        <v>635</v>
      </c>
    </row>
    <row r="19" spans="1:13">
      <c r="A19" s="20" t="s">
        <v>26</v>
      </c>
      <c r="B19" s="21">
        <v>-45</v>
      </c>
      <c r="C19" s="22">
        <v>-29</v>
      </c>
      <c r="D19" s="22">
        <v>-16</v>
      </c>
      <c r="E19" s="21">
        <v>0</v>
      </c>
      <c r="F19" s="22">
        <v>0</v>
      </c>
      <c r="G19" s="23">
        <v>0</v>
      </c>
      <c r="H19" s="22">
        <v>289</v>
      </c>
      <c r="I19" s="22">
        <v>144</v>
      </c>
      <c r="J19" s="22">
        <v>145</v>
      </c>
      <c r="K19" s="21">
        <v>334</v>
      </c>
      <c r="L19" s="53">
        <v>173</v>
      </c>
      <c r="M19" s="54">
        <v>161</v>
      </c>
    </row>
    <row r="20" spans="1:13">
      <c r="A20" s="20" t="s">
        <v>27</v>
      </c>
      <c r="B20" s="21">
        <v>1</v>
      </c>
      <c r="C20" s="22">
        <v>9</v>
      </c>
      <c r="D20" s="22">
        <v>-8</v>
      </c>
      <c r="E20" s="21">
        <v>0</v>
      </c>
      <c r="F20" s="22">
        <v>0</v>
      </c>
      <c r="G20" s="23">
        <v>0</v>
      </c>
      <c r="H20" s="22">
        <v>249</v>
      </c>
      <c r="I20" s="22">
        <v>126</v>
      </c>
      <c r="J20" s="22">
        <v>123</v>
      </c>
      <c r="K20" s="21">
        <v>248</v>
      </c>
      <c r="L20" s="53">
        <v>117</v>
      </c>
      <c r="M20" s="54">
        <v>131</v>
      </c>
    </row>
    <row r="21" spans="1:13">
      <c r="A21" s="20" t="s">
        <v>28</v>
      </c>
      <c r="B21" s="21">
        <v>15</v>
      </c>
      <c r="C21" s="22">
        <v>12</v>
      </c>
      <c r="D21" s="22">
        <v>3</v>
      </c>
      <c r="E21" s="21">
        <v>1</v>
      </c>
      <c r="F21" s="22">
        <v>1</v>
      </c>
      <c r="G21" s="23">
        <v>0</v>
      </c>
      <c r="H21" s="22">
        <v>230</v>
      </c>
      <c r="I21" s="22">
        <v>111</v>
      </c>
      <c r="J21" s="22">
        <v>119</v>
      </c>
      <c r="K21" s="21">
        <v>214</v>
      </c>
      <c r="L21" s="53">
        <v>98</v>
      </c>
      <c r="M21" s="54">
        <v>116</v>
      </c>
    </row>
    <row r="22" spans="1:13">
      <c r="A22" s="20" t="s">
        <v>29</v>
      </c>
      <c r="B22" s="21">
        <v>-13</v>
      </c>
      <c r="C22" s="22">
        <v>-1</v>
      </c>
      <c r="D22" s="22">
        <v>-12</v>
      </c>
      <c r="E22" s="21">
        <v>2</v>
      </c>
      <c r="F22" s="22">
        <v>1</v>
      </c>
      <c r="G22" s="23">
        <v>1</v>
      </c>
      <c r="H22" s="22">
        <v>300</v>
      </c>
      <c r="I22" s="22">
        <v>162</v>
      </c>
      <c r="J22" s="22">
        <v>138</v>
      </c>
      <c r="K22" s="21">
        <v>311</v>
      </c>
      <c r="L22" s="53">
        <v>162</v>
      </c>
      <c r="M22" s="54">
        <v>149</v>
      </c>
    </row>
    <row r="23" spans="1:13">
      <c r="A23" s="20" t="s">
        <v>30</v>
      </c>
      <c r="B23" s="21">
        <v>14</v>
      </c>
      <c r="C23" s="22">
        <v>18</v>
      </c>
      <c r="D23" s="22">
        <v>-4</v>
      </c>
      <c r="E23" s="21">
        <v>1</v>
      </c>
      <c r="F23" s="22">
        <v>0</v>
      </c>
      <c r="G23" s="23">
        <v>1</v>
      </c>
      <c r="H23" s="22">
        <v>179</v>
      </c>
      <c r="I23" s="22">
        <v>104</v>
      </c>
      <c r="J23" s="22">
        <v>75</v>
      </c>
      <c r="K23" s="21">
        <v>164</v>
      </c>
      <c r="L23" s="53">
        <v>86</v>
      </c>
      <c r="M23" s="54">
        <v>78</v>
      </c>
    </row>
    <row r="24" spans="1:13" ht="20.100000000000001" customHeight="1">
      <c r="A24" s="16" t="s">
        <v>31</v>
      </c>
      <c r="B24" s="17">
        <v>1749</v>
      </c>
      <c r="C24" s="18">
        <v>925</v>
      </c>
      <c r="D24" s="18">
        <v>824</v>
      </c>
      <c r="E24" s="17">
        <v>15</v>
      </c>
      <c r="F24" s="18">
        <v>10</v>
      </c>
      <c r="G24" s="19">
        <v>5</v>
      </c>
      <c r="H24" s="18">
        <v>3780</v>
      </c>
      <c r="I24" s="18">
        <v>2041</v>
      </c>
      <c r="J24" s="18">
        <v>1739</v>
      </c>
      <c r="K24" s="17">
        <v>2016</v>
      </c>
      <c r="L24" s="51">
        <v>1106</v>
      </c>
      <c r="M24" s="52">
        <v>910</v>
      </c>
    </row>
    <row r="25" spans="1:13">
      <c r="A25" s="20" t="s">
        <v>32</v>
      </c>
      <c r="B25" s="21">
        <v>23</v>
      </c>
      <c r="C25" s="22">
        <v>23</v>
      </c>
      <c r="D25" s="22">
        <v>0</v>
      </c>
      <c r="E25" s="21">
        <v>3</v>
      </c>
      <c r="F25" s="22">
        <v>2</v>
      </c>
      <c r="G25" s="23">
        <v>1</v>
      </c>
      <c r="H25" s="22">
        <v>215</v>
      </c>
      <c r="I25" s="22">
        <v>117</v>
      </c>
      <c r="J25" s="22">
        <v>98</v>
      </c>
      <c r="K25" s="21">
        <v>189</v>
      </c>
      <c r="L25" s="53">
        <v>92</v>
      </c>
      <c r="M25" s="54">
        <v>97</v>
      </c>
    </row>
    <row r="26" spans="1:13">
      <c r="A26" s="20" t="s">
        <v>33</v>
      </c>
      <c r="B26" s="21">
        <v>26</v>
      </c>
      <c r="C26" s="22">
        <v>-6</v>
      </c>
      <c r="D26" s="22">
        <v>32</v>
      </c>
      <c r="E26" s="21">
        <v>4</v>
      </c>
      <c r="F26" s="22">
        <v>2</v>
      </c>
      <c r="G26" s="23">
        <v>2</v>
      </c>
      <c r="H26" s="22">
        <v>338</v>
      </c>
      <c r="I26" s="22">
        <v>160</v>
      </c>
      <c r="J26" s="22">
        <v>178</v>
      </c>
      <c r="K26" s="21">
        <v>308</v>
      </c>
      <c r="L26" s="53">
        <v>164</v>
      </c>
      <c r="M26" s="54">
        <v>144</v>
      </c>
    </row>
    <row r="27" spans="1:13">
      <c r="A27" s="20" t="s">
        <v>34</v>
      </c>
      <c r="B27" s="21">
        <v>30</v>
      </c>
      <c r="C27" s="22">
        <v>-4</v>
      </c>
      <c r="D27" s="22">
        <v>34</v>
      </c>
      <c r="E27" s="21">
        <v>2</v>
      </c>
      <c r="F27" s="22">
        <v>2</v>
      </c>
      <c r="G27" s="23">
        <v>0</v>
      </c>
      <c r="H27" s="22">
        <v>241</v>
      </c>
      <c r="I27" s="22">
        <v>110</v>
      </c>
      <c r="J27" s="22">
        <v>131</v>
      </c>
      <c r="K27" s="21">
        <v>209</v>
      </c>
      <c r="L27" s="53">
        <v>112</v>
      </c>
      <c r="M27" s="54">
        <v>97</v>
      </c>
    </row>
    <row r="28" spans="1:13">
      <c r="A28" s="20" t="s">
        <v>35</v>
      </c>
      <c r="B28" s="21">
        <v>356</v>
      </c>
      <c r="C28" s="22">
        <v>201</v>
      </c>
      <c r="D28" s="22">
        <v>155</v>
      </c>
      <c r="E28" s="21">
        <v>4</v>
      </c>
      <c r="F28" s="22">
        <v>3</v>
      </c>
      <c r="G28" s="23">
        <v>1</v>
      </c>
      <c r="H28" s="22">
        <v>768</v>
      </c>
      <c r="I28" s="22">
        <v>406</v>
      </c>
      <c r="J28" s="22">
        <v>362</v>
      </c>
      <c r="K28" s="21">
        <v>408</v>
      </c>
      <c r="L28" s="53">
        <v>202</v>
      </c>
      <c r="M28" s="54">
        <v>206</v>
      </c>
    </row>
    <row r="29" spans="1:13">
      <c r="A29" s="20" t="s">
        <v>36</v>
      </c>
      <c r="B29" s="21">
        <v>1314</v>
      </c>
      <c r="C29" s="22">
        <v>711</v>
      </c>
      <c r="D29" s="22">
        <v>603</v>
      </c>
      <c r="E29" s="21">
        <v>2</v>
      </c>
      <c r="F29" s="22">
        <v>1</v>
      </c>
      <c r="G29" s="23">
        <v>1</v>
      </c>
      <c r="H29" s="22">
        <v>2218</v>
      </c>
      <c r="I29" s="22">
        <v>1248</v>
      </c>
      <c r="J29" s="22">
        <v>970</v>
      </c>
      <c r="K29" s="21">
        <v>902</v>
      </c>
      <c r="L29" s="53">
        <v>536</v>
      </c>
      <c r="M29" s="54">
        <v>366</v>
      </c>
    </row>
    <row r="30" spans="1:13" ht="20.100000000000001" customHeight="1">
      <c r="A30" s="16" t="s">
        <v>37</v>
      </c>
      <c r="B30" s="17">
        <v>8084</v>
      </c>
      <c r="C30" s="18">
        <v>3912</v>
      </c>
      <c r="D30" s="18">
        <v>4172</v>
      </c>
      <c r="E30" s="17">
        <v>19</v>
      </c>
      <c r="F30" s="18">
        <v>13</v>
      </c>
      <c r="G30" s="19">
        <v>6</v>
      </c>
      <c r="H30" s="18">
        <v>21081</v>
      </c>
      <c r="I30" s="18">
        <v>10562</v>
      </c>
      <c r="J30" s="18">
        <v>10519</v>
      </c>
      <c r="K30" s="17">
        <v>12978</v>
      </c>
      <c r="L30" s="51">
        <v>6637</v>
      </c>
      <c r="M30" s="52">
        <v>6341</v>
      </c>
    </row>
    <row r="31" spans="1:13">
      <c r="A31" s="20" t="s">
        <v>38</v>
      </c>
      <c r="B31" s="21">
        <v>829</v>
      </c>
      <c r="C31" s="22">
        <v>413</v>
      </c>
      <c r="D31" s="22">
        <v>416</v>
      </c>
      <c r="E31" s="21">
        <v>5</v>
      </c>
      <c r="F31" s="22">
        <v>5</v>
      </c>
      <c r="G31" s="23">
        <v>0</v>
      </c>
      <c r="H31" s="22">
        <v>1897</v>
      </c>
      <c r="I31" s="22">
        <v>952</v>
      </c>
      <c r="J31" s="22">
        <v>945</v>
      </c>
      <c r="K31" s="21">
        <v>1063</v>
      </c>
      <c r="L31" s="53">
        <v>534</v>
      </c>
      <c r="M31" s="54">
        <v>529</v>
      </c>
    </row>
    <row r="32" spans="1:13">
      <c r="A32" s="20" t="s">
        <v>39</v>
      </c>
      <c r="B32" s="21">
        <v>1458</v>
      </c>
      <c r="C32" s="22">
        <v>630</v>
      </c>
      <c r="D32" s="22">
        <v>828</v>
      </c>
      <c r="E32" s="21">
        <v>2</v>
      </c>
      <c r="F32" s="22">
        <v>0</v>
      </c>
      <c r="G32" s="23">
        <v>2</v>
      </c>
      <c r="H32" s="22">
        <v>3093</v>
      </c>
      <c r="I32" s="22">
        <v>1451</v>
      </c>
      <c r="J32" s="22">
        <v>1642</v>
      </c>
      <c r="K32" s="21">
        <v>1633</v>
      </c>
      <c r="L32" s="53">
        <v>821</v>
      </c>
      <c r="M32" s="54">
        <v>812</v>
      </c>
    </row>
    <row r="33" spans="1:13">
      <c r="A33" s="20" t="s">
        <v>40</v>
      </c>
      <c r="B33" s="21">
        <v>1432</v>
      </c>
      <c r="C33" s="22">
        <v>622</v>
      </c>
      <c r="D33" s="22">
        <v>810</v>
      </c>
      <c r="E33" s="21">
        <v>3</v>
      </c>
      <c r="F33" s="22">
        <v>3</v>
      </c>
      <c r="G33" s="23">
        <v>0</v>
      </c>
      <c r="H33" s="22">
        <v>3760</v>
      </c>
      <c r="I33" s="22">
        <v>1743</v>
      </c>
      <c r="J33" s="22">
        <v>2017</v>
      </c>
      <c r="K33" s="21">
        <v>2325</v>
      </c>
      <c r="L33" s="53">
        <v>1118</v>
      </c>
      <c r="M33" s="54">
        <v>1207</v>
      </c>
    </row>
    <row r="34" spans="1:13">
      <c r="A34" s="20" t="s">
        <v>41</v>
      </c>
      <c r="B34" s="21">
        <v>3009</v>
      </c>
      <c r="C34" s="22">
        <v>1448</v>
      </c>
      <c r="D34" s="22">
        <v>1561</v>
      </c>
      <c r="E34" s="21">
        <v>4</v>
      </c>
      <c r="F34" s="22">
        <v>1</v>
      </c>
      <c r="G34" s="23">
        <v>3</v>
      </c>
      <c r="H34" s="22">
        <v>7016</v>
      </c>
      <c r="I34" s="22">
        <v>3564</v>
      </c>
      <c r="J34" s="22">
        <v>3452</v>
      </c>
      <c r="K34" s="21">
        <v>4003</v>
      </c>
      <c r="L34" s="53">
        <v>2115</v>
      </c>
      <c r="M34" s="54">
        <v>1888</v>
      </c>
    </row>
    <row r="35" spans="1:13">
      <c r="A35" s="20" t="s">
        <v>42</v>
      </c>
      <c r="B35" s="21">
        <v>1356</v>
      </c>
      <c r="C35" s="22">
        <v>799</v>
      </c>
      <c r="D35" s="22">
        <v>557</v>
      </c>
      <c r="E35" s="21">
        <v>5</v>
      </c>
      <c r="F35" s="22">
        <v>4</v>
      </c>
      <c r="G35" s="23">
        <v>1</v>
      </c>
      <c r="H35" s="22">
        <v>5315</v>
      </c>
      <c r="I35" s="22">
        <v>2852</v>
      </c>
      <c r="J35" s="22">
        <v>2463</v>
      </c>
      <c r="K35" s="21">
        <v>3954</v>
      </c>
      <c r="L35" s="53">
        <v>2049</v>
      </c>
      <c r="M35" s="54">
        <v>1905</v>
      </c>
    </row>
    <row r="36" spans="1:13" ht="20.100000000000001" customHeight="1">
      <c r="A36" s="16" t="s">
        <v>43</v>
      </c>
      <c r="B36" s="17">
        <v>3990</v>
      </c>
      <c r="C36" s="18">
        <v>1976</v>
      </c>
      <c r="D36" s="18">
        <v>2014</v>
      </c>
      <c r="E36" s="17">
        <v>31</v>
      </c>
      <c r="F36" s="18">
        <v>22</v>
      </c>
      <c r="G36" s="19">
        <v>9</v>
      </c>
      <c r="H36" s="18">
        <v>26556</v>
      </c>
      <c r="I36" s="18">
        <v>13958</v>
      </c>
      <c r="J36" s="18">
        <v>12598</v>
      </c>
      <c r="K36" s="17">
        <v>22535</v>
      </c>
      <c r="L36" s="51">
        <v>11960</v>
      </c>
      <c r="M36" s="52">
        <v>10575</v>
      </c>
    </row>
    <row r="37" spans="1:13">
      <c r="A37" s="20" t="s">
        <v>44</v>
      </c>
      <c r="B37" s="21">
        <v>1292</v>
      </c>
      <c r="C37" s="22">
        <v>739</v>
      </c>
      <c r="D37" s="22">
        <v>553</v>
      </c>
      <c r="E37" s="21">
        <v>2</v>
      </c>
      <c r="F37" s="22">
        <v>2</v>
      </c>
      <c r="G37" s="23">
        <v>0</v>
      </c>
      <c r="H37" s="22">
        <v>6022</v>
      </c>
      <c r="I37" s="22">
        <v>3220</v>
      </c>
      <c r="J37" s="22">
        <v>2802</v>
      </c>
      <c r="K37" s="21">
        <v>4728</v>
      </c>
      <c r="L37" s="53">
        <v>2479</v>
      </c>
      <c r="M37" s="54">
        <v>2249</v>
      </c>
    </row>
    <row r="38" spans="1:13">
      <c r="A38" s="20" t="s">
        <v>45</v>
      </c>
      <c r="B38" s="21">
        <v>869</v>
      </c>
      <c r="C38" s="22">
        <v>538</v>
      </c>
      <c r="D38" s="22">
        <v>331</v>
      </c>
      <c r="E38" s="21">
        <v>3</v>
      </c>
      <c r="F38" s="22">
        <v>1</v>
      </c>
      <c r="G38" s="23">
        <v>2</v>
      </c>
      <c r="H38" s="22">
        <v>5491</v>
      </c>
      <c r="I38" s="22">
        <v>2919</v>
      </c>
      <c r="J38" s="22">
        <v>2572</v>
      </c>
      <c r="K38" s="21">
        <v>4619</v>
      </c>
      <c r="L38" s="53">
        <v>2380</v>
      </c>
      <c r="M38" s="54">
        <v>2239</v>
      </c>
    </row>
    <row r="39" spans="1:13">
      <c r="A39" s="20" t="s">
        <v>46</v>
      </c>
      <c r="B39" s="21">
        <v>698</v>
      </c>
      <c r="C39" s="22">
        <v>170</v>
      </c>
      <c r="D39" s="22">
        <v>528</v>
      </c>
      <c r="E39" s="21">
        <v>13</v>
      </c>
      <c r="F39" s="22">
        <v>10</v>
      </c>
      <c r="G39" s="23">
        <v>3</v>
      </c>
      <c r="H39" s="22">
        <v>5273</v>
      </c>
      <c r="I39" s="22">
        <v>2675</v>
      </c>
      <c r="J39" s="22">
        <v>2598</v>
      </c>
      <c r="K39" s="21">
        <v>4562</v>
      </c>
      <c r="L39" s="53">
        <v>2495</v>
      </c>
      <c r="M39" s="54">
        <v>2067</v>
      </c>
    </row>
    <row r="40" spans="1:13">
      <c r="A40" s="20" t="s">
        <v>47</v>
      </c>
      <c r="B40" s="21">
        <v>646</v>
      </c>
      <c r="C40" s="22">
        <v>333</v>
      </c>
      <c r="D40" s="22">
        <v>313</v>
      </c>
      <c r="E40" s="21">
        <v>4</v>
      </c>
      <c r="F40" s="22">
        <v>2</v>
      </c>
      <c r="G40" s="23">
        <v>2</v>
      </c>
      <c r="H40" s="22">
        <v>5096</v>
      </c>
      <c r="I40" s="22">
        <v>2709</v>
      </c>
      <c r="J40" s="22">
        <v>2387</v>
      </c>
      <c r="K40" s="21">
        <v>4446</v>
      </c>
      <c r="L40" s="53">
        <v>2374</v>
      </c>
      <c r="M40" s="54">
        <v>2072</v>
      </c>
    </row>
    <row r="41" spans="1:13">
      <c r="A41" s="20" t="s">
        <v>48</v>
      </c>
      <c r="B41" s="21">
        <v>485</v>
      </c>
      <c r="C41" s="22">
        <v>196</v>
      </c>
      <c r="D41" s="22">
        <v>289</v>
      </c>
      <c r="E41" s="21">
        <v>9</v>
      </c>
      <c r="F41" s="22">
        <v>7</v>
      </c>
      <c r="G41" s="23">
        <v>2</v>
      </c>
      <c r="H41" s="22">
        <v>4674</v>
      </c>
      <c r="I41" s="22">
        <v>2435</v>
      </c>
      <c r="J41" s="22">
        <v>2239</v>
      </c>
      <c r="K41" s="21">
        <v>4180</v>
      </c>
      <c r="L41" s="53">
        <v>2232</v>
      </c>
      <c r="M41" s="54">
        <v>1948</v>
      </c>
    </row>
    <row r="42" spans="1:13" ht="20.100000000000001" customHeight="1">
      <c r="A42" s="16" t="s">
        <v>49</v>
      </c>
      <c r="B42" s="17">
        <v>633</v>
      </c>
      <c r="C42" s="18">
        <v>292</v>
      </c>
      <c r="D42" s="18">
        <v>341</v>
      </c>
      <c r="E42" s="17">
        <v>41</v>
      </c>
      <c r="F42" s="18">
        <v>32</v>
      </c>
      <c r="G42" s="19">
        <v>9</v>
      </c>
      <c r="H42" s="18">
        <v>17596</v>
      </c>
      <c r="I42" s="18">
        <v>9351</v>
      </c>
      <c r="J42" s="18">
        <v>8245</v>
      </c>
      <c r="K42" s="17">
        <v>16922</v>
      </c>
      <c r="L42" s="51">
        <v>9027</v>
      </c>
      <c r="M42" s="52">
        <v>7895</v>
      </c>
    </row>
    <row r="43" spans="1:13">
      <c r="A43" s="20" t="s">
        <v>50</v>
      </c>
      <c r="B43" s="21">
        <v>286</v>
      </c>
      <c r="C43" s="22">
        <v>108</v>
      </c>
      <c r="D43" s="22">
        <v>178</v>
      </c>
      <c r="E43" s="21">
        <v>11</v>
      </c>
      <c r="F43" s="22">
        <v>7</v>
      </c>
      <c r="G43" s="23">
        <v>4</v>
      </c>
      <c r="H43" s="22">
        <v>4249</v>
      </c>
      <c r="I43" s="22">
        <v>2180</v>
      </c>
      <c r="J43" s="22">
        <v>2069</v>
      </c>
      <c r="K43" s="21">
        <v>3952</v>
      </c>
      <c r="L43" s="53">
        <v>2065</v>
      </c>
      <c r="M43" s="54">
        <v>1887</v>
      </c>
    </row>
    <row r="44" spans="1:13">
      <c r="A44" s="20" t="s">
        <v>51</v>
      </c>
      <c r="B44" s="21">
        <v>78</v>
      </c>
      <c r="C44" s="22">
        <v>30</v>
      </c>
      <c r="D44" s="22">
        <v>48</v>
      </c>
      <c r="E44" s="21">
        <v>8</v>
      </c>
      <c r="F44" s="22">
        <v>7</v>
      </c>
      <c r="G44" s="23">
        <v>1</v>
      </c>
      <c r="H44" s="22">
        <v>3852</v>
      </c>
      <c r="I44" s="22">
        <v>2052</v>
      </c>
      <c r="J44" s="22">
        <v>1800</v>
      </c>
      <c r="K44" s="21">
        <v>3766</v>
      </c>
      <c r="L44" s="53">
        <v>2015</v>
      </c>
      <c r="M44" s="54">
        <v>1751</v>
      </c>
    </row>
    <row r="45" spans="1:13">
      <c r="A45" s="20" t="s">
        <v>52</v>
      </c>
      <c r="B45" s="21">
        <v>144</v>
      </c>
      <c r="C45" s="22">
        <v>59</v>
      </c>
      <c r="D45" s="22">
        <v>85</v>
      </c>
      <c r="E45" s="21">
        <v>8</v>
      </c>
      <c r="F45" s="22">
        <v>7</v>
      </c>
      <c r="G45" s="23">
        <v>1</v>
      </c>
      <c r="H45" s="22">
        <v>3470</v>
      </c>
      <c r="I45" s="22">
        <v>1820</v>
      </c>
      <c r="J45" s="22">
        <v>1650</v>
      </c>
      <c r="K45" s="21">
        <v>3318</v>
      </c>
      <c r="L45" s="53">
        <v>1754</v>
      </c>
      <c r="M45" s="54">
        <v>1564</v>
      </c>
    </row>
    <row r="46" spans="1:13">
      <c r="A46" s="20" t="s">
        <v>53</v>
      </c>
      <c r="B46" s="21">
        <v>-59</v>
      </c>
      <c r="C46" s="22">
        <v>-1</v>
      </c>
      <c r="D46" s="22">
        <v>-58</v>
      </c>
      <c r="E46" s="21">
        <v>4</v>
      </c>
      <c r="F46" s="22">
        <v>3</v>
      </c>
      <c r="G46" s="23">
        <v>1</v>
      </c>
      <c r="H46" s="22">
        <v>3086</v>
      </c>
      <c r="I46" s="22">
        <v>1711</v>
      </c>
      <c r="J46" s="22">
        <v>1375</v>
      </c>
      <c r="K46" s="21">
        <v>3141</v>
      </c>
      <c r="L46" s="53">
        <v>1709</v>
      </c>
      <c r="M46" s="54">
        <v>1432</v>
      </c>
    </row>
    <row r="47" spans="1:13">
      <c r="A47" s="20" t="s">
        <v>54</v>
      </c>
      <c r="B47" s="21">
        <v>184</v>
      </c>
      <c r="C47" s="22">
        <v>96</v>
      </c>
      <c r="D47" s="22">
        <v>88</v>
      </c>
      <c r="E47" s="21">
        <v>10</v>
      </c>
      <c r="F47" s="22">
        <v>8</v>
      </c>
      <c r="G47" s="23">
        <v>2</v>
      </c>
      <c r="H47" s="22">
        <v>2939</v>
      </c>
      <c r="I47" s="22">
        <v>1588</v>
      </c>
      <c r="J47" s="22">
        <v>1351</v>
      </c>
      <c r="K47" s="21">
        <v>2745</v>
      </c>
      <c r="L47" s="53">
        <v>1484</v>
      </c>
      <c r="M47" s="54">
        <v>1261</v>
      </c>
    </row>
    <row r="48" spans="1:13" ht="20.100000000000001" customHeight="1">
      <c r="A48" s="16" t="s">
        <v>55</v>
      </c>
      <c r="B48" s="17">
        <v>-295</v>
      </c>
      <c r="C48" s="18">
        <v>-139</v>
      </c>
      <c r="D48" s="18">
        <v>-156</v>
      </c>
      <c r="E48" s="17">
        <v>45</v>
      </c>
      <c r="F48" s="18">
        <v>27</v>
      </c>
      <c r="G48" s="19">
        <v>18</v>
      </c>
      <c r="H48" s="18">
        <v>10252</v>
      </c>
      <c r="I48" s="18">
        <v>5828</v>
      </c>
      <c r="J48" s="18">
        <v>4424</v>
      </c>
      <c r="K48" s="17">
        <v>10502</v>
      </c>
      <c r="L48" s="51">
        <v>5940</v>
      </c>
      <c r="M48" s="52">
        <v>4562</v>
      </c>
    </row>
    <row r="49" spans="1:13">
      <c r="A49" s="20" t="s">
        <v>56</v>
      </c>
      <c r="B49" s="21">
        <v>21</v>
      </c>
      <c r="C49" s="22">
        <v>-19</v>
      </c>
      <c r="D49" s="22">
        <v>40</v>
      </c>
      <c r="E49" s="21">
        <v>8</v>
      </c>
      <c r="F49" s="22">
        <v>8</v>
      </c>
      <c r="G49" s="23">
        <v>0</v>
      </c>
      <c r="H49" s="22">
        <v>2562</v>
      </c>
      <c r="I49" s="22">
        <v>1389</v>
      </c>
      <c r="J49" s="22">
        <v>1173</v>
      </c>
      <c r="K49" s="21">
        <v>2533</v>
      </c>
      <c r="L49" s="53">
        <v>1400</v>
      </c>
      <c r="M49" s="54">
        <v>1133</v>
      </c>
    </row>
    <row r="50" spans="1:13">
      <c r="A50" s="20" t="s">
        <v>57</v>
      </c>
      <c r="B50" s="21">
        <v>-38</v>
      </c>
      <c r="C50" s="22">
        <v>-36</v>
      </c>
      <c r="D50" s="22">
        <v>-2</v>
      </c>
      <c r="E50" s="21">
        <v>13</v>
      </c>
      <c r="F50" s="22">
        <v>9</v>
      </c>
      <c r="G50" s="23">
        <v>4</v>
      </c>
      <c r="H50" s="22">
        <v>2383</v>
      </c>
      <c r="I50" s="22">
        <v>1369</v>
      </c>
      <c r="J50" s="22">
        <v>1014</v>
      </c>
      <c r="K50" s="21">
        <v>2408</v>
      </c>
      <c r="L50" s="53">
        <v>1396</v>
      </c>
      <c r="M50" s="54">
        <v>1012</v>
      </c>
    </row>
    <row r="51" spans="1:13">
      <c r="A51" s="20" t="s">
        <v>58</v>
      </c>
      <c r="B51" s="21">
        <v>-102</v>
      </c>
      <c r="C51" s="22">
        <v>-14</v>
      </c>
      <c r="D51" s="22">
        <v>-88</v>
      </c>
      <c r="E51" s="21">
        <v>7</v>
      </c>
      <c r="F51" s="22">
        <v>3</v>
      </c>
      <c r="G51" s="23">
        <v>4</v>
      </c>
      <c r="H51" s="22">
        <v>2004</v>
      </c>
      <c r="I51" s="22">
        <v>1169</v>
      </c>
      <c r="J51" s="22">
        <v>835</v>
      </c>
      <c r="K51" s="21">
        <v>2099</v>
      </c>
      <c r="L51" s="53">
        <v>1180</v>
      </c>
      <c r="M51" s="54">
        <v>919</v>
      </c>
    </row>
    <row r="52" spans="1:13">
      <c r="A52" s="20" t="s">
        <v>59</v>
      </c>
      <c r="B52" s="21">
        <v>-43</v>
      </c>
      <c r="C52" s="22">
        <v>-14</v>
      </c>
      <c r="D52" s="22">
        <v>-29</v>
      </c>
      <c r="E52" s="21">
        <v>6</v>
      </c>
      <c r="F52" s="22">
        <v>4</v>
      </c>
      <c r="G52" s="23">
        <v>2</v>
      </c>
      <c r="H52" s="22">
        <v>1780</v>
      </c>
      <c r="I52" s="22">
        <v>999</v>
      </c>
      <c r="J52" s="22">
        <v>781</v>
      </c>
      <c r="K52" s="21">
        <v>1817</v>
      </c>
      <c r="L52" s="53">
        <v>1009</v>
      </c>
      <c r="M52" s="54">
        <v>808</v>
      </c>
    </row>
    <row r="53" spans="1:13">
      <c r="A53" s="20" t="s">
        <v>60</v>
      </c>
      <c r="B53" s="21">
        <v>-133</v>
      </c>
      <c r="C53" s="22">
        <v>-56</v>
      </c>
      <c r="D53" s="22">
        <v>-77</v>
      </c>
      <c r="E53" s="21">
        <v>11</v>
      </c>
      <c r="F53" s="22">
        <v>3</v>
      </c>
      <c r="G53" s="23">
        <v>8</v>
      </c>
      <c r="H53" s="22">
        <v>1523</v>
      </c>
      <c r="I53" s="22">
        <v>902</v>
      </c>
      <c r="J53" s="22">
        <v>621</v>
      </c>
      <c r="K53" s="21">
        <v>1645</v>
      </c>
      <c r="L53" s="53">
        <v>955</v>
      </c>
      <c r="M53" s="54">
        <v>690</v>
      </c>
    </row>
    <row r="54" spans="1:13" ht="20.100000000000001" customHeight="1">
      <c r="A54" s="16" t="s">
        <v>61</v>
      </c>
      <c r="B54" s="17">
        <v>-312</v>
      </c>
      <c r="C54" s="18">
        <v>-199</v>
      </c>
      <c r="D54" s="18">
        <v>-113</v>
      </c>
      <c r="E54" s="17">
        <v>104</v>
      </c>
      <c r="F54" s="18">
        <v>69</v>
      </c>
      <c r="G54" s="19">
        <v>35</v>
      </c>
      <c r="H54" s="18">
        <v>6209</v>
      </c>
      <c r="I54" s="18">
        <v>3635</v>
      </c>
      <c r="J54" s="18">
        <v>2574</v>
      </c>
      <c r="K54" s="17">
        <v>6417</v>
      </c>
      <c r="L54" s="51">
        <v>3765</v>
      </c>
      <c r="M54" s="52">
        <v>2652</v>
      </c>
    </row>
    <row r="55" spans="1:13">
      <c r="A55" s="20" t="s">
        <v>62</v>
      </c>
      <c r="B55" s="21">
        <v>-81</v>
      </c>
      <c r="C55" s="22">
        <v>-103</v>
      </c>
      <c r="D55" s="22">
        <v>22</v>
      </c>
      <c r="E55" s="21">
        <v>21</v>
      </c>
      <c r="F55" s="22">
        <v>15</v>
      </c>
      <c r="G55" s="23">
        <v>6</v>
      </c>
      <c r="H55" s="22">
        <v>1512</v>
      </c>
      <c r="I55" s="22">
        <v>863</v>
      </c>
      <c r="J55" s="22">
        <v>649</v>
      </c>
      <c r="K55" s="21">
        <v>1572</v>
      </c>
      <c r="L55" s="53">
        <v>951</v>
      </c>
      <c r="M55" s="54">
        <v>621</v>
      </c>
    </row>
    <row r="56" spans="1:13">
      <c r="A56" s="20" t="s">
        <v>63</v>
      </c>
      <c r="B56" s="21">
        <v>1</v>
      </c>
      <c r="C56" s="22">
        <v>27</v>
      </c>
      <c r="D56" s="22">
        <v>-26</v>
      </c>
      <c r="E56" s="21">
        <v>24</v>
      </c>
      <c r="F56" s="22">
        <v>15</v>
      </c>
      <c r="G56" s="23">
        <v>9</v>
      </c>
      <c r="H56" s="22">
        <v>1364</v>
      </c>
      <c r="I56" s="22">
        <v>783</v>
      </c>
      <c r="J56" s="22">
        <v>581</v>
      </c>
      <c r="K56" s="21">
        <v>1339</v>
      </c>
      <c r="L56" s="53">
        <v>741</v>
      </c>
      <c r="M56" s="54">
        <v>598</v>
      </c>
    </row>
    <row r="57" spans="1:13">
      <c r="A57" s="20" t="s">
        <v>64</v>
      </c>
      <c r="B57" s="21">
        <v>-103</v>
      </c>
      <c r="C57" s="22">
        <v>-61</v>
      </c>
      <c r="D57" s="22">
        <v>-42</v>
      </c>
      <c r="E57" s="21">
        <v>24</v>
      </c>
      <c r="F57" s="22">
        <v>18</v>
      </c>
      <c r="G57" s="23">
        <v>6</v>
      </c>
      <c r="H57" s="22">
        <v>1191</v>
      </c>
      <c r="I57" s="22">
        <v>709</v>
      </c>
      <c r="J57" s="22">
        <v>482</v>
      </c>
      <c r="K57" s="21">
        <v>1270</v>
      </c>
      <c r="L57" s="53">
        <v>752</v>
      </c>
      <c r="M57" s="54">
        <v>518</v>
      </c>
    </row>
    <row r="58" spans="1:13">
      <c r="A58" s="20" t="s">
        <v>65</v>
      </c>
      <c r="B58" s="21">
        <v>-51</v>
      </c>
      <c r="C58" s="22">
        <v>-32</v>
      </c>
      <c r="D58" s="22">
        <v>-19</v>
      </c>
      <c r="E58" s="21">
        <v>16</v>
      </c>
      <c r="F58" s="22">
        <v>9</v>
      </c>
      <c r="G58" s="23">
        <v>7</v>
      </c>
      <c r="H58" s="22">
        <v>1136</v>
      </c>
      <c r="I58" s="22">
        <v>667</v>
      </c>
      <c r="J58" s="22">
        <v>469</v>
      </c>
      <c r="K58" s="21">
        <v>1171</v>
      </c>
      <c r="L58" s="53">
        <v>690</v>
      </c>
      <c r="M58" s="54">
        <v>481</v>
      </c>
    </row>
    <row r="59" spans="1:13">
      <c r="A59" s="20" t="s">
        <v>66</v>
      </c>
      <c r="B59" s="21">
        <v>-78</v>
      </c>
      <c r="C59" s="22">
        <v>-30</v>
      </c>
      <c r="D59" s="22">
        <v>-48</v>
      </c>
      <c r="E59" s="21">
        <v>19</v>
      </c>
      <c r="F59" s="22">
        <v>12</v>
      </c>
      <c r="G59" s="23">
        <v>7</v>
      </c>
      <c r="H59" s="22">
        <v>1006</v>
      </c>
      <c r="I59" s="22">
        <v>613</v>
      </c>
      <c r="J59" s="22">
        <v>393</v>
      </c>
      <c r="K59" s="21">
        <v>1065</v>
      </c>
      <c r="L59" s="53">
        <v>631</v>
      </c>
      <c r="M59" s="54">
        <v>434</v>
      </c>
    </row>
    <row r="60" spans="1:13" ht="20.100000000000001" customHeight="1">
      <c r="A60" s="16" t="s">
        <v>67</v>
      </c>
      <c r="B60" s="17">
        <v>-263</v>
      </c>
      <c r="C60" s="18">
        <v>-215</v>
      </c>
      <c r="D60" s="18">
        <v>-48</v>
      </c>
      <c r="E60" s="17">
        <v>152</v>
      </c>
      <c r="F60" s="18">
        <v>101</v>
      </c>
      <c r="G60" s="19">
        <v>51</v>
      </c>
      <c r="H60" s="18">
        <v>4706</v>
      </c>
      <c r="I60" s="18">
        <v>2715</v>
      </c>
      <c r="J60" s="18">
        <v>1991</v>
      </c>
      <c r="K60" s="17">
        <v>4817</v>
      </c>
      <c r="L60" s="51">
        <v>2829</v>
      </c>
      <c r="M60" s="52">
        <v>1988</v>
      </c>
    </row>
    <row r="61" spans="1:13">
      <c r="A61" s="20" t="s">
        <v>68</v>
      </c>
      <c r="B61" s="21">
        <v>-51</v>
      </c>
      <c r="C61" s="22">
        <v>-42</v>
      </c>
      <c r="D61" s="22">
        <v>-9</v>
      </c>
      <c r="E61" s="21">
        <v>18</v>
      </c>
      <c r="F61" s="22">
        <v>12</v>
      </c>
      <c r="G61" s="23">
        <v>6</v>
      </c>
      <c r="H61" s="22">
        <v>1022</v>
      </c>
      <c r="I61" s="22">
        <v>609</v>
      </c>
      <c r="J61" s="22">
        <v>413</v>
      </c>
      <c r="K61" s="21">
        <v>1055</v>
      </c>
      <c r="L61" s="53">
        <v>639</v>
      </c>
      <c r="M61" s="54">
        <v>416</v>
      </c>
    </row>
    <row r="62" spans="1:13">
      <c r="A62" s="20" t="s">
        <v>69</v>
      </c>
      <c r="B62" s="21">
        <v>-6</v>
      </c>
      <c r="C62" s="22">
        <v>-18</v>
      </c>
      <c r="D62" s="22">
        <v>12</v>
      </c>
      <c r="E62" s="21">
        <v>37</v>
      </c>
      <c r="F62" s="22">
        <v>28</v>
      </c>
      <c r="G62" s="23">
        <v>9</v>
      </c>
      <c r="H62" s="22">
        <v>1040</v>
      </c>
      <c r="I62" s="22">
        <v>599</v>
      </c>
      <c r="J62" s="22">
        <v>441</v>
      </c>
      <c r="K62" s="21">
        <v>1009</v>
      </c>
      <c r="L62" s="53">
        <v>589</v>
      </c>
      <c r="M62" s="54">
        <v>420</v>
      </c>
    </row>
    <row r="63" spans="1:13">
      <c r="A63" s="20" t="s">
        <v>70</v>
      </c>
      <c r="B63" s="21">
        <v>-30</v>
      </c>
      <c r="C63" s="22">
        <v>-49</v>
      </c>
      <c r="D63" s="22">
        <v>19</v>
      </c>
      <c r="E63" s="21">
        <v>31</v>
      </c>
      <c r="F63" s="22">
        <v>18</v>
      </c>
      <c r="G63" s="23">
        <v>13</v>
      </c>
      <c r="H63" s="22">
        <v>925</v>
      </c>
      <c r="I63" s="22">
        <v>522</v>
      </c>
      <c r="J63" s="22">
        <v>403</v>
      </c>
      <c r="K63" s="21">
        <v>924</v>
      </c>
      <c r="L63" s="53">
        <v>553</v>
      </c>
      <c r="M63" s="54">
        <v>371</v>
      </c>
    </row>
    <row r="64" spans="1:13">
      <c r="A64" s="20" t="s">
        <v>71</v>
      </c>
      <c r="B64" s="21">
        <v>-129</v>
      </c>
      <c r="C64" s="22">
        <v>-77</v>
      </c>
      <c r="D64" s="22">
        <v>-52</v>
      </c>
      <c r="E64" s="21">
        <v>29</v>
      </c>
      <c r="F64" s="22">
        <v>17</v>
      </c>
      <c r="G64" s="23">
        <v>12</v>
      </c>
      <c r="H64" s="22">
        <v>850</v>
      </c>
      <c r="I64" s="22">
        <v>474</v>
      </c>
      <c r="J64" s="22">
        <v>376</v>
      </c>
      <c r="K64" s="21">
        <v>950</v>
      </c>
      <c r="L64" s="53">
        <v>534</v>
      </c>
      <c r="M64" s="54">
        <v>416</v>
      </c>
    </row>
    <row r="65" spans="1:13">
      <c r="A65" s="24" t="s">
        <v>72</v>
      </c>
      <c r="B65" s="25">
        <v>-47</v>
      </c>
      <c r="C65" s="26">
        <v>-29</v>
      </c>
      <c r="D65" s="26">
        <v>-18</v>
      </c>
      <c r="E65" s="25">
        <v>37</v>
      </c>
      <c r="F65" s="26">
        <v>26</v>
      </c>
      <c r="G65" s="27">
        <v>11</v>
      </c>
      <c r="H65" s="26">
        <v>869</v>
      </c>
      <c r="I65" s="26">
        <v>511</v>
      </c>
      <c r="J65" s="26">
        <v>358</v>
      </c>
      <c r="K65" s="25">
        <v>879</v>
      </c>
      <c r="L65" s="55">
        <v>514</v>
      </c>
      <c r="M65" s="56">
        <v>36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3421</v>
      </c>
      <c r="C69" s="58">
        <v>6914</v>
      </c>
      <c r="D69" s="59">
        <v>650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3421</v>
      </c>
      <c r="C70" s="61">
        <v>6914</v>
      </c>
      <c r="D70" s="62">
        <v>6507</v>
      </c>
    </row>
    <row r="71" spans="1:13">
      <c r="A71" s="24" t="s">
        <v>14</v>
      </c>
      <c r="B71" s="63">
        <v>13421</v>
      </c>
      <c r="C71" s="64">
        <v>6914</v>
      </c>
      <c r="D71" s="65">
        <v>6507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7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365</v>
      </c>
      <c r="C77" s="18">
        <v>-310</v>
      </c>
      <c r="D77" s="18">
        <v>-55</v>
      </c>
      <c r="E77" s="17">
        <v>246</v>
      </c>
      <c r="F77" s="18">
        <v>165</v>
      </c>
      <c r="G77" s="19">
        <v>81</v>
      </c>
      <c r="H77" s="18">
        <v>3426</v>
      </c>
      <c r="I77" s="18">
        <v>1954</v>
      </c>
      <c r="J77" s="18">
        <v>1472</v>
      </c>
      <c r="K77" s="17">
        <v>3545</v>
      </c>
      <c r="L77" s="51">
        <v>2099</v>
      </c>
      <c r="M77" s="52">
        <v>1446</v>
      </c>
    </row>
    <row r="78" spans="1:13">
      <c r="A78" s="40" t="s">
        <v>81</v>
      </c>
      <c r="B78" s="21">
        <v>-44</v>
      </c>
      <c r="C78" s="22">
        <v>-62</v>
      </c>
      <c r="D78" s="22">
        <v>18</v>
      </c>
      <c r="E78" s="21">
        <v>43</v>
      </c>
      <c r="F78" s="22">
        <v>27</v>
      </c>
      <c r="G78" s="23">
        <v>16</v>
      </c>
      <c r="H78" s="22">
        <v>804</v>
      </c>
      <c r="I78" s="22">
        <v>455</v>
      </c>
      <c r="J78" s="22">
        <v>349</v>
      </c>
      <c r="K78" s="21">
        <v>805</v>
      </c>
      <c r="L78" s="53">
        <v>490</v>
      </c>
      <c r="M78" s="54">
        <v>315</v>
      </c>
    </row>
    <row r="79" spans="1:13">
      <c r="A79" s="40" t="s">
        <v>82</v>
      </c>
      <c r="B79" s="21">
        <v>-39</v>
      </c>
      <c r="C79" s="22">
        <v>-42</v>
      </c>
      <c r="D79" s="22">
        <v>3</v>
      </c>
      <c r="E79" s="21">
        <v>43</v>
      </c>
      <c r="F79" s="22">
        <v>33</v>
      </c>
      <c r="G79" s="23">
        <v>10</v>
      </c>
      <c r="H79" s="22">
        <v>746</v>
      </c>
      <c r="I79" s="22">
        <v>426</v>
      </c>
      <c r="J79" s="22">
        <v>320</v>
      </c>
      <c r="K79" s="21">
        <v>742</v>
      </c>
      <c r="L79" s="53">
        <v>435</v>
      </c>
      <c r="M79" s="54">
        <v>307</v>
      </c>
    </row>
    <row r="80" spans="1:13">
      <c r="A80" s="40" t="s">
        <v>83</v>
      </c>
      <c r="B80" s="21">
        <v>-28</v>
      </c>
      <c r="C80" s="22">
        <v>-22</v>
      </c>
      <c r="D80" s="22">
        <v>-6</v>
      </c>
      <c r="E80" s="21">
        <v>58</v>
      </c>
      <c r="F80" s="22">
        <v>40</v>
      </c>
      <c r="G80" s="23">
        <v>18</v>
      </c>
      <c r="H80" s="22">
        <v>749</v>
      </c>
      <c r="I80" s="22">
        <v>442</v>
      </c>
      <c r="J80" s="22">
        <v>307</v>
      </c>
      <c r="K80" s="21">
        <v>719</v>
      </c>
      <c r="L80" s="53">
        <v>424</v>
      </c>
      <c r="M80" s="54">
        <v>295</v>
      </c>
    </row>
    <row r="81" spans="1:13">
      <c r="A81" s="40" t="s">
        <v>84</v>
      </c>
      <c r="B81" s="21">
        <v>-114</v>
      </c>
      <c r="C81" s="22">
        <v>-73</v>
      </c>
      <c r="D81" s="22">
        <v>-41</v>
      </c>
      <c r="E81" s="21">
        <v>43</v>
      </c>
      <c r="F81" s="22">
        <v>27</v>
      </c>
      <c r="G81" s="23">
        <v>16</v>
      </c>
      <c r="H81" s="22">
        <v>507</v>
      </c>
      <c r="I81" s="22">
        <v>291</v>
      </c>
      <c r="J81" s="22">
        <v>216</v>
      </c>
      <c r="K81" s="21">
        <v>578</v>
      </c>
      <c r="L81" s="53">
        <v>337</v>
      </c>
      <c r="M81" s="54">
        <v>241</v>
      </c>
    </row>
    <row r="82" spans="1:13">
      <c r="A82" s="40" t="s">
        <v>85</v>
      </c>
      <c r="B82" s="21">
        <v>-140</v>
      </c>
      <c r="C82" s="22">
        <v>-111</v>
      </c>
      <c r="D82" s="22">
        <v>-29</v>
      </c>
      <c r="E82" s="21">
        <v>59</v>
      </c>
      <c r="F82" s="22">
        <v>38</v>
      </c>
      <c r="G82" s="23">
        <v>21</v>
      </c>
      <c r="H82" s="22">
        <v>620</v>
      </c>
      <c r="I82" s="22">
        <v>340</v>
      </c>
      <c r="J82" s="22">
        <v>280</v>
      </c>
      <c r="K82" s="21">
        <v>701</v>
      </c>
      <c r="L82" s="53">
        <v>413</v>
      </c>
      <c r="M82" s="54">
        <v>288</v>
      </c>
    </row>
    <row r="83" spans="1:13" ht="19.5" customHeight="1">
      <c r="A83" s="34" t="s">
        <v>86</v>
      </c>
      <c r="B83" s="17">
        <v>-533</v>
      </c>
      <c r="C83" s="18">
        <v>-339</v>
      </c>
      <c r="D83" s="18">
        <v>-194</v>
      </c>
      <c r="E83" s="17">
        <v>303</v>
      </c>
      <c r="F83" s="18">
        <v>208</v>
      </c>
      <c r="G83" s="19">
        <v>95</v>
      </c>
      <c r="H83" s="18">
        <v>2369</v>
      </c>
      <c r="I83" s="18">
        <v>1377</v>
      </c>
      <c r="J83" s="18">
        <v>992</v>
      </c>
      <c r="K83" s="17">
        <v>2599</v>
      </c>
      <c r="L83" s="51">
        <v>1508</v>
      </c>
      <c r="M83" s="52">
        <v>1091</v>
      </c>
    </row>
    <row r="84" spans="1:13">
      <c r="A84" s="40" t="s">
        <v>87</v>
      </c>
      <c r="B84" s="21">
        <v>-56</v>
      </c>
      <c r="C84" s="22">
        <v>-32</v>
      </c>
      <c r="D84" s="22">
        <v>-24</v>
      </c>
      <c r="E84" s="21">
        <v>53</v>
      </c>
      <c r="F84" s="22">
        <v>35</v>
      </c>
      <c r="G84" s="23">
        <v>18</v>
      </c>
      <c r="H84" s="22">
        <v>573</v>
      </c>
      <c r="I84" s="22">
        <v>340</v>
      </c>
      <c r="J84" s="22">
        <v>233</v>
      </c>
      <c r="K84" s="21">
        <v>576</v>
      </c>
      <c r="L84" s="53">
        <v>337</v>
      </c>
      <c r="M84" s="54">
        <v>239</v>
      </c>
    </row>
    <row r="85" spans="1:13">
      <c r="A85" s="40" t="s">
        <v>88</v>
      </c>
      <c r="B85" s="21">
        <v>-146</v>
      </c>
      <c r="C85" s="22">
        <v>-108</v>
      </c>
      <c r="D85" s="22">
        <v>-38</v>
      </c>
      <c r="E85" s="21">
        <v>53</v>
      </c>
      <c r="F85" s="22">
        <v>41</v>
      </c>
      <c r="G85" s="23">
        <v>12</v>
      </c>
      <c r="H85" s="22">
        <v>476</v>
      </c>
      <c r="I85" s="22">
        <v>283</v>
      </c>
      <c r="J85" s="22">
        <v>193</v>
      </c>
      <c r="K85" s="21">
        <v>569</v>
      </c>
      <c r="L85" s="53">
        <v>350</v>
      </c>
      <c r="M85" s="54">
        <v>219</v>
      </c>
    </row>
    <row r="86" spans="1:13">
      <c r="A86" s="40" t="s">
        <v>89</v>
      </c>
      <c r="B86" s="21">
        <v>-127</v>
      </c>
      <c r="C86" s="22">
        <v>-81</v>
      </c>
      <c r="D86" s="22">
        <v>-46</v>
      </c>
      <c r="E86" s="21">
        <v>58</v>
      </c>
      <c r="F86" s="22">
        <v>33</v>
      </c>
      <c r="G86" s="23">
        <v>25</v>
      </c>
      <c r="H86" s="22">
        <v>456</v>
      </c>
      <c r="I86" s="22">
        <v>258</v>
      </c>
      <c r="J86" s="22">
        <v>198</v>
      </c>
      <c r="K86" s="21">
        <v>525</v>
      </c>
      <c r="L86" s="53">
        <v>306</v>
      </c>
      <c r="M86" s="54">
        <v>219</v>
      </c>
    </row>
    <row r="87" spans="1:13">
      <c r="A87" s="40" t="s">
        <v>90</v>
      </c>
      <c r="B87" s="21">
        <v>-118</v>
      </c>
      <c r="C87" s="22">
        <v>-75</v>
      </c>
      <c r="D87" s="22">
        <v>-43</v>
      </c>
      <c r="E87" s="21">
        <v>75</v>
      </c>
      <c r="F87" s="22">
        <v>53</v>
      </c>
      <c r="G87" s="23">
        <v>22</v>
      </c>
      <c r="H87" s="22">
        <v>453</v>
      </c>
      <c r="I87" s="22">
        <v>253</v>
      </c>
      <c r="J87" s="22">
        <v>200</v>
      </c>
      <c r="K87" s="21">
        <v>496</v>
      </c>
      <c r="L87" s="53">
        <v>275</v>
      </c>
      <c r="M87" s="54">
        <v>221</v>
      </c>
    </row>
    <row r="88" spans="1:13">
      <c r="A88" s="40" t="s">
        <v>91</v>
      </c>
      <c r="B88" s="21">
        <v>-86</v>
      </c>
      <c r="C88" s="22">
        <v>-43</v>
      </c>
      <c r="D88" s="22">
        <v>-43</v>
      </c>
      <c r="E88" s="21">
        <v>64</v>
      </c>
      <c r="F88" s="22">
        <v>46</v>
      </c>
      <c r="G88" s="23">
        <v>18</v>
      </c>
      <c r="H88" s="22">
        <v>411</v>
      </c>
      <c r="I88" s="22">
        <v>243</v>
      </c>
      <c r="J88" s="22">
        <v>168</v>
      </c>
      <c r="K88" s="21">
        <v>433</v>
      </c>
      <c r="L88" s="53">
        <v>240</v>
      </c>
      <c r="M88" s="54">
        <v>193</v>
      </c>
    </row>
    <row r="89" spans="1:13" ht="19.5" customHeight="1">
      <c r="A89" s="34" t="s">
        <v>92</v>
      </c>
      <c r="B89" s="17">
        <v>-709</v>
      </c>
      <c r="C89" s="18">
        <v>-490</v>
      </c>
      <c r="D89" s="18">
        <v>-219</v>
      </c>
      <c r="E89" s="17">
        <v>391</v>
      </c>
      <c r="F89" s="18">
        <v>283</v>
      </c>
      <c r="G89" s="19">
        <v>108</v>
      </c>
      <c r="H89" s="18">
        <v>1618</v>
      </c>
      <c r="I89" s="18">
        <v>937</v>
      </c>
      <c r="J89" s="18">
        <v>681</v>
      </c>
      <c r="K89" s="17">
        <v>1936</v>
      </c>
      <c r="L89" s="51">
        <v>1144</v>
      </c>
      <c r="M89" s="52">
        <v>792</v>
      </c>
    </row>
    <row r="90" spans="1:13">
      <c r="A90" s="40" t="s">
        <v>93</v>
      </c>
      <c r="B90" s="21">
        <v>-118</v>
      </c>
      <c r="C90" s="22">
        <v>-85</v>
      </c>
      <c r="D90" s="22">
        <v>-33</v>
      </c>
      <c r="E90" s="21">
        <v>64</v>
      </c>
      <c r="F90" s="22">
        <v>43</v>
      </c>
      <c r="G90" s="23">
        <v>21</v>
      </c>
      <c r="H90" s="22">
        <v>449</v>
      </c>
      <c r="I90" s="22">
        <v>280</v>
      </c>
      <c r="J90" s="22">
        <v>169</v>
      </c>
      <c r="K90" s="21">
        <v>503</v>
      </c>
      <c r="L90" s="53">
        <v>322</v>
      </c>
      <c r="M90" s="54">
        <v>181</v>
      </c>
    </row>
    <row r="91" spans="1:13">
      <c r="A91" s="40" t="s">
        <v>94</v>
      </c>
      <c r="B91" s="21">
        <v>-128</v>
      </c>
      <c r="C91" s="22">
        <v>-78</v>
      </c>
      <c r="D91" s="22">
        <v>-50</v>
      </c>
      <c r="E91" s="21">
        <v>73</v>
      </c>
      <c r="F91" s="22">
        <v>51</v>
      </c>
      <c r="G91" s="23">
        <v>22</v>
      </c>
      <c r="H91" s="22">
        <v>349</v>
      </c>
      <c r="I91" s="22">
        <v>198</v>
      </c>
      <c r="J91" s="22">
        <v>151</v>
      </c>
      <c r="K91" s="21">
        <v>404</v>
      </c>
      <c r="L91" s="53">
        <v>225</v>
      </c>
      <c r="M91" s="54">
        <v>179</v>
      </c>
    </row>
    <row r="92" spans="1:13">
      <c r="A92" s="40" t="s">
        <v>95</v>
      </c>
      <c r="B92" s="21">
        <v>-145</v>
      </c>
      <c r="C92" s="22">
        <v>-88</v>
      </c>
      <c r="D92" s="22">
        <v>-57</v>
      </c>
      <c r="E92" s="21">
        <v>69</v>
      </c>
      <c r="F92" s="22">
        <v>51</v>
      </c>
      <c r="G92" s="23">
        <v>18</v>
      </c>
      <c r="H92" s="22">
        <v>279</v>
      </c>
      <c r="I92" s="22">
        <v>169</v>
      </c>
      <c r="J92" s="22">
        <v>110</v>
      </c>
      <c r="K92" s="21">
        <v>355</v>
      </c>
      <c r="L92" s="53">
        <v>206</v>
      </c>
      <c r="M92" s="54">
        <v>149</v>
      </c>
    </row>
    <row r="93" spans="1:13">
      <c r="A93" s="40" t="s">
        <v>96</v>
      </c>
      <c r="B93" s="21">
        <v>-154</v>
      </c>
      <c r="C93" s="22">
        <v>-123</v>
      </c>
      <c r="D93" s="22">
        <v>-31</v>
      </c>
      <c r="E93" s="21">
        <v>89</v>
      </c>
      <c r="F93" s="22">
        <v>62</v>
      </c>
      <c r="G93" s="23">
        <v>27</v>
      </c>
      <c r="H93" s="22">
        <v>261</v>
      </c>
      <c r="I93" s="22">
        <v>136</v>
      </c>
      <c r="J93" s="22">
        <v>125</v>
      </c>
      <c r="K93" s="21">
        <v>326</v>
      </c>
      <c r="L93" s="53">
        <v>197</v>
      </c>
      <c r="M93" s="54">
        <v>129</v>
      </c>
    </row>
    <row r="94" spans="1:13">
      <c r="A94" s="40" t="s">
        <v>97</v>
      </c>
      <c r="B94" s="21">
        <v>-164</v>
      </c>
      <c r="C94" s="22">
        <v>-116</v>
      </c>
      <c r="D94" s="22">
        <v>-48</v>
      </c>
      <c r="E94" s="21">
        <v>96</v>
      </c>
      <c r="F94" s="22">
        <v>76</v>
      </c>
      <c r="G94" s="23">
        <v>20</v>
      </c>
      <c r="H94" s="22">
        <v>280</v>
      </c>
      <c r="I94" s="22">
        <v>154</v>
      </c>
      <c r="J94" s="22">
        <v>126</v>
      </c>
      <c r="K94" s="21">
        <v>348</v>
      </c>
      <c r="L94" s="53">
        <v>194</v>
      </c>
      <c r="M94" s="54">
        <v>154</v>
      </c>
    </row>
    <row r="95" spans="1:13" ht="19.5" customHeight="1">
      <c r="A95" s="34" t="s">
        <v>98</v>
      </c>
      <c r="B95" s="17">
        <v>-856</v>
      </c>
      <c r="C95" s="18">
        <v>-596</v>
      </c>
      <c r="D95" s="18">
        <v>-260</v>
      </c>
      <c r="E95" s="17">
        <v>662</v>
      </c>
      <c r="F95" s="18">
        <v>479</v>
      </c>
      <c r="G95" s="19">
        <v>183</v>
      </c>
      <c r="H95" s="18">
        <v>1271</v>
      </c>
      <c r="I95" s="18">
        <v>739</v>
      </c>
      <c r="J95" s="18">
        <v>532</v>
      </c>
      <c r="K95" s="17">
        <v>1465</v>
      </c>
      <c r="L95" s="51">
        <v>856</v>
      </c>
      <c r="M95" s="52">
        <v>609</v>
      </c>
    </row>
    <row r="96" spans="1:13">
      <c r="A96" s="40" t="s">
        <v>99</v>
      </c>
      <c r="B96" s="21">
        <v>-146</v>
      </c>
      <c r="C96" s="22">
        <v>-106</v>
      </c>
      <c r="D96" s="22">
        <v>-40</v>
      </c>
      <c r="E96" s="21">
        <v>97</v>
      </c>
      <c r="F96" s="22">
        <v>68</v>
      </c>
      <c r="G96" s="23">
        <v>29</v>
      </c>
      <c r="H96" s="22">
        <v>283</v>
      </c>
      <c r="I96" s="22">
        <v>165</v>
      </c>
      <c r="J96" s="22">
        <v>118</v>
      </c>
      <c r="K96" s="21">
        <v>332</v>
      </c>
      <c r="L96" s="53">
        <v>203</v>
      </c>
      <c r="M96" s="54">
        <v>129</v>
      </c>
    </row>
    <row r="97" spans="1:13">
      <c r="A97" s="40" t="s">
        <v>100</v>
      </c>
      <c r="B97" s="21">
        <v>-160</v>
      </c>
      <c r="C97" s="22">
        <v>-100</v>
      </c>
      <c r="D97" s="22">
        <v>-60</v>
      </c>
      <c r="E97" s="21">
        <v>110</v>
      </c>
      <c r="F97" s="22">
        <v>71</v>
      </c>
      <c r="G97" s="23">
        <v>39</v>
      </c>
      <c r="H97" s="22">
        <v>246</v>
      </c>
      <c r="I97" s="22">
        <v>140</v>
      </c>
      <c r="J97" s="22">
        <v>106</v>
      </c>
      <c r="K97" s="21">
        <v>296</v>
      </c>
      <c r="L97" s="53">
        <v>169</v>
      </c>
      <c r="M97" s="54">
        <v>127</v>
      </c>
    </row>
    <row r="98" spans="1:13">
      <c r="A98" s="40" t="s">
        <v>101</v>
      </c>
      <c r="B98" s="21">
        <v>-155</v>
      </c>
      <c r="C98" s="22">
        <v>-89</v>
      </c>
      <c r="D98" s="22">
        <v>-66</v>
      </c>
      <c r="E98" s="21">
        <v>121</v>
      </c>
      <c r="F98" s="22">
        <v>87</v>
      </c>
      <c r="G98" s="23">
        <v>34</v>
      </c>
      <c r="H98" s="22">
        <v>244</v>
      </c>
      <c r="I98" s="22">
        <v>147</v>
      </c>
      <c r="J98" s="22">
        <v>97</v>
      </c>
      <c r="K98" s="21">
        <v>278</v>
      </c>
      <c r="L98" s="53">
        <v>149</v>
      </c>
      <c r="M98" s="54">
        <v>129</v>
      </c>
    </row>
    <row r="99" spans="1:13">
      <c r="A99" s="40" t="s">
        <v>102</v>
      </c>
      <c r="B99" s="21">
        <v>-188</v>
      </c>
      <c r="C99" s="22">
        <v>-142</v>
      </c>
      <c r="D99" s="22">
        <v>-46</v>
      </c>
      <c r="E99" s="21">
        <v>151</v>
      </c>
      <c r="F99" s="22">
        <v>116</v>
      </c>
      <c r="G99" s="23">
        <v>35</v>
      </c>
      <c r="H99" s="22">
        <v>233</v>
      </c>
      <c r="I99" s="22">
        <v>138</v>
      </c>
      <c r="J99" s="22">
        <v>95</v>
      </c>
      <c r="K99" s="21">
        <v>270</v>
      </c>
      <c r="L99" s="53">
        <v>164</v>
      </c>
      <c r="M99" s="54">
        <v>106</v>
      </c>
    </row>
    <row r="100" spans="1:13">
      <c r="A100" s="40" t="s">
        <v>103</v>
      </c>
      <c r="B100" s="21">
        <v>-207</v>
      </c>
      <c r="C100" s="22">
        <v>-159</v>
      </c>
      <c r="D100" s="22">
        <v>-48</v>
      </c>
      <c r="E100" s="21">
        <v>183</v>
      </c>
      <c r="F100" s="22">
        <v>137</v>
      </c>
      <c r="G100" s="23">
        <v>46</v>
      </c>
      <c r="H100" s="22">
        <v>265</v>
      </c>
      <c r="I100" s="22">
        <v>149</v>
      </c>
      <c r="J100" s="22">
        <v>116</v>
      </c>
      <c r="K100" s="21">
        <v>289</v>
      </c>
      <c r="L100" s="53">
        <v>171</v>
      </c>
      <c r="M100" s="54">
        <v>118</v>
      </c>
    </row>
    <row r="101" spans="1:13" ht="19.5" customHeight="1">
      <c r="A101" s="34" t="s">
        <v>104</v>
      </c>
      <c r="B101" s="17">
        <v>-1105</v>
      </c>
      <c r="C101" s="18">
        <v>-810</v>
      </c>
      <c r="D101" s="18">
        <v>-295</v>
      </c>
      <c r="E101" s="17">
        <v>1103</v>
      </c>
      <c r="F101" s="18">
        <v>785</v>
      </c>
      <c r="G101" s="19">
        <v>318</v>
      </c>
      <c r="H101" s="18">
        <v>1110</v>
      </c>
      <c r="I101" s="18">
        <v>591</v>
      </c>
      <c r="J101" s="18">
        <v>519</v>
      </c>
      <c r="K101" s="17">
        <v>1112</v>
      </c>
      <c r="L101" s="51">
        <v>616</v>
      </c>
      <c r="M101" s="52">
        <v>496</v>
      </c>
    </row>
    <row r="102" spans="1:13">
      <c r="A102" s="40" t="s">
        <v>105</v>
      </c>
      <c r="B102" s="21">
        <v>-267</v>
      </c>
      <c r="C102" s="22">
        <v>-189</v>
      </c>
      <c r="D102" s="22">
        <v>-78</v>
      </c>
      <c r="E102" s="21">
        <v>233</v>
      </c>
      <c r="F102" s="22">
        <v>171</v>
      </c>
      <c r="G102" s="23">
        <v>62</v>
      </c>
      <c r="H102" s="22">
        <v>281</v>
      </c>
      <c r="I102" s="22">
        <v>165</v>
      </c>
      <c r="J102" s="22">
        <v>116</v>
      </c>
      <c r="K102" s="21">
        <v>315</v>
      </c>
      <c r="L102" s="53">
        <v>183</v>
      </c>
      <c r="M102" s="54">
        <v>132</v>
      </c>
    </row>
    <row r="103" spans="1:13">
      <c r="A103" s="40" t="s">
        <v>106</v>
      </c>
      <c r="B103" s="21">
        <v>-251</v>
      </c>
      <c r="C103" s="22">
        <v>-182</v>
      </c>
      <c r="D103" s="22">
        <v>-69</v>
      </c>
      <c r="E103" s="21">
        <v>235</v>
      </c>
      <c r="F103" s="22">
        <v>166</v>
      </c>
      <c r="G103" s="23">
        <v>69</v>
      </c>
      <c r="H103" s="22">
        <v>260</v>
      </c>
      <c r="I103" s="22">
        <v>137</v>
      </c>
      <c r="J103" s="22">
        <v>123</v>
      </c>
      <c r="K103" s="21">
        <v>276</v>
      </c>
      <c r="L103" s="53">
        <v>153</v>
      </c>
      <c r="M103" s="54">
        <v>123</v>
      </c>
    </row>
    <row r="104" spans="1:13">
      <c r="A104" s="40" t="s">
        <v>107</v>
      </c>
      <c r="B104" s="21">
        <v>-230</v>
      </c>
      <c r="C104" s="22">
        <v>-162</v>
      </c>
      <c r="D104" s="22">
        <v>-68</v>
      </c>
      <c r="E104" s="21">
        <v>256</v>
      </c>
      <c r="F104" s="22">
        <v>183</v>
      </c>
      <c r="G104" s="23">
        <v>73</v>
      </c>
      <c r="H104" s="22">
        <v>261</v>
      </c>
      <c r="I104" s="22">
        <v>142</v>
      </c>
      <c r="J104" s="22">
        <v>119</v>
      </c>
      <c r="K104" s="21">
        <v>235</v>
      </c>
      <c r="L104" s="53">
        <v>121</v>
      </c>
      <c r="M104" s="54">
        <v>114</v>
      </c>
    </row>
    <row r="105" spans="1:13">
      <c r="A105" s="40" t="s">
        <v>108</v>
      </c>
      <c r="B105" s="21">
        <v>-171</v>
      </c>
      <c r="C105" s="22">
        <v>-139</v>
      </c>
      <c r="D105" s="22">
        <v>-32</v>
      </c>
      <c r="E105" s="21">
        <v>184</v>
      </c>
      <c r="F105" s="22">
        <v>125</v>
      </c>
      <c r="G105" s="23">
        <v>59</v>
      </c>
      <c r="H105" s="22">
        <v>188</v>
      </c>
      <c r="I105" s="22">
        <v>88</v>
      </c>
      <c r="J105" s="22">
        <v>100</v>
      </c>
      <c r="K105" s="21">
        <v>175</v>
      </c>
      <c r="L105" s="53">
        <v>102</v>
      </c>
      <c r="M105" s="54">
        <v>73</v>
      </c>
    </row>
    <row r="106" spans="1:13">
      <c r="A106" s="40" t="s">
        <v>109</v>
      </c>
      <c r="B106" s="21">
        <v>-186</v>
      </c>
      <c r="C106" s="22">
        <v>-138</v>
      </c>
      <c r="D106" s="22">
        <v>-48</v>
      </c>
      <c r="E106" s="21">
        <v>195</v>
      </c>
      <c r="F106" s="22">
        <v>140</v>
      </c>
      <c r="G106" s="23">
        <v>55</v>
      </c>
      <c r="H106" s="22">
        <v>120</v>
      </c>
      <c r="I106" s="22">
        <v>59</v>
      </c>
      <c r="J106" s="22">
        <v>61</v>
      </c>
      <c r="K106" s="21">
        <v>111</v>
      </c>
      <c r="L106" s="53">
        <v>57</v>
      </c>
      <c r="M106" s="54">
        <v>54</v>
      </c>
    </row>
    <row r="107" spans="1:13" ht="19.5" customHeight="1">
      <c r="A107" s="34" t="s">
        <v>110</v>
      </c>
      <c r="B107" s="17">
        <v>-1393</v>
      </c>
      <c r="C107" s="18">
        <v>-930</v>
      </c>
      <c r="D107" s="18">
        <v>-463</v>
      </c>
      <c r="E107" s="17">
        <v>1441</v>
      </c>
      <c r="F107" s="18">
        <v>951</v>
      </c>
      <c r="G107" s="19">
        <v>490</v>
      </c>
      <c r="H107" s="18">
        <v>871</v>
      </c>
      <c r="I107" s="18">
        <v>402</v>
      </c>
      <c r="J107" s="18">
        <v>469</v>
      </c>
      <c r="K107" s="17">
        <v>823</v>
      </c>
      <c r="L107" s="51">
        <v>381</v>
      </c>
      <c r="M107" s="52">
        <v>442</v>
      </c>
    </row>
    <row r="108" spans="1:13">
      <c r="A108" s="40" t="s">
        <v>111</v>
      </c>
      <c r="B108" s="21">
        <v>-247</v>
      </c>
      <c r="C108" s="22">
        <v>-169</v>
      </c>
      <c r="D108" s="22">
        <v>-78</v>
      </c>
      <c r="E108" s="21">
        <v>250</v>
      </c>
      <c r="F108" s="22">
        <v>171</v>
      </c>
      <c r="G108" s="23">
        <v>79</v>
      </c>
      <c r="H108" s="22">
        <v>188</v>
      </c>
      <c r="I108" s="22">
        <v>97</v>
      </c>
      <c r="J108" s="22">
        <v>91</v>
      </c>
      <c r="K108" s="21">
        <v>185</v>
      </c>
      <c r="L108" s="53">
        <v>95</v>
      </c>
      <c r="M108" s="54">
        <v>90</v>
      </c>
    </row>
    <row r="109" spans="1:13">
      <c r="A109" s="40" t="s">
        <v>112</v>
      </c>
      <c r="B109" s="21">
        <v>-271</v>
      </c>
      <c r="C109" s="22">
        <v>-185</v>
      </c>
      <c r="D109" s="22">
        <v>-86</v>
      </c>
      <c r="E109" s="21">
        <v>291</v>
      </c>
      <c r="F109" s="22">
        <v>187</v>
      </c>
      <c r="G109" s="23">
        <v>104</v>
      </c>
      <c r="H109" s="22">
        <v>179</v>
      </c>
      <c r="I109" s="22">
        <v>80</v>
      </c>
      <c r="J109" s="22">
        <v>99</v>
      </c>
      <c r="K109" s="21">
        <v>159</v>
      </c>
      <c r="L109" s="53">
        <v>78</v>
      </c>
      <c r="M109" s="54">
        <v>81</v>
      </c>
    </row>
    <row r="110" spans="1:13">
      <c r="A110" s="40" t="s">
        <v>113</v>
      </c>
      <c r="B110" s="21">
        <v>-279</v>
      </c>
      <c r="C110" s="22">
        <v>-188</v>
      </c>
      <c r="D110" s="22">
        <v>-91</v>
      </c>
      <c r="E110" s="21">
        <v>285</v>
      </c>
      <c r="F110" s="22">
        <v>198</v>
      </c>
      <c r="G110" s="23">
        <v>87</v>
      </c>
      <c r="H110" s="22">
        <v>172</v>
      </c>
      <c r="I110" s="22">
        <v>77</v>
      </c>
      <c r="J110" s="22">
        <v>95</v>
      </c>
      <c r="K110" s="21">
        <v>166</v>
      </c>
      <c r="L110" s="53">
        <v>67</v>
      </c>
      <c r="M110" s="54">
        <v>99</v>
      </c>
    </row>
    <row r="111" spans="1:13">
      <c r="A111" s="40" t="s">
        <v>114</v>
      </c>
      <c r="B111" s="21">
        <v>-255</v>
      </c>
      <c r="C111" s="22">
        <v>-163</v>
      </c>
      <c r="D111" s="22">
        <v>-92</v>
      </c>
      <c r="E111" s="21">
        <v>280</v>
      </c>
      <c r="F111" s="22">
        <v>172</v>
      </c>
      <c r="G111" s="23">
        <v>108</v>
      </c>
      <c r="H111" s="22">
        <v>177</v>
      </c>
      <c r="I111" s="22">
        <v>85</v>
      </c>
      <c r="J111" s="22">
        <v>92</v>
      </c>
      <c r="K111" s="21">
        <v>152</v>
      </c>
      <c r="L111" s="53">
        <v>76</v>
      </c>
      <c r="M111" s="54">
        <v>76</v>
      </c>
    </row>
    <row r="112" spans="1:13">
      <c r="A112" s="40" t="s">
        <v>115</v>
      </c>
      <c r="B112" s="21">
        <v>-341</v>
      </c>
      <c r="C112" s="22">
        <v>-225</v>
      </c>
      <c r="D112" s="22">
        <v>-116</v>
      </c>
      <c r="E112" s="21">
        <v>335</v>
      </c>
      <c r="F112" s="22">
        <v>223</v>
      </c>
      <c r="G112" s="23">
        <v>112</v>
      </c>
      <c r="H112" s="22">
        <v>155</v>
      </c>
      <c r="I112" s="22">
        <v>63</v>
      </c>
      <c r="J112" s="22">
        <v>92</v>
      </c>
      <c r="K112" s="21">
        <v>161</v>
      </c>
      <c r="L112" s="53">
        <v>65</v>
      </c>
      <c r="M112" s="54">
        <v>96</v>
      </c>
    </row>
    <row r="113" spans="1:13" ht="19.5" customHeight="1">
      <c r="A113" s="34" t="s">
        <v>116</v>
      </c>
      <c r="B113" s="17">
        <v>-1796</v>
      </c>
      <c r="C113" s="18">
        <v>-1101</v>
      </c>
      <c r="D113" s="18">
        <v>-695</v>
      </c>
      <c r="E113" s="17">
        <v>1867</v>
      </c>
      <c r="F113" s="18">
        <v>1111</v>
      </c>
      <c r="G113" s="19">
        <v>756</v>
      </c>
      <c r="H113" s="18">
        <v>753</v>
      </c>
      <c r="I113" s="18">
        <v>282</v>
      </c>
      <c r="J113" s="18">
        <v>471</v>
      </c>
      <c r="K113" s="17">
        <v>682</v>
      </c>
      <c r="L113" s="51">
        <v>272</v>
      </c>
      <c r="M113" s="52">
        <v>410</v>
      </c>
    </row>
    <row r="114" spans="1:13">
      <c r="A114" s="40" t="s">
        <v>117</v>
      </c>
      <c r="B114" s="21">
        <v>-301</v>
      </c>
      <c r="C114" s="22">
        <v>-186</v>
      </c>
      <c r="D114" s="22">
        <v>-115</v>
      </c>
      <c r="E114" s="21">
        <v>318</v>
      </c>
      <c r="F114" s="22">
        <v>194</v>
      </c>
      <c r="G114" s="23">
        <v>124</v>
      </c>
      <c r="H114" s="22">
        <v>152</v>
      </c>
      <c r="I114" s="22">
        <v>60</v>
      </c>
      <c r="J114" s="22">
        <v>92</v>
      </c>
      <c r="K114" s="21">
        <v>135</v>
      </c>
      <c r="L114" s="53">
        <v>52</v>
      </c>
      <c r="M114" s="54">
        <v>83</v>
      </c>
    </row>
    <row r="115" spans="1:13">
      <c r="A115" s="40" t="s">
        <v>118</v>
      </c>
      <c r="B115" s="21">
        <v>-339</v>
      </c>
      <c r="C115" s="22">
        <v>-219</v>
      </c>
      <c r="D115" s="22">
        <v>-120</v>
      </c>
      <c r="E115" s="21">
        <v>343</v>
      </c>
      <c r="F115" s="22">
        <v>216</v>
      </c>
      <c r="G115" s="23">
        <v>127</v>
      </c>
      <c r="H115" s="22">
        <v>150</v>
      </c>
      <c r="I115" s="22">
        <v>61</v>
      </c>
      <c r="J115" s="22">
        <v>89</v>
      </c>
      <c r="K115" s="21">
        <v>146</v>
      </c>
      <c r="L115" s="53">
        <v>64</v>
      </c>
      <c r="M115" s="54">
        <v>82</v>
      </c>
    </row>
    <row r="116" spans="1:13">
      <c r="A116" s="40" t="s">
        <v>119</v>
      </c>
      <c r="B116" s="21">
        <v>-369</v>
      </c>
      <c r="C116" s="22">
        <v>-227</v>
      </c>
      <c r="D116" s="22">
        <v>-142</v>
      </c>
      <c r="E116" s="21">
        <v>390</v>
      </c>
      <c r="F116" s="22">
        <v>224</v>
      </c>
      <c r="G116" s="23">
        <v>166</v>
      </c>
      <c r="H116" s="22">
        <v>145</v>
      </c>
      <c r="I116" s="22">
        <v>60</v>
      </c>
      <c r="J116" s="22">
        <v>85</v>
      </c>
      <c r="K116" s="21">
        <v>124</v>
      </c>
      <c r="L116" s="53">
        <v>63</v>
      </c>
      <c r="M116" s="54">
        <v>61</v>
      </c>
    </row>
    <row r="117" spans="1:13">
      <c r="A117" s="40" t="s">
        <v>120</v>
      </c>
      <c r="B117" s="21">
        <v>-386</v>
      </c>
      <c r="C117" s="22">
        <v>-236</v>
      </c>
      <c r="D117" s="22">
        <v>-150</v>
      </c>
      <c r="E117" s="21">
        <v>389</v>
      </c>
      <c r="F117" s="22">
        <v>237</v>
      </c>
      <c r="G117" s="23">
        <v>152</v>
      </c>
      <c r="H117" s="22">
        <v>133</v>
      </c>
      <c r="I117" s="22">
        <v>47</v>
      </c>
      <c r="J117" s="22">
        <v>86</v>
      </c>
      <c r="K117" s="21">
        <v>130</v>
      </c>
      <c r="L117" s="53">
        <v>46</v>
      </c>
      <c r="M117" s="54">
        <v>84</v>
      </c>
    </row>
    <row r="118" spans="1:13">
      <c r="A118" s="40" t="s">
        <v>121</v>
      </c>
      <c r="B118" s="21">
        <v>-401</v>
      </c>
      <c r="C118" s="22">
        <v>-233</v>
      </c>
      <c r="D118" s="22">
        <v>-168</v>
      </c>
      <c r="E118" s="21">
        <v>427</v>
      </c>
      <c r="F118" s="22">
        <v>240</v>
      </c>
      <c r="G118" s="23">
        <v>187</v>
      </c>
      <c r="H118" s="22">
        <v>173</v>
      </c>
      <c r="I118" s="22">
        <v>54</v>
      </c>
      <c r="J118" s="22">
        <v>119</v>
      </c>
      <c r="K118" s="21">
        <v>147</v>
      </c>
      <c r="L118" s="53">
        <v>47</v>
      </c>
      <c r="M118" s="54">
        <v>100</v>
      </c>
    </row>
    <row r="119" spans="1:13" ht="19.5" customHeight="1">
      <c r="A119" s="34" t="s">
        <v>122</v>
      </c>
      <c r="B119" s="17">
        <v>-1984</v>
      </c>
      <c r="C119" s="18">
        <v>-969</v>
      </c>
      <c r="D119" s="18">
        <v>-1015</v>
      </c>
      <c r="E119" s="17">
        <v>2108</v>
      </c>
      <c r="F119" s="18">
        <v>995</v>
      </c>
      <c r="G119" s="19">
        <v>1113</v>
      </c>
      <c r="H119" s="18">
        <v>644</v>
      </c>
      <c r="I119" s="18">
        <v>183</v>
      </c>
      <c r="J119" s="18">
        <v>461</v>
      </c>
      <c r="K119" s="17">
        <v>520</v>
      </c>
      <c r="L119" s="51">
        <v>157</v>
      </c>
      <c r="M119" s="52">
        <v>363</v>
      </c>
    </row>
    <row r="120" spans="1:13">
      <c r="A120" s="40" t="s">
        <v>123</v>
      </c>
      <c r="B120" s="21">
        <v>-361</v>
      </c>
      <c r="C120" s="22">
        <v>-191</v>
      </c>
      <c r="D120" s="22">
        <v>-170</v>
      </c>
      <c r="E120" s="21">
        <v>373</v>
      </c>
      <c r="F120" s="22">
        <v>199</v>
      </c>
      <c r="G120" s="23">
        <v>174</v>
      </c>
      <c r="H120" s="22">
        <v>112</v>
      </c>
      <c r="I120" s="22">
        <v>39</v>
      </c>
      <c r="J120" s="22">
        <v>73</v>
      </c>
      <c r="K120" s="21">
        <v>100</v>
      </c>
      <c r="L120" s="53">
        <v>31</v>
      </c>
      <c r="M120" s="54">
        <v>69</v>
      </c>
    </row>
    <row r="121" spans="1:13">
      <c r="A121" s="40" t="s">
        <v>124</v>
      </c>
      <c r="B121" s="21">
        <v>-394</v>
      </c>
      <c r="C121" s="22">
        <v>-184</v>
      </c>
      <c r="D121" s="22">
        <v>-210</v>
      </c>
      <c r="E121" s="21">
        <v>412</v>
      </c>
      <c r="F121" s="22">
        <v>195</v>
      </c>
      <c r="G121" s="23">
        <v>217</v>
      </c>
      <c r="H121" s="22">
        <v>139</v>
      </c>
      <c r="I121" s="22">
        <v>44</v>
      </c>
      <c r="J121" s="22">
        <v>95</v>
      </c>
      <c r="K121" s="21">
        <v>121</v>
      </c>
      <c r="L121" s="53">
        <v>33</v>
      </c>
      <c r="M121" s="54">
        <v>88</v>
      </c>
    </row>
    <row r="122" spans="1:13">
      <c r="A122" s="40" t="s">
        <v>125</v>
      </c>
      <c r="B122" s="21">
        <v>-429</v>
      </c>
      <c r="C122" s="22">
        <v>-206</v>
      </c>
      <c r="D122" s="22">
        <v>-223</v>
      </c>
      <c r="E122" s="21">
        <v>458</v>
      </c>
      <c r="F122" s="22">
        <v>208</v>
      </c>
      <c r="G122" s="23">
        <v>250</v>
      </c>
      <c r="H122" s="22">
        <v>136</v>
      </c>
      <c r="I122" s="22">
        <v>35</v>
      </c>
      <c r="J122" s="22">
        <v>101</v>
      </c>
      <c r="K122" s="21">
        <v>107</v>
      </c>
      <c r="L122" s="53">
        <v>33</v>
      </c>
      <c r="M122" s="54">
        <v>74</v>
      </c>
    </row>
    <row r="123" spans="1:13">
      <c r="A123" s="40" t="s">
        <v>126</v>
      </c>
      <c r="B123" s="21">
        <v>-407</v>
      </c>
      <c r="C123" s="22">
        <v>-201</v>
      </c>
      <c r="D123" s="22">
        <v>-206</v>
      </c>
      <c r="E123" s="21">
        <v>425</v>
      </c>
      <c r="F123" s="22">
        <v>197</v>
      </c>
      <c r="G123" s="23">
        <v>228</v>
      </c>
      <c r="H123" s="22">
        <v>128</v>
      </c>
      <c r="I123" s="22">
        <v>32</v>
      </c>
      <c r="J123" s="22">
        <v>96</v>
      </c>
      <c r="K123" s="21">
        <v>110</v>
      </c>
      <c r="L123" s="53">
        <v>36</v>
      </c>
      <c r="M123" s="54">
        <v>74</v>
      </c>
    </row>
    <row r="124" spans="1:13">
      <c r="A124" s="40" t="s">
        <v>127</v>
      </c>
      <c r="B124" s="21">
        <v>-393</v>
      </c>
      <c r="C124" s="22">
        <v>-187</v>
      </c>
      <c r="D124" s="22">
        <v>-206</v>
      </c>
      <c r="E124" s="21">
        <v>440</v>
      </c>
      <c r="F124" s="22">
        <v>196</v>
      </c>
      <c r="G124" s="23">
        <v>244</v>
      </c>
      <c r="H124" s="22">
        <v>129</v>
      </c>
      <c r="I124" s="22">
        <v>33</v>
      </c>
      <c r="J124" s="22">
        <v>96</v>
      </c>
      <c r="K124" s="21">
        <v>82</v>
      </c>
      <c r="L124" s="53">
        <v>24</v>
      </c>
      <c r="M124" s="54">
        <v>58</v>
      </c>
    </row>
    <row r="125" spans="1:13" ht="19.5" customHeight="1">
      <c r="A125" s="34" t="s">
        <v>128</v>
      </c>
      <c r="B125" s="17">
        <v>-1743</v>
      </c>
      <c r="C125" s="18">
        <v>-683</v>
      </c>
      <c r="D125" s="18">
        <v>-1060</v>
      </c>
      <c r="E125" s="17">
        <v>1878</v>
      </c>
      <c r="F125" s="18">
        <v>708</v>
      </c>
      <c r="G125" s="19">
        <v>1170</v>
      </c>
      <c r="H125" s="18">
        <v>385</v>
      </c>
      <c r="I125" s="18">
        <v>98</v>
      </c>
      <c r="J125" s="18">
        <v>287</v>
      </c>
      <c r="K125" s="17">
        <v>250</v>
      </c>
      <c r="L125" s="51">
        <v>73</v>
      </c>
      <c r="M125" s="52">
        <v>177</v>
      </c>
    </row>
    <row r="126" spans="1:13">
      <c r="A126" s="40" t="s">
        <v>129</v>
      </c>
      <c r="B126" s="21">
        <v>-374</v>
      </c>
      <c r="C126" s="22">
        <v>-178</v>
      </c>
      <c r="D126" s="22">
        <v>-196</v>
      </c>
      <c r="E126" s="21">
        <v>398</v>
      </c>
      <c r="F126" s="22">
        <v>180</v>
      </c>
      <c r="G126" s="23">
        <v>218</v>
      </c>
      <c r="H126" s="22">
        <v>88</v>
      </c>
      <c r="I126" s="22">
        <v>17</v>
      </c>
      <c r="J126" s="22">
        <v>71</v>
      </c>
      <c r="K126" s="21">
        <v>64</v>
      </c>
      <c r="L126" s="53">
        <v>15</v>
      </c>
      <c r="M126" s="54">
        <v>49</v>
      </c>
    </row>
    <row r="127" spans="1:13">
      <c r="A127" s="40" t="s">
        <v>130</v>
      </c>
      <c r="B127" s="21">
        <v>-374</v>
      </c>
      <c r="C127" s="22">
        <v>-135</v>
      </c>
      <c r="D127" s="22">
        <v>-239</v>
      </c>
      <c r="E127" s="21">
        <v>420</v>
      </c>
      <c r="F127" s="22">
        <v>147</v>
      </c>
      <c r="G127" s="23">
        <v>273</v>
      </c>
      <c r="H127" s="22">
        <v>102</v>
      </c>
      <c r="I127" s="22">
        <v>32</v>
      </c>
      <c r="J127" s="22">
        <v>70</v>
      </c>
      <c r="K127" s="21">
        <v>56</v>
      </c>
      <c r="L127" s="53">
        <v>20</v>
      </c>
      <c r="M127" s="54">
        <v>36</v>
      </c>
    </row>
    <row r="128" spans="1:13">
      <c r="A128" s="40" t="s">
        <v>131</v>
      </c>
      <c r="B128" s="21">
        <v>-364</v>
      </c>
      <c r="C128" s="22">
        <v>-145</v>
      </c>
      <c r="D128" s="22">
        <v>-219</v>
      </c>
      <c r="E128" s="21">
        <v>388</v>
      </c>
      <c r="F128" s="22">
        <v>151</v>
      </c>
      <c r="G128" s="23">
        <v>237</v>
      </c>
      <c r="H128" s="22">
        <v>70</v>
      </c>
      <c r="I128" s="22">
        <v>20</v>
      </c>
      <c r="J128" s="22">
        <v>50</v>
      </c>
      <c r="K128" s="21">
        <v>46</v>
      </c>
      <c r="L128" s="53">
        <v>14</v>
      </c>
      <c r="M128" s="54">
        <v>32</v>
      </c>
    </row>
    <row r="129" spans="1:13">
      <c r="A129" s="40" t="s">
        <v>132</v>
      </c>
      <c r="B129" s="21">
        <v>-345</v>
      </c>
      <c r="C129" s="22">
        <v>-127</v>
      </c>
      <c r="D129" s="22">
        <v>-218</v>
      </c>
      <c r="E129" s="21">
        <v>358</v>
      </c>
      <c r="F129" s="22">
        <v>131</v>
      </c>
      <c r="G129" s="23">
        <v>227</v>
      </c>
      <c r="H129" s="22">
        <v>64</v>
      </c>
      <c r="I129" s="22">
        <v>19</v>
      </c>
      <c r="J129" s="22">
        <v>45</v>
      </c>
      <c r="K129" s="21">
        <v>51</v>
      </c>
      <c r="L129" s="53">
        <v>15</v>
      </c>
      <c r="M129" s="54">
        <v>36</v>
      </c>
    </row>
    <row r="130" spans="1:13">
      <c r="A130" s="40" t="s">
        <v>133</v>
      </c>
      <c r="B130" s="21">
        <v>-286</v>
      </c>
      <c r="C130" s="22">
        <v>-98</v>
      </c>
      <c r="D130" s="22">
        <v>-188</v>
      </c>
      <c r="E130" s="21">
        <v>314</v>
      </c>
      <c r="F130" s="22">
        <v>99</v>
      </c>
      <c r="G130" s="23">
        <v>215</v>
      </c>
      <c r="H130" s="22">
        <v>61</v>
      </c>
      <c r="I130" s="22">
        <v>10</v>
      </c>
      <c r="J130" s="22">
        <v>51</v>
      </c>
      <c r="K130" s="21">
        <v>33</v>
      </c>
      <c r="L130" s="53">
        <v>9</v>
      </c>
      <c r="M130" s="54">
        <v>24</v>
      </c>
    </row>
    <row r="131" spans="1:13" ht="19.5" customHeight="1">
      <c r="A131" s="34" t="s">
        <v>134</v>
      </c>
      <c r="B131" s="17">
        <v>-933</v>
      </c>
      <c r="C131" s="18">
        <v>-246</v>
      </c>
      <c r="D131" s="18">
        <v>-687</v>
      </c>
      <c r="E131" s="17">
        <v>962</v>
      </c>
      <c r="F131" s="18">
        <v>254</v>
      </c>
      <c r="G131" s="19">
        <v>708</v>
      </c>
      <c r="H131" s="18">
        <v>108</v>
      </c>
      <c r="I131" s="18">
        <v>24</v>
      </c>
      <c r="J131" s="18">
        <v>84</v>
      </c>
      <c r="K131" s="17">
        <v>79</v>
      </c>
      <c r="L131" s="51">
        <v>16</v>
      </c>
      <c r="M131" s="52">
        <v>63</v>
      </c>
    </row>
    <row r="132" spans="1:13">
      <c r="A132" s="40" t="s">
        <v>135</v>
      </c>
      <c r="B132" s="21">
        <v>-268</v>
      </c>
      <c r="C132" s="22">
        <v>-80</v>
      </c>
      <c r="D132" s="22">
        <v>-188</v>
      </c>
      <c r="E132" s="21">
        <v>268</v>
      </c>
      <c r="F132" s="22">
        <v>81</v>
      </c>
      <c r="G132" s="23">
        <v>187</v>
      </c>
      <c r="H132" s="22">
        <v>30</v>
      </c>
      <c r="I132" s="22">
        <v>8</v>
      </c>
      <c r="J132" s="22">
        <v>22</v>
      </c>
      <c r="K132" s="21">
        <v>30</v>
      </c>
      <c r="L132" s="53">
        <v>7</v>
      </c>
      <c r="M132" s="54">
        <v>23</v>
      </c>
    </row>
    <row r="133" spans="1:13">
      <c r="A133" s="40" t="s">
        <v>136</v>
      </c>
      <c r="B133" s="21">
        <v>-210</v>
      </c>
      <c r="C133" s="22">
        <v>-66</v>
      </c>
      <c r="D133" s="22">
        <v>-144</v>
      </c>
      <c r="E133" s="21">
        <v>223</v>
      </c>
      <c r="F133" s="22">
        <v>66</v>
      </c>
      <c r="G133" s="23">
        <v>157</v>
      </c>
      <c r="H133" s="22">
        <v>31</v>
      </c>
      <c r="I133" s="22">
        <v>3</v>
      </c>
      <c r="J133" s="22">
        <v>28</v>
      </c>
      <c r="K133" s="21">
        <v>18</v>
      </c>
      <c r="L133" s="53">
        <v>3</v>
      </c>
      <c r="M133" s="54">
        <v>15</v>
      </c>
    </row>
    <row r="134" spans="1:13">
      <c r="A134" s="40" t="s">
        <v>137</v>
      </c>
      <c r="B134" s="21">
        <v>-181</v>
      </c>
      <c r="C134" s="22">
        <v>-42</v>
      </c>
      <c r="D134" s="22">
        <v>-139</v>
      </c>
      <c r="E134" s="21">
        <v>191</v>
      </c>
      <c r="F134" s="22">
        <v>42</v>
      </c>
      <c r="G134" s="23">
        <v>149</v>
      </c>
      <c r="H134" s="22">
        <v>25</v>
      </c>
      <c r="I134" s="22">
        <v>4</v>
      </c>
      <c r="J134" s="22">
        <v>21</v>
      </c>
      <c r="K134" s="21">
        <v>15</v>
      </c>
      <c r="L134" s="53">
        <v>4</v>
      </c>
      <c r="M134" s="54">
        <v>11</v>
      </c>
    </row>
    <row r="135" spans="1:13">
      <c r="A135" s="40" t="s">
        <v>138</v>
      </c>
      <c r="B135" s="21">
        <v>-154</v>
      </c>
      <c r="C135" s="22">
        <v>-38</v>
      </c>
      <c r="D135" s="22">
        <v>-116</v>
      </c>
      <c r="E135" s="21">
        <v>158</v>
      </c>
      <c r="F135" s="22">
        <v>44</v>
      </c>
      <c r="G135" s="23">
        <v>114</v>
      </c>
      <c r="H135" s="22">
        <v>17</v>
      </c>
      <c r="I135" s="22">
        <v>7</v>
      </c>
      <c r="J135" s="22">
        <v>10</v>
      </c>
      <c r="K135" s="21">
        <v>13</v>
      </c>
      <c r="L135" s="53">
        <v>1</v>
      </c>
      <c r="M135" s="54">
        <v>12</v>
      </c>
    </row>
    <row r="136" spans="1:13">
      <c r="A136" s="40" t="s">
        <v>139</v>
      </c>
      <c r="B136" s="21">
        <v>-120</v>
      </c>
      <c r="C136" s="22">
        <v>-20</v>
      </c>
      <c r="D136" s="22">
        <v>-100</v>
      </c>
      <c r="E136" s="21">
        <v>122</v>
      </c>
      <c r="F136" s="22">
        <v>21</v>
      </c>
      <c r="G136" s="23">
        <v>101</v>
      </c>
      <c r="H136" s="22">
        <v>5</v>
      </c>
      <c r="I136" s="22">
        <v>2</v>
      </c>
      <c r="J136" s="22">
        <v>3</v>
      </c>
      <c r="K136" s="21">
        <v>3</v>
      </c>
      <c r="L136" s="53">
        <v>1</v>
      </c>
      <c r="M136" s="54">
        <v>2</v>
      </c>
    </row>
    <row r="137" spans="1:13" ht="19.5" customHeight="1">
      <c r="A137" s="41" t="s">
        <v>140</v>
      </c>
      <c r="B137" s="42">
        <v>-275</v>
      </c>
      <c r="C137" s="43">
        <v>-40</v>
      </c>
      <c r="D137" s="43">
        <v>-235</v>
      </c>
      <c r="E137" s="42">
        <v>278</v>
      </c>
      <c r="F137" s="43">
        <v>42</v>
      </c>
      <c r="G137" s="44">
        <v>236</v>
      </c>
      <c r="H137" s="43">
        <v>12</v>
      </c>
      <c r="I137" s="43">
        <v>2</v>
      </c>
      <c r="J137" s="43">
        <v>10</v>
      </c>
      <c r="K137" s="42">
        <v>9</v>
      </c>
      <c r="L137" s="67">
        <v>0</v>
      </c>
      <c r="M137" s="68">
        <v>9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6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371</v>
      </c>
      <c r="C5" s="14">
        <v>831</v>
      </c>
      <c r="D5" s="14">
        <v>540</v>
      </c>
      <c r="E5" s="13">
        <v>2392</v>
      </c>
      <c r="F5" s="14">
        <v>1380</v>
      </c>
      <c r="G5" s="15">
        <v>1012</v>
      </c>
      <c r="H5" s="14">
        <v>17152</v>
      </c>
      <c r="I5" s="14">
        <v>10282</v>
      </c>
      <c r="J5" s="14">
        <v>6870</v>
      </c>
      <c r="K5" s="13">
        <v>15119</v>
      </c>
      <c r="L5" s="49">
        <v>9014</v>
      </c>
      <c r="M5" s="50">
        <v>6105</v>
      </c>
    </row>
    <row r="6" spans="1:13" ht="19.5" customHeight="1">
      <c r="A6" s="16" t="s">
        <v>13</v>
      </c>
      <c r="B6" s="17">
        <v>1594</v>
      </c>
      <c r="C6" s="18">
        <v>844</v>
      </c>
      <c r="D6" s="18">
        <v>750</v>
      </c>
      <c r="E6" s="17">
        <v>3</v>
      </c>
      <c r="F6" s="18">
        <v>2</v>
      </c>
      <c r="G6" s="19">
        <v>1</v>
      </c>
      <c r="H6" s="18">
        <v>557</v>
      </c>
      <c r="I6" s="18">
        <v>281</v>
      </c>
      <c r="J6" s="18">
        <v>276</v>
      </c>
      <c r="K6" s="17">
        <v>690</v>
      </c>
      <c r="L6" s="51">
        <v>378</v>
      </c>
      <c r="M6" s="52">
        <v>312</v>
      </c>
    </row>
    <row r="7" spans="1:13">
      <c r="A7" s="20" t="s">
        <v>14</v>
      </c>
      <c r="B7" s="21">
        <v>1702</v>
      </c>
      <c r="C7" s="22">
        <v>928</v>
      </c>
      <c r="D7" s="22">
        <v>774</v>
      </c>
      <c r="E7" s="21">
        <v>3</v>
      </c>
      <c r="F7" s="22">
        <v>2</v>
      </c>
      <c r="G7" s="23">
        <v>1</v>
      </c>
      <c r="H7" s="22">
        <v>95</v>
      </c>
      <c r="I7" s="22">
        <v>55</v>
      </c>
      <c r="J7" s="22">
        <v>40</v>
      </c>
      <c r="K7" s="21">
        <v>120</v>
      </c>
      <c r="L7" s="53">
        <v>68</v>
      </c>
      <c r="M7" s="54">
        <v>52</v>
      </c>
    </row>
    <row r="8" spans="1:13">
      <c r="A8" s="20" t="s">
        <v>15</v>
      </c>
      <c r="B8" s="21">
        <v>-15</v>
      </c>
      <c r="C8" s="22">
        <v>3</v>
      </c>
      <c r="D8" s="22">
        <v>-18</v>
      </c>
      <c r="E8" s="21">
        <v>0</v>
      </c>
      <c r="F8" s="22">
        <v>0</v>
      </c>
      <c r="G8" s="23">
        <v>0</v>
      </c>
      <c r="H8" s="22">
        <v>168</v>
      </c>
      <c r="I8" s="22">
        <v>92</v>
      </c>
      <c r="J8" s="22">
        <v>76</v>
      </c>
      <c r="K8" s="21">
        <v>183</v>
      </c>
      <c r="L8" s="53">
        <v>89</v>
      </c>
      <c r="M8" s="54">
        <v>94</v>
      </c>
    </row>
    <row r="9" spans="1:13">
      <c r="A9" s="20" t="s">
        <v>16</v>
      </c>
      <c r="B9" s="21">
        <v>-16</v>
      </c>
      <c r="C9" s="22">
        <v>-18</v>
      </c>
      <c r="D9" s="22">
        <v>2</v>
      </c>
      <c r="E9" s="21">
        <v>0</v>
      </c>
      <c r="F9" s="22">
        <v>0</v>
      </c>
      <c r="G9" s="23">
        <v>0</v>
      </c>
      <c r="H9" s="22">
        <v>119</v>
      </c>
      <c r="I9" s="22">
        <v>57</v>
      </c>
      <c r="J9" s="22">
        <v>62</v>
      </c>
      <c r="K9" s="21">
        <v>135</v>
      </c>
      <c r="L9" s="53">
        <v>75</v>
      </c>
      <c r="M9" s="54">
        <v>60</v>
      </c>
    </row>
    <row r="10" spans="1:13">
      <c r="A10" s="20" t="s">
        <v>17</v>
      </c>
      <c r="B10" s="21">
        <v>-40</v>
      </c>
      <c r="C10" s="22">
        <v>-30</v>
      </c>
      <c r="D10" s="22">
        <v>-10</v>
      </c>
      <c r="E10" s="21">
        <v>0</v>
      </c>
      <c r="F10" s="22">
        <v>0</v>
      </c>
      <c r="G10" s="23">
        <v>0</v>
      </c>
      <c r="H10" s="22">
        <v>97</v>
      </c>
      <c r="I10" s="22">
        <v>46</v>
      </c>
      <c r="J10" s="22">
        <v>51</v>
      </c>
      <c r="K10" s="21">
        <v>137</v>
      </c>
      <c r="L10" s="53">
        <v>76</v>
      </c>
      <c r="M10" s="54">
        <v>61</v>
      </c>
    </row>
    <row r="11" spans="1:13">
      <c r="A11" s="20" t="s">
        <v>18</v>
      </c>
      <c r="B11" s="21">
        <v>-37</v>
      </c>
      <c r="C11" s="22">
        <v>-39</v>
      </c>
      <c r="D11" s="22">
        <v>2</v>
      </c>
      <c r="E11" s="21">
        <v>0</v>
      </c>
      <c r="F11" s="22">
        <v>0</v>
      </c>
      <c r="G11" s="23">
        <v>0</v>
      </c>
      <c r="H11" s="22">
        <v>78</v>
      </c>
      <c r="I11" s="22">
        <v>31</v>
      </c>
      <c r="J11" s="22">
        <v>47</v>
      </c>
      <c r="K11" s="21">
        <v>115</v>
      </c>
      <c r="L11" s="53">
        <v>70</v>
      </c>
      <c r="M11" s="54">
        <v>45</v>
      </c>
    </row>
    <row r="12" spans="1:13" ht="20.100000000000001" customHeight="1">
      <c r="A12" s="16" t="s">
        <v>19</v>
      </c>
      <c r="B12" s="17">
        <v>-92</v>
      </c>
      <c r="C12" s="18">
        <v>-39</v>
      </c>
      <c r="D12" s="18">
        <v>-53</v>
      </c>
      <c r="E12" s="17">
        <v>0</v>
      </c>
      <c r="F12" s="18">
        <v>0</v>
      </c>
      <c r="G12" s="19">
        <v>0</v>
      </c>
      <c r="H12" s="18">
        <v>248</v>
      </c>
      <c r="I12" s="18">
        <v>131</v>
      </c>
      <c r="J12" s="18">
        <v>117</v>
      </c>
      <c r="K12" s="17">
        <v>340</v>
      </c>
      <c r="L12" s="51">
        <v>170</v>
      </c>
      <c r="M12" s="52">
        <v>170</v>
      </c>
    </row>
    <row r="13" spans="1:13">
      <c r="A13" s="20" t="s">
        <v>20</v>
      </c>
      <c r="B13" s="21">
        <v>-19</v>
      </c>
      <c r="C13" s="22">
        <v>-10</v>
      </c>
      <c r="D13" s="22">
        <v>-9</v>
      </c>
      <c r="E13" s="21">
        <v>0</v>
      </c>
      <c r="F13" s="22">
        <v>0</v>
      </c>
      <c r="G13" s="23">
        <v>0</v>
      </c>
      <c r="H13" s="22">
        <v>57</v>
      </c>
      <c r="I13" s="22">
        <v>30</v>
      </c>
      <c r="J13" s="22">
        <v>27</v>
      </c>
      <c r="K13" s="21">
        <v>76</v>
      </c>
      <c r="L13" s="53">
        <v>40</v>
      </c>
      <c r="M13" s="54">
        <v>36</v>
      </c>
    </row>
    <row r="14" spans="1:13">
      <c r="A14" s="20" t="s">
        <v>21</v>
      </c>
      <c r="B14" s="21">
        <v>-29</v>
      </c>
      <c r="C14" s="22">
        <v>-12</v>
      </c>
      <c r="D14" s="22">
        <v>-17</v>
      </c>
      <c r="E14" s="21">
        <v>0</v>
      </c>
      <c r="F14" s="22">
        <v>0</v>
      </c>
      <c r="G14" s="23">
        <v>0</v>
      </c>
      <c r="H14" s="22">
        <v>60</v>
      </c>
      <c r="I14" s="22">
        <v>27</v>
      </c>
      <c r="J14" s="22">
        <v>33</v>
      </c>
      <c r="K14" s="21">
        <v>89</v>
      </c>
      <c r="L14" s="53">
        <v>39</v>
      </c>
      <c r="M14" s="54">
        <v>50</v>
      </c>
    </row>
    <row r="15" spans="1:13">
      <c r="A15" s="20" t="s">
        <v>22</v>
      </c>
      <c r="B15" s="21">
        <v>-23</v>
      </c>
      <c r="C15" s="22">
        <v>-9</v>
      </c>
      <c r="D15" s="22">
        <v>-14</v>
      </c>
      <c r="E15" s="21">
        <v>0</v>
      </c>
      <c r="F15" s="22">
        <v>0</v>
      </c>
      <c r="G15" s="23">
        <v>0</v>
      </c>
      <c r="H15" s="22">
        <v>54</v>
      </c>
      <c r="I15" s="22">
        <v>26</v>
      </c>
      <c r="J15" s="22">
        <v>28</v>
      </c>
      <c r="K15" s="21">
        <v>77</v>
      </c>
      <c r="L15" s="53">
        <v>35</v>
      </c>
      <c r="M15" s="54">
        <v>42</v>
      </c>
    </row>
    <row r="16" spans="1:13">
      <c r="A16" s="20" t="s">
        <v>23</v>
      </c>
      <c r="B16" s="21">
        <v>-16</v>
      </c>
      <c r="C16" s="22">
        <v>-5</v>
      </c>
      <c r="D16" s="22">
        <v>-11</v>
      </c>
      <c r="E16" s="21">
        <v>0</v>
      </c>
      <c r="F16" s="22">
        <v>0</v>
      </c>
      <c r="G16" s="23">
        <v>0</v>
      </c>
      <c r="H16" s="22">
        <v>41</v>
      </c>
      <c r="I16" s="22">
        <v>23</v>
      </c>
      <c r="J16" s="22">
        <v>18</v>
      </c>
      <c r="K16" s="21">
        <v>57</v>
      </c>
      <c r="L16" s="53">
        <v>28</v>
      </c>
      <c r="M16" s="54">
        <v>29</v>
      </c>
    </row>
    <row r="17" spans="1:13">
      <c r="A17" s="20" t="s">
        <v>24</v>
      </c>
      <c r="B17" s="21">
        <v>-5</v>
      </c>
      <c r="C17" s="22">
        <v>-3</v>
      </c>
      <c r="D17" s="22">
        <v>-2</v>
      </c>
      <c r="E17" s="21">
        <v>0</v>
      </c>
      <c r="F17" s="22">
        <v>0</v>
      </c>
      <c r="G17" s="23">
        <v>0</v>
      </c>
      <c r="H17" s="22">
        <v>36</v>
      </c>
      <c r="I17" s="22">
        <v>25</v>
      </c>
      <c r="J17" s="22">
        <v>11</v>
      </c>
      <c r="K17" s="21">
        <v>41</v>
      </c>
      <c r="L17" s="53">
        <v>28</v>
      </c>
      <c r="M17" s="54">
        <v>13</v>
      </c>
    </row>
    <row r="18" spans="1:13" ht="20.100000000000001" customHeight="1">
      <c r="A18" s="16" t="s">
        <v>25</v>
      </c>
      <c r="B18" s="17">
        <v>-42</v>
      </c>
      <c r="C18" s="18">
        <v>-11</v>
      </c>
      <c r="D18" s="18">
        <v>-31</v>
      </c>
      <c r="E18" s="17">
        <v>0</v>
      </c>
      <c r="F18" s="18">
        <v>0</v>
      </c>
      <c r="G18" s="19">
        <v>0</v>
      </c>
      <c r="H18" s="18">
        <v>144</v>
      </c>
      <c r="I18" s="18">
        <v>80</v>
      </c>
      <c r="J18" s="18">
        <v>64</v>
      </c>
      <c r="K18" s="17">
        <v>186</v>
      </c>
      <c r="L18" s="51">
        <v>91</v>
      </c>
      <c r="M18" s="52">
        <v>95</v>
      </c>
    </row>
    <row r="19" spans="1:13">
      <c r="A19" s="20" t="s">
        <v>26</v>
      </c>
      <c r="B19" s="21">
        <v>-19</v>
      </c>
      <c r="C19" s="22">
        <v>-14</v>
      </c>
      <c r="D19" s="22">
        <v>-5</v>
      </c>
      <c r="E19" s="21">
        <v>0</v>
      </c>
      <c r="F19" s="22">
        <v>0</v>
      </c>
      <c r="G19" s="23">
        <v>0</v>
      </c>
      <c r="H19" s="22">
        <v>37</v>
      </c>
      <c r="I19" s="22">
        <v>19</v>
      </c>
      <c r="J19" s="22">
        <v>18</v>
      </c>
      <c r="K19" s="21">
        <v>56</v>
      </c>
      <c r="L19" s="53">
        <v>33</v>
      </c>
      <c r="M19" s="54">
        <v>23</v>
      </c>
    </row>
    <row r="20" spans="1:13">
      <c r="A20" s="20" t="s">
        <v>27</v>
      </c>
      <c r="B20" s="21">
        <v>-10</v>
      </c>
      <c r="C20" s="22">
        <v>2</v>
      </c>
      <c r="D20" s="22">
        <v>-12</v>
      </c>
      <c r="E20" s="21">
        <v>0</v>
      </c>
      <c r="F20" s="22">
        <v>0</v>
      </c>
      <c r="G20" s="23">
        <v>0</v>
      </c>
      <c r="H20" s="22">
        <v>27</v>
      </c>
      <c r="I20" s="22">
        <v>16</v>
      </c>
      <c r="J20" s="22">
        <v>11</v>
      </c>
      <c r="K20" s="21">
        <v>37</v>
      </c>
      <c r="L20" s="53">
        <v>14</v>
      </c>
      <c r="M20" s="54">
        <v>23</v>
      </c>
    </row>
    <row r="21" spans="1:13">
      <c r="A21" s="20" t="s">
        <v>28</v>
      </c>
      <c r="B21" s="21">
        <v>-4</v>
      </c>
      <c r="C21" s="22">
        <v>-1</v>
      </c>
      <c r="D21" s="22">
        <v>-3</v>
      </c>
      <c r="E21" s="21">
        <v>0</v>
      </c>
      <c r="F21" s="22">
        <v>0</v>
      </c>
      <c r="G21" s="23">
        <v>0</v>
      </c>
      <c r="H21" s="22">
        <v>33</v>
      </c>
      <c r="I21" s="22">
        <v>17</v>
      </c>
      <c r="J21" s="22">
        <v>16</v>
      </c>
      <c r="K21" s="21">
        <v>37</v>
      </c>
      <c r="L21" s="53">
        <v>18</v>
      </c>
      <c r="M21" s="54">
        <v>19</v>
      </c>
    </row>
    <row r="22" spans="1:13">
      <c r="A22" s="20" t="s">
        <v>29</v>
      </c>
      <c r="B22" s="21">
        <v>-4</v>
      </c>
      <c r="C22" s="22">
        <v>3</v>
      </c>
      <c r="D22" s="22">
        <v>-7</v>
      </c>
      <c r="E22" s="21">
        <v>0</v>
      </c>
      <c r="F22" s="22">
        <v>0</v>
      </c>
      <c r="G22" s="23">
        <v>0</v>
      </c>
      <c r="H22" s="22">
        <v>31</v>
      </c>
      <c r="I22" s="22">
        <v>19</v>
      </c>
      <c r="J22" s="22">
        <v>12</v>
      </c>
      <c r="K22" s="21">
        <v>35</v>
      </c>
      <c r="L22" s="53">
        <v>16</v>
      </c>
      <c r="M22" s="54">
        <v>19</v>
      </c>
    </row>
    <row r="23" spans="1:13">
      <c r="A23" s="20" t="s">
        <v>30</v>
      </c>
      <c r="B23" s="21">
        <v>-5</v>
      </c>
      <c r="C23" s="22">
        <v>-1</v>
      </c>
      <c r="D23" s="22">
        <v>-4</v>
      </c>
      <c r="E23" s="21">
        <v>0</v>
      </c>
      <c r="F23" s="22">
        <v>0</v>
      </c>
      <c r="G23" s="23">
        <v>0</v>
      </c>
      <c r="H23" s="22">
        <v>16</v>
      </c>
      <c r="I23" s="22">
        <v>9</v>
      </c>
      <c r="J23" s="22">
        <v>7</v>
      </c>
      <c r="K23" s="21">
        <v>21</v>
      </c>
      <c r="L23" s="53">
        <v>10</v>
      </c>
      <c r="M23" s="54">
        <v>11</v>
      </c>
    </row>
    <row r="24" spans="1:13" ht="20.100000000000001" customHeight="1">
      <c r="A24" s="16" t="s">
        <v>31</v>
      </c>
      <c r="B24" s="17">
        <v>440</v>
      </c>
      <c r="C24" s="18">
        <v>275</v>
      </c>
      <c r="D24" s="18">
        <v>165</v>
      </c>
      <c r="E24" s="17">
        <v>2</v>
      </c>
      <c r="F24" s="18">
        <v>2</v>
      </c>
      <c r="G24" s="19">
        <v>0</v>
      </c>
      <c r="H24" s="18">
        <v>748</v>
      </c>
      <c r="I24" s="18">
        <v>469</v>
      </c>
      <c r="J24" s="18">
        <v>279</v>
      </c>
      <c r="K24" s="17">
        <v>306</v>
      </c>
      <c r="L24" s="51">
        <v>192</v>
      </c>
      <c r="M24" s="52">
        <v>114</v>
      </c>
    </row>
    <row r="25" spans="1:13">
      <c r="A25" s="20" t="s">
        <v>32</v>
      </c>
      <c r="B25" s="21">
        <v>-4</v>
      </c>
      <c r="C25" s="22">
        <v>-1</v>
      </c>
      <c r="D25" s="22">
        <v>-3</v>
      </c>
      <c r="E25" s="21">
        <v>1</v>
      </c>
      <c r="F25" s="22">
        <v>1</v>
      </c>
      <c r="G25" s="23">
        <v>0</v>
      </c>
      <c r="H25" s="22">
        <v>23</v>
      </c>
      <c r="I25" s="22">
        <v>13</v>
      </c>
      <c r="J25" s="22">
        <v>10</v>
      </c>
      <c r="K25" s="21">
        <v>26</v>
      </c>
      <c r="L25" s="53">
        <v>13</v>
      </c>
      <c r="M25" s="54">
        <v>13</v>
      </c>
    </row>
    <row r="26" spans="1:13">
      <c r="A26" s="20" t="s">
        <v>33</v>
      </c>
      <c r="B26" s="21">
        <v>5</v>
      </c>
      <c r="C26" s="22">
        <v>-1</v>
      </c>
      <c r="D26" s="22">
        <v>6</v>
      </c>
      <c r="E26" s="21">
        <v>1</v>
      </c>
      <c r="F26" s="22">
        <v>1</v>
      </c>
      <c r="G26" s="23">
        <v>0</v>
      </c>
      <c r="H26" s="22">
        <v>41</v>
      </c>
      <c r="I26" s="22">
        <v>20</v>
      </c>
      <c r="J26" s="22">
        <v>21</v>
      </c>
      <c r="K26" s="21">
        <v>35</v>
      </c>
      <c r="L26" s="53">
        <v>20</v>
      </c>
      <c r="M26" s="54">
        <v>15</v>
      </c>
    </row>
    <row r="27" spans="1:13">
      <c r="A27" s="20" t="s">
        <v>34</v>
      </c>
      <c r="B27" s="21">
        <v>1</v>
      </c>
      <c r="C27" s="22">
        <v>-3</v>
      </c>
      <c r="D27" s="22">
        <v>4</v>
      </c>
      <c r="E27" s="21">
        <v>0</v>
      </c>
      <c r="F27" s="22">
        <v>0</v>
      </c>
      <c r="G27" s="23">
        <v>0</v>
      </c>
      <c r="H27" s="22">
        <v>27</v>
      </c>
      <c r="I27" s="22">
        <v>11</v>
      </c>
      <c r="J27" s="22">
        <v>16</v>
      </c>
      <c r="K27" s="21">
        <v>26</v>
      </c>
      <c r="L27" s="53">
        <v>14</v>
      </c>
      <c r="M27" s="54">
        <v>12</v>
      </c>
    </row>
    <row r="28" spans="1:13">
      <c r="A28" s="20" t="s">
        <v>35</v>
      </c>
      <c r="B28" s="21">
        <v>103</v>
      </c>
      <c r="C28" s="22">
        <v>66</v>
      </c>
      <c r="D28" s="22">
        <v>37</v>
      </c>
      <c r="E28" s="21">
        <v>0</v>
      </c>
      <c r="F28" s="22">
        <v>0</v>
      </c>
      <c r="G28" s="23">
        <v>0</v>
      </c>
      <c r="H28" s="22">
        <v>168</v>
      </c>
      <c r="I28" s="22">
        <v>102</v>
      </c>
      <c r="J28" s="22">
        <v>66</v>
      </c>
      <c r="K28" s="21">
        <v>65</v>
      </c>
      <c r="L28" s="53">
        <v>36</v>
      </c>
      <c r="M28" s="54">
        <v>29</v>
      </c>
    </row>
    <row r="29" spans="1:13">
      <c r="A29" s="20" t="s">
        <v>36</v>
      </c>
      <c r="B29" s="21">
        <v>335</v>
      </c>
      <c r="C29" s="22">
        <v>214</v>
      </c>
      <c r="D29" s="22">
        <v>121</v>
      </c>
      <c r="E29" s="21">
        <v>0</v>
      </c>
      <c r="F29" s="22">
        <v>0</v>
      </c>
      <c r="G29" s="23">
        <v>0</v>
      </c>
      <c r="H29" s="22">
        <v>489</v>
      </c>
      <c r="I29" s="22">
        <v>323</v>
      </c>
      <c r="J29" s="22">
        <v>166</v>
      </c>
      <c r="K29" s="21">
        <v>154</v>
      </c>
      <c r="L29" s="53">
        <v>109</v>
      </c>
      <c r="M29" s="54">
        <v>45</v>
      </c>
    </row>
    <row r="30" spans="1:13" ht="20.100000000000001" customHeight="1">
      <c r="A30" s="16" t="s">
        <v>37</v>
      </c>
      <c r="B30" s="17">
        <v>1573</v>
      </c>
      <c r="C30" s="18">
        <v>877</v>
      </c>
      <c r="D30" s="18">
        <v>696</v>
      </c>
      <c r="E30" s="17">
        <v>4</v>
      </c>
      <c r="F30" s="18">
        <v>4</v>
      </c>
      <c r="G30" s="19">
        <v>0</v>
      </c>
      <c r="H30" s="18">
        <v>3636</v>
      </c>
      <c r="I30" s="18">
        <v>1961</v>
      </c>
      <c r="J30" s="18">
        <v>1675</v>
      </c>
      <c r="K30" s="17">
        <v>2059</v>
      </c>
      <c r="L30" s="51">
        <v>1080</v>
      </c>
      <c r="M30" s="52">
        <v>979</v>
      </c>
    </row>
    <row r="31" spans="1:13">
      <c r="A31" s="20" t="s">
        <v>38</v>
      </c>
      <c r="B31" s="21">
        <v>139</v>
      </c>
      <c r="C31" s="22">
        <v>89</v>
      </c>
      <c r="D31" s="22">
        <v>50</v>
      </c>
      <c r="E31" s="21">
        <v>2</v>
      </c>
      <c r="F31" s="22">
        <v>2</v>
      </c>
      <c r="G31" s="23">
        <v>0</v>
      </c>
      <c r="H31" s="22">
        <v>339</v>
      </c>
      <c r="I31" s="22">
        <v>189</v>
      </c>
      <c r="J31" s="22">
        <v>150</v>
      </c>
      <c r="K31" s="21">
        <v>198</v>
      </c>
      <c r="L31" s="53">
        <v>98</v>
      </c>
      <c r="M31" s="54">
        <v>100</v>
      </c>
    </row>
    <row r="32" spans="1:13">
      <c r="A32" s="20" t="s">
        <v>39</v>
      </c>
      <c r="B32" s="21">
        <v>215</v>
      </c>
      <c r="C32" s="22">
        <v>88</v>
      </c>
      <c r="D32" s="22">
        <v>127</v>
      </c>
      <c r="E32" s="21">
        <v>0</v>
      </c>
      <c r="F32" s="22">
        <v>0</v>
      </c>
      <c r="G32" s="23">
        <v>0</v>
      </c>
      <c r="H32" s="22">
        <v>513</v>
      </c>
      <c r="I32" s="22">
        <v>250</v>
      </c>
      <c r="J32" s="22">
        <v>263</v>
      </c>
      <c r="K32" s="21">
        <v>298</v>
      </c>
      <c r="L32" s="53">
        <v>162</v>
      </c>
      <c r="M32" s="54">
        <v>136</v>
      </c>
    </row>
    <row r="33" spans="1:13">
      <c r="A33" s="20" t="s">
        <v>40</v>
      </c>
      <c r="B33" s="21">
        <v>285</v>
      </c>
      <c r="C33" s="22">
        <v>155</v>
      </c>
      <c r="D33" s="22">
        <v>130</v>
      </c>
      <c r="E33" s="21">
        <v>2</v>
      </c>
      <c r="F33" s="22">
        <v>2</v>
      </c>
      <c r="G33" s="23">
        <v>0</v>
      </c>
      <c r="H33" s="22">
        <v>638</v>
      </c>
      <c r="I33" s="22">
        <v>337</v>
      </c>
      <c r="J33" s="22">
        <v>301</v>
      </c>
      <c r="K33" s="21">
        <v>351</v>
      </c>
      <c r="L33" s="53">
        <v>180</v>
      </c>
      <c r="M33" s="54">
        <v>171</v>
      </c>
    </row>
    <row r="34" spans="1:13">
      <c r="A34" s="20" t="s">
        <v>41</v>
      </c>
      <c r="B34" s="21">
        <v>645</v>
      </c>
      <c r="C34" s="22">
        <v>329</v>
      </c>
      <c r="D34" s="22">
        <v>316</v>
      </c>
      <c r="E34" s="21">
        <v>0</v>
      </c>
      <c r="F34" s="22">
        <v>0</v>
      </c>
      <c r="G34" s="23">
        <v>0</v>
      </c>
      <c r="H34" s="22">
        <v>1190</v>
      </c>
      <c r="I34" s="22">
        <v>614</v>
      </c>
      <c r="J34" s="22">
        <v>576</v>
      </c>
      <c r="K34" s="21">
        <v>545</v>
      </c>
      <c r="L34" s="53">
        <v>285</v>
      </c>
      <c r="M34" s="54">
        <v>260</v>
      </c>
    </row>
    <row r="35" spans="1:13">
      <c r="A35" s="20" t="s">
        <v>42</v>
      </c>
      <c r="B35" s="21">
        <v>289</v>
      </c>
      <c r="C35" s="22">
        <v>216</v>
      </c>
      <c r="D35" s="22">
        <v>73</v>
      </c>
      <c r="E35" s="21">
        <v>0</v>
      </c>
      <c r="F35" s="22">
        <v>0</v>
      </c>
      <c r="G35" s="23">
        <v>0</v>
      </c>
      <c r="H35" s="22">
        <v>956</v>
      </c>
      <c r="I35" s="22">
        <v>571</v>
      </c>
      <c r="J35" s="22">
        <v>385</v>
      </c>
      <c r="K35" s="21">
        <v>667</v>
      </c>
      <c r="L35" s="53">
        <v>355</v>
      </c>
      <c r="M35" s="54">
        <v>312</v>
      </c>
    </row>
    <row r="36" spans="1:13" ht="20.100000000000001" customHeight="1">
      <c r="A36" s="16" t="s">
        <v>43</v>
      </c>
      <c r="B36" s="17">
        <v>359</v>
      </c>
      <c r="C36" s="18">
        <v>277</v>
      </c>
      <c r="D36" s="18">
        <v>82</v>
      </c>
      <c r="E36" s="17">
        <v>6</v>
      </c>
      <c r="F36" s="18">
        <v>5</v>
      </c>
      <c r="G36" s="19">
        <v>1</v>
      </c>
      <c r="H36" s="18">
        <v>4054</v>
      </c>
      <c r="I36" s="18">
        <v>2400</v>
      </c>
      <c r="J36" s="18">
        <v>1654</v>
      </c>
      <c r="K36" s="17">
        <v>3689</v>
      </c>
      <c r="L36" s="51">
        <v>2118</v>
      </c>
      <c r="M36" s="52">
        <v>1571</v>
      </c>
    </row>
    <row r="37" spans="1:13">
      <c r="A37" s="20" t="s">
        <v>44</v>
      </c>
      <c r="B37" s="21">
        <v>146</v>
      </c>
      <c r="C37" s="22">
        <v>146</v>
      </c>
      <c r="D37" s="22">
        <v>0</v>
      </c>
      <c r="E37" s="21">
        <v>1</v>
      </c>
      <c r="F37" s="22">
        <v>1</v>
      </c>
      <c r="G37" s="23">
        <v>0</v>
      </c>
      <c r="H37" s="22">
        <v>939</v>
      </c>
      <c r="I37" s="22">
        <v>572</v>
      </c>
      <c r="J37" s="22">
        <v>367</v>
      </c>
      <c r="K37" s="21">
        <v>792</v>
      </c>
      <c r="L37" s="53">
        <v>425</v>
      </c>
      <c r="M37" s="54">
        <v>367</v>
      </c>
    </row>
    <row r="38" spans="1:13">
      <c r="A38" s="20" t="s">
        <v>45</v>
      </c>
      <c r="B38" s="21">
        <v>82</v>
      </c>
      <c r="C38" s="22">
        <v>76</v>
      </c>
      <c r="D38" s="22">
        <v>6</v>
      </c>
      <c r="E38" s="21">
        <v>1</v>
      </c>
      <c r="F38" s="22">
        <v>1</v>
      </c>
      <c r="G38" s="23">
        <v>0</v>
      </c>
      <c r="H38" s="22">
        <v>846</v>
      </c>
      <c r="I38" s="22">
        <v>507</v>
      </c>
      <c r="J38" s="22">
        <v>339</v>
      </c>
      <c r="K38" s="21">
        <v>763</v>
      </c>
      <c r="L38" s="53">
        <v>430</v>
      </c>
      <c r="M38" s="54">
        <v>333</v>
      </c>
    </row>
    <row r="39" spans="1:13">
      <c r="A39" s="20" t="s">
        <v>46</v>
      </c>
      <c r="B39" s="21">
        <v>65</v>
      </c>
      <c r="C39" s="22">
        <v>22</v>
      </c>
      <c r="D39" s="22">
        <v>43</v>
      </c>
      <c r="E39" s="21">
        <v>3</v>
      </c>
      <c r="F39" s="22">
        <v>3</v>
      </c>
      <c r="G39" s="23">
        <v>0</v>
      </c>
      <c r="H39" s="22">
        <v>826</v>
      </c>
      <c r="I39" s="22">
        <v>468</v>
      </c>
      <c r="J39" s="22">
        <v>358</v>
      </c>
      <c r="K39" s="21">
        <v>758</v>
      </c>
      <c r="L39" s="53">
        <v>443</v>
      </c>
      <c r="M39" s="54">
        <v>315</v>
      </c>
    </row>
    <row r="40" spans="1:13">
      <c r="A40" s="20" t="s">
        <v>47</v>
      </c>
      <c r="B40" s="21">
        <v>34</v>
      </c>
      <c r="C40" s="22">
        <v>-1</v>
      </c>
      <c r="D40" s="22">
        <v>35</v>
      </c>
      <c r="E40" s="21">
        <v>1</v>
      </c>
      <c r="F40" s="22">
        <v>0</v>
      </c>
      <c r="G40" s="23">
        <v>1</v>
      </c>
      <c r="H40" s="22">
        <v>718</v>
      </c>
      <c r="I40" s="22">
        <v>416</v>
      </c>
      <c r="J40" s="22">
        <v>302</v>
      </c>
      <c r="K40" s="21">
        <v>683</v>
      </c>
      <c r="L40" s="53">
        <v>417</v>
      </c>
      <c r="M40" s="54">
        <v>266</v>
      </c>
    </row>
    <row r="41" spans="1:13">
      <c r="A41" s="20" t="s">
        <v>48</v>
      </c>
      <c r="B41" s="21">
        <v>32</v>
      </c>
      <c r="C41" s="22">
        <v>34</v>
      </c>
      <c r="D41" s="22">
        <v>-2</v>
      </c>
      <c r="E41" s="21">
        <v>0</v>
      </c>
      <c r="F41" s="22">
        <v>0</v>
      </c>
      <c r="G41" s="23">
        <v>0</v>
      </c>
      <c r="H41" s="22">
        <v>725</v>
      </c>
      <c r="I41" s="22">
        <v>437</v>
      </c>
      <c r="J41" s="22">
        <v>288</v>
      </c>
      <c r="K41" s="21">
        <v>693</v>
      </c>
      <c r="L41" s="53">
        <v>403</v>
      </c>
      <c r="M41" s="54">
        <v>290</v>
      </c>
    </row>
    <row r="42" spans="1:13" ht="20.100000000000001" customHeight="1">
      <c r="A42" s="16" t="s">
        <v>49</v>
      </c>
      <c r="B42" s="17">
        <v>-2</v>
      </c>
      <c r="C42" s="18">
        <v>-27</v>
      </c>
      <c r="D42" s="18">
        <v>25</v>
      </c>
      <c r="E42" s="17">
        <v>7</v>
      </c>
      <c r="F42" s="18">
        <v>7</v>
      </c>
      <c r="G42" s="19">
        <v>0</v>
      </c>
      <c r="H42" s="18">
        <v>2451</v>
      </c>
      <c r="I42" s="18">
        <v>1486</v>
      </c>
      <c r="J42" s="18">
        <v>965</v>
      </c>
      <c r="K42" s="17">
        <v>2446</v>
      </c>
      <c r="L42" s="51">
        <v>1506</v>
      </c>
      <c r="M42" s="52">
        <v>940</v>
      </c>
    </row>
    <row r="43" spans="1:13">
      <c r="A43" s="20" t="s">
        <v>50</v>
      </c>
      <c r="B43" s="21">
        <v>19</v>
      </c>
      <c r="C43" s="22">
        <v>-4</v>
      </c>
      <c r="D43" s="22">
        <v>23</v>
      </c>
      <c r="E43" s="21">
        <v>0</v>
      </c>
      <c r="F43" s="22">
        <v>0</v>
      </c>
      <c r="G43" s="23">
        <v>0</v>
      </c>
      <c r="H43" s="22">
        <v>611</v>
      </c>
      <c r="I43" s="22">
        <v>345</v>
      </c>
      <c r="J43" s="22">
        <v>266</v>
      </c>
      <c r="K43" s="21">
        <v>592</v>
      </c>
      <c r="L43" s="53">
        <v>349</v>
      </c>
      <c r="M43" s="54">
        <v>243</v>
      </c>
    </row>
    <row r="44" spans="1:13">
      <c r="A44" s="20" t="s">
        <v>51</v>
      </c>
      <c r="B44" s="21">
        <v>-17</v>
      </c>
      <c r="C44" s="22">
        <v>-20</v>
      </c>
      <c r="D44" s="22">
        <v>3</v>
      </c>
      <c r="E44" s="21">
        <v>2</v>
      </c>
      <c r="F44" s="22">
        <v>2</v>
      </c>
      <c r="G44" s="23">
        <v>0</v>
      </c>
      <c r="H44" s="22">
        <v>535</v>
      </c>
      <c r="I44" s="22">
        <v>343</v>
      </c>
      <c r="J44" s="22">
        <v>192</v>
      </c>
      <c r="K44" s="21">
        <v>550</v>
      </c>
      <c r="L44" s="53">
        <v>361</v>
      </c>
      <c r="M44" s="54">
        <v>189</v>
      </c>
    </row>
    <row r="45" spans="1:13">
      <c r="A45" s="20" t="s">
        <v>52</v>
      </c>
      <c r="B45" s="21">
        <v>4</v>
      </c>
      <c r="C45" s="22">
        <v>-1</v>
      </c>
      <c r="D45" s="22">
        <v>5</v>
      </c>
      <c r="E45" s="21">
        <v>2</v>
      </c>
      <c r="F45" s="22">
        <v>2</v>
      </c>
      <c r="G45" s="23">
        <v>0</v>
      </c>
      <c r="H45" s="22">
        <v>484</v>
      </c>
      <c r="I45" s="22">
        <v>287</v>
      </c>
      <c r="J45" s="22">
        <v>197</v>
      </c>
      <c r="K45" s="21">
        <v>478</v>
      </c>
      <c r="L45" s="53">
        <v>286</v>
      </c>
      <c r="M45" s="54">
        <v>192</v>
      </c>
    </row>
    <row r="46" spans="1:13">
      <c r="A46" s="20" t="s">
        <v>53</v>
      </c>
      <c r="B46" s="21">
        <v>-10</v>
      </c>
      <c r="C46" s="22">
        <v>-14</v>
      </c>
      <c r="D46" s="22">
        <v>4</v>
      </c>
      <c r="E46" s="21">
        <v>1</v>
      </c>
      <c r="F46" s="22">
        <v>1</v>
      </c>
      <c r="G46" s="23">
        <v>0</v>
      </c>
      <c r="H46" s="22">
        <v>409</v>
      </c>
      <c r="I46" s="22">
        <v>250</v>
      </c>
      <c r="J46" s="22">
        <v>159</v>
      </c>
      <c r="K46" s="21">
        <v>418</v>
      </c>
      <c r="L46" s="53">
        <v>263</v>
      </c>
      <c r="M46" s="54">
        <v>155</v>
      </c>
    </row>
    <row r="47" spans="1:13">
      <c r="A47" s="20" t="s">
        <v>54</v>
      </c>
      <c r="B47" s="21">
        <v>2</v>
      </c>
      <c r="C47" s="22">
        <v>12</v>
      </c>
      <c r="D47" s="22">
        <v>-10</v>
      </c>
      <c r="E47" s="21">
        <v>2</v>
      </c>
      <c r="F47" s="22">
        <v>2</v>
      </c>
      <c r="G47" s="23">
        <v>0</v>
      </c>
      <c r="H47" s="22">
        <v>412</v>
      </c>
      <c r="I47" s="22">
        <v>261</v>
      </c>
      <c r="J47" s="22">
        <v>151</v>
      </c>
      <c r="K47" s="21">
        <v>408</v>
      </c>
      <c r="L47" s="53">
        <v>247</v>
      </c>
      <c r="M47" s="54">
        <v>161</v>
      </c>
    </row>
    <row r="48" spans="1:13" ht="20.100000000000001" customHeight="1">
      <c r="A48" s="16" t="s">
        <v>55</v>
      </c>
      <c r="B48" s="17">
        <v>-75</v>
      </c>
      <c r="C48" s="18">
        <v>-33</v>
      </c>
      <c r="D48" s="18">
        <v>-42</v>
      </c>
      <c r="E48" s="17">
        <v>7</v>
      </c>
      <c r="F48" s="18">
        <v>5</v>
      </c>
      <c r="G48" s="19">
        <v>2</v>
      </c>
      <c r="H48" s="18">
        <v>1482</v>
      </c>
      <c r="I48" s="18">
        <v>951</v>
      </c>
      <c r="J48" s="18">
        <v>531</v>
      </c>
      <c r="K48" s="17">
        <v>1550</v>
      </c>
      <c r="L48" s="51">
        <v>979</v>
      </c>
      <c r="M48" s="52">
        <v>571</v>
      </c>
    </row>
    <row r="49" spans="1:13">
      <c r="A49" s="20" t="s">
        <v>56</v>
      </c>
      <c r="B49" s="21">
        <v>12</v>
      </c>
      <c r="C49" s="22">
        <v>-3</v>
      </c>
      <c r="D49" s="22">
        <v>15</v>
      </c>
      <c r="E49" s="21">
        <v>2</v>
      </c>
      <c r="F49" s="22">
        <v>2</v>
      </c>
      <c r="G49" s="23">
        <v>0</v>
      </c>
      <c r="H49" s="22">
        <v>359</v>
      </c>
      <c r="I49" s="22">
        <v>212</v>
      </c>
      <c r="J49" s="22">
        <v>147</v>
      </c>
      <c r="K49" s="21">
        <v>345</v>
      </c>
      <c r="L49" s="53">
        <v>213</v>
      </c>
      <c r="M49" s="54">
        <v>132</v>
      </c>
    </row>
    <row r="50" spans="1:13">
      <c r="A50" s="20" t="s">
        <v>57</v>
      </c>
      <c r="B50" s="21">
        <v>-33</v>
      </c>
      <c r="C50" s="22">
        <v>-13</v>
      </c>
      <c r="D50" s="22">
        <v>-20</v>
      </c>
      <c r="E50" s="21">
        <v>1</v>
      </c>
      <c r="F50" s="22">
        <v>1</v>
      </c>
      <c r="G50" s="23">
        <v>0</v>
      </c>
      <c r="H50" s="22">
        <v>351</v>
      </c>
      <c r="I50" s="22">
        <v>229</v>
      </c>
      <c r="J50" s="22">
        <v>122</v>
      </c>
      <c r="K50" s="21">
        <v>383</v>
      </c>
      <c r="L50" s="53">
        <v>241</v>
      </c>
      <c r="M50" s="54">
        <v>142</v>
      </c>
    </row>
    <row r="51" spans="1:13">
      <c r="A51" s="20" t="s">
        <v>58</v>
      </c>
      <c r="B51" s="21">
        <v>-22</v>
      </c>
      <c r="C51" s="22">
        <v>4</v>
      </c>
      <c r="D51" s="22">
        <v>-26</v>
      </c>
      <c r="E51" s="21">
        <v>1</v>
      </c>
      <c r="F51" s="22">
        <v>0</v>
      </c>
      <c r="G51" s="23">
        <v>1</v>
      </c>
      <c r="H51" s="22">
        <v>293</v>
      </c>
      <c r="I51" s="22">
        <v>196</v>
      </c>
      <c r="J51" s="22">
        <v>97</v>
      </c>
      <c r="K51" s="21">
        <v>314</v>
      </c>
      <c r="L51" s="53">
        <v>192</v>
      </c>
      <c r="M51" s="54">
        <v>122</v>
      </c>
    </row>
    <row r="52" spans="1:13">
      <c r="A52" s="20" t="s">
        <v>59</v>
      </c>
      <c r="B52" s="21">
        <v>-10</v>
      </c>
      <c r="C52" s="22">
        <v>-4</v>
      </c>
      <c r="D52" s="22">
        <v>-6</v>
      </c>
      <c r="E52" s="21">
        <v>1</v>
      </c>
      <c r="F52" s="22">
        <v>1</v>
      </c>
      <c r="G52" s="23">
        <v>0</v>
      </c>
      <c r="H52" s="22">
        <v>257</v>
      </c>
      <c r="I52" s="22">
        <v>168</v>
      </c>
      <c r="J52" s="22">
        <v>89</v>
      </c>
      <c r="K52" s="21">
        <v>266</v>
      </c>
      <c r="L52" s="53">
        <v>171</v>
      </c>
      <c r="M52" s="54">
        <v>95</v>
      </c>
    </row>
    <row r="53" spans="1:13">
      <c r="A53" s="20" t="s">
        <v>60</v>
      </c>
      <c r="B53" s="21">
        <v>-22</v>
      </c>
      <c r="C53" s="22">
        <v>-17</v>
      </c>
      <c r="D53" s="22">
        <v>-5</v>
      </c>
      <c r="E53" s="21">
        <v>2</v>
      </c>
      <c r="F53" s="22">
        <v>1</v>
      </c>
      <c r="G53" s="23">
        <v>1</v>
      </c>
      <c r="H53" s="22">
        <v>222</v>
      </c>
      <c r="I53" s="22">
        <v>146</v>
      </c>
      <c r="J53" s="22">
        <v>76</v>
      </c>
      <c r="K53" s="21">
        <v>242</v>
      </c>
      <c r="L53" s="53">
        <v>162</v>
      </c>
      <c r="M53" s="54">
        <v>80</v>
      </c>
    </row>
    <row r="54" spans="1:13" ht="20.100000000000001" customHeight="1">
      <c r="A54" s="16" t="s">
        <v>61</v>
      </c>
      <c r="B54" s="17">
        <v>7</v>
      </c>
      <c r="C54" s="18">
        <v>31</v>
      </c>
      <c r="D54" s="18">
        <v>-24</v>
      </c>
      <c r="E54" s="17">
        <v>19</v>
      </c>
      <c r="F54" s="18">
        <v>11</v>
      </c>
      <c r="G54" s="19">
        <v>8</v>
      </c>
      <c r="H54" s="18">
        <v>930</v>
      </c>
      <c r="I54" s="18">
        <v>643</v>
      </c>
      <c r="J54" s="18">
        <v>287</v>
      </c>
      <c r="K54" s="17">
        <v>904</v>
      </c>
      <c r="L54" s="51">
        <v>601</v>
      </c>
      <c r="M54" s="52">
        <v>303</v>
      </c>
    </row>
    <row r="55" spans="1:13">
      <c r="A55" s="20" t="s">
        <v>62</v>
      </c>
      <c r="B55" s="21">
        <v>-2</v>
      </c>
      <c r="C55" s="22">
        <v>2</v>
      </c>
      <c r="D55" s="22">
        <v>-4</v>
      </c>
      <c r="E55" s="21">
        <v>2</v>
      </c>
      <c r="F55" s="22">
        <v>1</v>
      </c>
      <c r="G55" s="23">
        <v>1</v>
      </c>
      <c r="H55" s="22">
        <v>216</v>
      </c>
      <c r="I55" s="22">
        <v>145</v>
      </c>
      <c r="J55" s="22">
        <v>71</v>
      </c>
      <c r="K55" s="21">
        <v>216</v>
      </c>
      <c r="L55" s="53">
        <v>142</v>
      </c>
      <c r="M55" s="54">
        <v>74</v>
      </c>
    </row>
    <row r="56" spans="1:13">
      <c r="A56" s="20" t="s">
        <v>63</v>
      </c>
      <c r="B56" s="21">
        <v>13</v>
      </c>
      <c r="C56" s="22">
        <v>12</v>
      </c>
      <c r="D56" s="22">
        <v>1</v>
      </c>
      <c r="E56" s="21">
        <v>7</v>
      </c>
      <c r="F56" s="22">
        <v>4</v>
      </c>
      <c r="G56" s="23">
        <v>3</v>
      </c>
      <c r="H56" s="22">
        <v>210</v>
      </c>
      <c r="I56" s="22">
        <v>135</v>
      </c>
      <c r="J56" s="22">
        <v>75</v>
      </c>
      <c r="K56" s="21">
        <v>190</v>
      </c>
      <c r="L56" s="53">
        <v>119</v>
      </c>
      <c r="M56" s="54">
        <v>71</v>
      </c>
    </row>
    <row r="57" spans="1:13">
      <c r="A57" s="20" t="s">
        <v>64</v>
      </c>
      <c r="B57" s="21">
        <v>5</v>
      </c>
      <c r="C57" s="22">
        <v>5</v>
      </c>
      <c r="D57" s="22">
        <v>0</v>
      </c>
      <c r="E57" s="21">
        <v>4</v>
      </c>
      <c r="F57" s="22">
        <v>3</v>
      </c>
      <c r="G57" s="23">
        <v>1</v>
      </c>
      <c r="H57" s="22">
        <v>186</v>
      </c>
      <c r="I57" s="22">
        <v>126</v>
      </c>
      <c r="J57" s="22">
        <v>60</v>
      </c>
      <c r="K57" s="21">
        <v>177</v>
      </c>
      <c r="L57" s="53">
        <v>118</v>
      </c>
      <c r="M57" s="54">
        <v>59</v>
      </c>
    </row>
    <row r="58" spans="1:13">
      <c r="A58" s="20" t="s">
        <v>65</v>
      </c>
      <c r="B58" s="21">
        <v>7</v>
      </c>
      <c r="C58" s="22">
        <v>17</v>
      </c>
      <c r="D58" s="22">
        <v>-10</v>
      </c>
      <c r="E58" s="21">
        <v>1</v>
      </c>
      <c r="F58" s="22">
        <v>0</v>
      </c>
      <c r="G58" s="23">
        <v>1</v>
      </c>
      <c r="H58" s="22">
        <v>166</v>
      </c>
      <c r="I58" s="22">
        <v>123</v>
      </c>
      <c r="J58" s="22">
        <v>43</v>
      </c>
      <c r="K58" s="21">
        <v>158</v>
      </c>
      <c r="L58" s="53">
        <v>106</v>
      </c>
      <c r="M58" s="54">
        <v>52</v>
      </c>
    </row>
    <row r="59" spans="1:13">
      <c r="A59" s="20" t="s">
        <v>66</v>
      </c>
      <c r="B59" s="21">
        <v>-16</v>
      </c>
      <c r="C59" s="22">
        <v>-5</v>
      </c>
      <c r="D59" s="22">
        <v>-11</v>
      </c>
      <c r="E59" s="21">
        <v>5</v>
      </c>
      <c r="F59" s="22">
        <v>3</v>
      </c>
      <c r="G59" s="23">
        <v>2</v>
      </c>
      <c r="H59" s="22">
        <v>152</v>
      </c>
      <c r="I59" s="22">
        <v>114</v>
      </c>
      <c r="J59" s="22">
        <v>38</v>
      </c>
      <c r="K59" s="21">
        <v>163</v>
      </c>
      <c r="L59" s="53">
        <v>116</v>
      </c>
      <c r="M59" s="54">
        <v>47</v>
      </c>
    </row>
    <row r="60" spans="1:13" ht="20.100000000000001" customHeight="1">
      <c r="A60" s="16" t="s">
        <v>67</v>
      </c>
      <c r="B60" s="17">
        <v>19</v>
      </c>
      <c r="C60" s="18">
        <v>14</v>
      </c>
      <c r="D60" s="18">
        <v>5</v>
      </c>
      <c r="E60" s="17">
        <v>29</v>
      </c>
      <c r="F60" s="18">
        <v>23</v>
      </c>
      <c r="G60" s="19">
        <v>6</v>
      </c>
      <c r="H60" s="18">
        <v>811</v>
      </c>
      <c r="I60" s="18">
        <v>546</v>
      </c>
      <c r="J60" s="18">
        <v>265</v>
      </c>
      <c r="K60" s="17">
        <v>763</v>
      </c>
      <c r="L60" s="51">
        <v>509</v>
      </c>
      <c r="M60" s="52">
        <v>254</v>
      </c>
    </row>
    <row r="61" spans="1:13">
      <c r="A61" s="20" t="s">
        <v>68</v>
      </c>
      <c r="B61" s="21">
        <v>3</v>
      </c>
      <c r="C61" s="22">
        <v>7</v>
      </c>
      <c r="D61" s="22">
        <v>-4</v>
      </c>
      <c r="E61" s="21">
        <v>0</v>
      </c>
      <c r="F61" s="22">
        <v>0</v>
      </c>
      <c r="G61" s="23">
        <v>0</v>
      </c>
      <c r="H61" s="22">
        <v>171</v>
      </c>
      <c r="I61" s="22">
        <v>124</v>
      </c>
      <c r="J61" s="22">
        <v>47</v>
      </c>
      <c r="K61" s="21">
        <v>168</v>
      </c>
      <c r="L61" s="53">
        <v>117</v>
      </c>
      <c r="M61" s="54">
        <v>51</v>
      </c>
    </row>
    <row r="62" spans="1:13">
      <c r="A62" s="20" t="s">
        <v>69</v>
      </c>
      <c r="B62" s="21">
        <v>39</v>
      </c>
      <c r="C62" s="22">
        <v>26</v>
      </c>
      <c r="D62" s="22">
        <v>13</v>
      </c>
      <c r="E62" s="21">
        <v>10</v>
      </c>
      <c r="F62" s="22">
        <v>10</v>
      </c>
      <c r="G62" s="23">
        <v>0</v>
      </c>
      <c r="H62" s="22">
        <v>200</v>
      </c>
      <c r="I62" s="22">
        <v>134</v>
      </c>
      <c r="J62" s="22">
        <v>66</v>
      </c>
      <c r="K62" s="21">
        <v>151</v>
      </c>
      <c r="L62" s="53">
        <v>98</v>
      </c>
      <c r="M62" s="54">
        <v>53</v>
      </c>
    </row>
    <row r="63" spans="1:13">
      <c r="A63" s="20" t="s">
        <v>70</v>
      </c>
      <c r="B63" s="21">
        <v>-3</v>
      </c>
      <c r="C63" s="22">
        <v>-9</v>
      </c>
      <c r="D63" s="22">
        <v>6</v>
      </c>
      <c r="E63" s="21">
        <v>3</v>
      </c>
      <c r="F63" s="22">
        <v>1</v>
      </c>
      <c r="G63" s="23">
        <v>2</v>
      </c>
      <c r="H63" s="22">
        <v>164</v>
      </c>
      <c r="I63" s="22">
        <v>108</v>
      </c>
      <c r="J63" s="22">
        <v>56</v>
      </c>
      <c r="K63" s="21">
        <v>164</v>
      </c>
      <c r="L63" s="53">
        <v>116</v>
      </c>
      <c r="M63" s="54">
        <v>48</v>
      </c>
    </row>
    <row r="64" spans="1:13">
      <c r="A64" s="20" t="s">
        <v>71</v>
      </c>
      <c r="B64" s="21">
        <v>-17</v>
      </c>
      <c r="C64" s="22">
        <v>-12</v>
      </c>
      <c r="D64" s="22">
        <v>-5</v>
      </c>
      <c r="E64" s="21">
        <v>6</v>
      </c>
      <c r="F64" s="22">
        <v>5</v>
      </c>
      <c r="G64" s="23">
        <v>1</v>
      </c>
      <c r="H64" s="22">
        <v>136</v>
      </c>
      <c r="I64" s="22">
        <v>91</v>
      </c>
      <c r="J64" s="22">
        <v>45</v>
      </c>
      <c r="K64" s="21">
        <v>147</v>
      </c>
      <c r="L64" s="53">
        <v>98</v>
      </c>
      <c r="M64" s="54">
        <v>49</v>
      </c>
    </row>
    <row r="65" spans="1:13">
      <c r="A65" s="24" t="s">
        <v>72</v>
      </c>
      <c r="B65" s="25">
        <v>-3</v>
      </c>
      <c r="C65" s="26">
        <v>2</v>
      </c>
      <c r="D65" s="26">
        <v>-5</v>
      </c>
      <c r="E65" s="25">
        <v>10</v>
      </c>
      <c r="F65" s="26">
        <v>7</v>
      </c>
      <c r="G65" s="27">
        <v>3</v>
      </c>
      <c r="H65" s="26">
        <v>140</v>
      </c>
      <c r="I65" s="26">
        <v>89</v>
      </c>
      <c r="J65" s="26">
        <v>51</v>
      </c>
      <c r="K65" s="25">
        <v>133</v>
      </c>
      <c r="L65" s="55">
        <v>80</v>
      </c>
      <c r="M65" s="56">
        <v>5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730</v>
      </c>
      <c r="C69" s="58">
        <v>943</v>
      </c>
      <c r="D69" s="59">
        <v>78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730</v>
      </c>
      <c r="C70" s="61">
        <v>943</v>
      </c>
      <c r="D70" s="62">
        <v>787</v>
      </c>
    </row>
    <row r="71" spans="1:13">
      <c r="A71" s="24" t="s">
        <v>14</v>
      </c>
      <c r="B71" s="63">
        <v>1730</v>
      </c>
      <c r="C71" s="64">
        <v>943</v>
      </c>
      <c r="D71" s="65">
        <v>787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7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1</v>
      </c>
      <c r="C77" s="18">
        <v>-8</v>
      </c>
      <c r="D77" s="18">
        <v>9</v>
      </c>
      <c r="E77" s="17">
        <v>62</v>
      </c>
      <c r="F77" s="18">
        <v>42</v>
      </c>
      <c r="G77" s="19">
        <v>20</v>
      </c>
      <c r="H77" s="18">
        <v>608</v>
      </c>
      <c r="I77" s="18">
        <v>411</v>
      </c>
      <c r="J77" s="18">
        <v>197</v>
      </c>
      <c r="K77" s="17">
        <v>545</v>
      </c>
      <c r="L77" s="51">
        <v>377</v>
      </c>
      <c r="M77" s="52">
        <v>168</v>
      </c>
    </row>
    <row r="78" spans="1:13">
      <c r="A78" s="40" t="s">
        <v>81</v>
      </c>
      <c r="B78" s="21">
        <v>26</v>
      </c>
      <c r="C78" s="22">
        <v>14</v>
      </c>
      <c r="D78" s="22">
        <v>12</v>
      </c>
      <c r="E78" s="21">
        <v>10</v>
      </c>
      <c r="F78" s="22">
        <v>7</v>
      </c>
      <c r="G78" s="23">
        <v>3</v>
      </c>
      <c r="H78" s="22">
        <v>153</v>
      </c>
      <c r="I78" s="22">
        <v>105</v>
      </c>
      <c r="J78" s="22">
        <v>48</v>
      </c>
      <c r="K78" s="21">
        <v>117</v>
      </c>
      <c r="L78" s="53">
        <v>84</v>
      </c>
      <c r="M78" s="54">
        <v>33</v>
      </c>
    </row>
    <row r="79" spans="1:13">
      <c r="A79" s="40" t="s">
        <v>82</v>
      </c>
      <c r="B79" s="21">
        <v>19</v>
      </c>
      <c r="C79" s="22">
        <v>5</v>
      </c>
      <c r="D79" s="22">
        <v>14</v>
      </c>
      <c r="E79" s="21">
        <v>9</v>
      </c>
      <c r="F79" s="22">
        <v>7</v>
      </c>
      <c r="G79" s="23">
        <v>2</v>
      </c>
      <c r="H79" s="22">
        <v>139</v>
      </c>
      <c r="I79" s="22">
        <v>88</v>
      </c>
      <c r="J79" s="22">
        <v>51</v>
      </c>
      <c r="K79" s="21">
        <v>111</v>
      </c>
      <c r="L79" s="53">
        <v>76</v>
      </c>
      <c r="M79" s="54">
        <v>35</v>
      </c>
    </row>
    <row r="80" spans="1:13">
      <c r="A80" s="40" t="s">
        <v>83</v>
      </c>
      <c r="B80" s="21">
        <v>-12</v>
      </c>
      <c r="C80" s="22">
        <v>-5</v>
      </c>
      <c r="D80" s="22">
        <v>-7</v>
      </c>
      <c r="E80" s="21">
        <v>15</v>
      </c>
      <c r="F80" s="22">
        <v>11</v>
      </c>
      <c r="G80" s="23">
        <v>4</v>
      </c>
      <c r="H80" s="22">
        <v>121</v>
      </c>
      <c r="I80" s="22">
        <v>83</v>
      </c>
      <c r="J80" s="22">
        <v>38</v>
      </c>
      <c r="K80" s="21">
        <v>118</v>
      </c>
      <c r="L80" s="53">
        <v>77</v>
      </c>
      <c r="M80" s="54">
        <v>41</v>
      </c>
    </row>
    <row r="81" spans="1:13">
      <c r="A81" s="40" t="s">
        <v>84</v>
      </c>
      <c r="B81" s="21">
        <v>-18</v>
      </c>
      <c r="C81" s="22">
        <v>-7</v>
      </c>
      <c r="D81" s="22">
        <v>-11</v>
      </c>
      <c r="E81" s="21">
        <v>13</v>
      </c>
      <c r="F81" s="22">
        <v>9</v>
      </c>
      <c r="G81" s="23">
        <v>4</v>
      </c>
      <c r="H81" s="22">
        <v>88</v>
      </c>
      <c r="I81" s="22">
        <v>65</v>
      </c>
      <c r="J81" s="22">
        <v>23</v>
      </c>
      <c r="K81" s="21">
        <v>93</v>
      </c>
      <c r="L81" s="53">
        <v>63</v>
      </c>
      <c r="M81" s="54">
        <v>30</v>
      </c>
    </row>
    <row r="82" spans="1:13">
      <c r="A82" s="40" t="s">
        <v>85</v>
      </c>
      <c r="B82" s="21">
        <v>-14</v>
      </c>
      <c r="C82" s="22">
        <v>-15</v>
      </c>
      <c r="D82" s="22">
        <v>1</v>
      </c>
      <c r="E82" s="21">
        <v>15</v>
      </c>
      <c r="F82" s="22">
        <v>8</v>
      </c>
      <c r="G82" s="23">
        <v>7</v>
      </c>
      <c r="H82" s="22">
        <v>107</v>
      </c>
      <c r="I82" s="22">
        <v>70</v>
      </c>
      <c r="J82" s="22">
        <v>37</v>
      </c>
      <c r="K82" s="21">
        <v>106</v>
      </c>
      <c r="L82" s="53">
        <v>77</v>
      </c>
      <c r="M82" s="54">
        <v>29</v>
      </c>
    </row>
    <row r="83" spans="1:13" ht="19.5" customHeight="1">
      <c r="A83" s="34" t="s">
        <v>86</v>
      </c>
      <c r="B83" s="17">
        <v>-65</v>
      </c>
      <c r="C83" s="18">
        <v>-37</v>
      </c>
      <c r="D83" s="18">
        <v>-28</v>
      </c>
      <c r="E83" s="17">
        <v>74</v>
      </c>
      <c r="F83" s="18">
        <v>59</v>
      </c>
      <c r="G83" s="19">
        <v>15</v>
      </c>
      <c r="H83" s="18">
        <v>436</v>
      </c>
      <c r="I83" s="18">
        <v>289</v>
      </c>
      <c r="J83" s="18">
        <v>147</v>
      </c>
      <c r="K83" s="17">
        <v>427</v>
      </c>
      <c r="L83" s="51">
        <v>267</v>
      </c>
      <c r="M83" s="52">
        <v>160</v>
      </c>
    </row>
    <row r="84" spans="1:13">
      <c r="A84" s="40" t="s">
        <v>87</v>
      </c>
      <c r="B84" s="21">
        <v>27</v>
      </c>
      <c r="C84" s="22">
        <v>29</v>
      </c>
      <c r="D84" s="22">
        <v>-2</v>
      </c>
      <c r="E84" s="21">
        <v>12</v>
      </c>
      <c r="F84" s="22">
        <v>9</v>
      </c>
      <c r="G84" s="23">
        <v>3</v>
      </c>
      <c r="H84" s="22">
        <v>123</v>
      </c>
      <c r="I84" s="22">
        <v>86</v>
      </c>
      <c r="J84" s="22">
        <v>37</v>
      </c>
      <c r="K84" s="21">
        <v>84</v>
      </c>
      <c r="L84" s="53">
        <v>48</v>
      </c>
      <c r="M84" s="54">
        <v>36</v>
      </c>
    </row>
    <row r="85" spans="1:13">
      <c r="A85" s="40" t="s">
        <v>88</v>
      </c>
      <c r="B85" s="21">
        <v>-17</v>
      </c>
      <c r="C85" s="22">
        <v>-18</v>
      </c>
      <c r="D85" s="22">
        <v>1</v>
      </c>
      <c r="E85" s="21">
        <v>16</v>
      </c>
      <c r="F85" s="22">
        <v>13</v>
      </c>
      <c r="G85" s="23">
        <v>3</v>
      </c>
      <c r="H85" s="22">
        <v>96</v>
      </c>
      <c r="I85" s="22">
        <v>60</v>
      </c>
      <c r="J85" s="22">
        <v>36</v>
      </c>
      <c r="K85" s="21">
        <v>97</v>
      </c>
      <c r="L85" s="53">
        <v>65</v>
      </c>
      <c r="M85" s="54">
        <v>32</v>
      </c>
    </row>
    <row r="86" spans="1:13">
      <c r="A86" s="40" t="s">
        <v>89</v>
      </c>
      <c r="B86" s="21">
        <v>-18</v>
      </c>
      <c r="C86" s="22">
        <v>-8</v>
      </c>
      <c r="D86" s="22">
        <v>-10</v>
      </c>
      <c r="E86" s="21">
        <v>11</v>
      </c>
      <c r="F86" s="22">
        <v>5</v>
      </c>
      <c r="G86" s="23">
        <v>6</v>
      </c>
      <c r="H86" s="22">
        <v>89</v>
      </c>
      <c r="I86" s="22">
        <v>57</v>
      </c>
      <c r="J86" s="22">
        <v>32</v>
      </c>
      <c r="K86" s="21">
        <v>96</v>
      </c>
      <c r="L86" s="53">
        <v>60</v>
      </c>
      <c r="M86" s="54">
        <v>36</v>
      </c>
    </row>
    <row r="87" spans="1:13">
      <c r="A87" s="40" t="s">
        <v>90</v>
      </c>
      <c r="B87" s="21">
        <v>-41</v>
      </c>
      <c r="C87" s="22">
        <v>-32</v>
      </c>
      <c r="D87" s="22">
        <v>-9</v>
      </c>
      <c r="E87" s="21">
        <v>19</v>
      </c>
      <c r="F87" s="22">
        <v>16</v>
      </c>
      <c r="G87" s="23">
        <v>3</v>
      </c>
      <c r="H87" s="22">
        <v>64</v>
      </c>
      <c r="I87" s="22">
        <v>38</v>
      </c>
      <c r="J87" s="22">
        <v>26</v>
      </c>
      <c r="K87" s="21">
        <v>86</v>
      </c>
      <c r="L87" s="53">
        <v>54</v>
      </c>
      <c r="M87" s="54">
        <v>32</v>
      </c>
    </row>
    <row r="88" spans="1:13">
      <c r="A88" s="40" t="s">
        <v>91</v>
      </c>
      <c r="B88" s="21">
        <v>-16</v>
      </c>
      <c r="C88" s="22">
        <v>-8</v>
      </c>
      <c r="D88" s="22">
        <v>-8</v>
      </c>
      <c r="E88" s="21">
        <v>16</v>
      </c>
      <c r="F88" s="22">
        <v>16</v>
      </c>
      <c r="G88" s="23">
        <v>0</v>
      </c>
      <c r="H88" s="22">
        <v>64</v>
      </c>
      <c r="I88" s="22">
        <v>48</v>
      </c>
      <c r="J88" s="22">
        <v>16</v>
      </c>
      <c r="K88" s="21">
        <v>64</v>
      </c>
      <c r="L88" s="53">
        <v>40</v>
      </c>
      <c r="M88" s="54">
        <v>24</v>
      </c>
    </row>
    <row r="89" spans="1:13" ht="19.5" customHeight="1">
      <c r="A89" s="34" t="s">
        <v>92</v>
      </c>
      <c r="B89" s="17">
        <v>-134</v>
      </c>
      <c r="C89" s="18">
        <v>-104</v>
      </c>
      <c r="D89" s="18">
        <v>-30</v>
      </c>
      <c r="E89" s="17">
        <v>99</v>
      </c>
      <c r="F89" s="18">
        <v>81</v>
      </c>
      <c r="G89" s="19">
        <v>18</v>
      </c>
      <c r="H89" s="18">
        <v>293</v>
      </c>
      <c r="I89" s="18">
        <v>199</v>
      </c>
      <c r="J89" s="18">
        <v>94</v>
      </c>
      <c r="K89" s="17">
        <v>328</v>
      </c>
      <c r="L89" s="51">
        <v>222</v>
      </c>
      <c r="M89" s="52">
        <v>106</v>
      </c>
    </row>
    <row r="90" spans="1:13">
      <c r="A90" s="40" t="s">
        <v>93</v>
      </c>
      <c r="B90" s="21">
        <v>-3</v>
      </c>
      <c r="C90" s="22">
        <v>-2</v>
      </c>
      <c r="D90" s="22">
        <v>-1</v>
      </c>
      <c r="E90" s="21">
        <v>16</v>
      </c>
      <c r="F90" s="22">
        <v>12</v>
      </c>
      <c r="G90" s="23">
        <v>4</v>
      </c>
      <c r="H90" s="22">
        <v>87</v>
      </c>
      <c r="I90" s="22">
        <v>65</v>
      </c>
      <c r="J90" s="22">
        <v>22</v>
      </c>
      <c r="K90" s="21">
        <v>74</v>
      </c>
      <c r="L90" s="53">
        <v>55</v>
      </c>
      <c r="M90" s="54">
        <v>19</v>
      </c>
    </row>
    <row r="91" spans="1:13">
      <c r="A91" s="40" t="s">
        <v>94</v>
      </c>
      <c r="B91" s="21">
        <v>-24</v>
      </c>
      <c r="C91" s="22">
        <v>-21</v>
      </c>
      <c r="D91" s="22">
        <v>-3</v>
      </c>
      <c r="E91" s="21">
        <v>18</v>
      </c>
      <c r="F91" s="22">
        <v>14</v>
      </c>
      <c r="G91" s="23">
        <v>4</v>
      </c>
      <c r="H91" s="22">
        <v>60</v>
      </c>
      <c r="I91" s="22">
        <v>36</v>
      </c>
      <c r="J91" s="22">
        <v>24</v>
      </c>
      <c r="K91" s="21">
        <v>66</v>
      </c>
      <c r="L91" s="53">
        <v>43</v>
      </c>
      <c r="M91" s="54">
        <v>23</v>
      </c>
    </row>
    <row r="92" spans="1:13">
      <c r="A92" s="40" t="s">
        <v>95</v>
      </c>
      <c r="B92" s="21">
        <v>-19</v>
      </c>
      <c r="C92" s="22">
        <v>-13</v>
      </c>
      <c r="D92" s="22">
        <v>-6</v>
      </c>
      <c r="E92" s="21">
        <v>13</v>
      </c>
      <c r="F92" s="22">
        <v>10</v>
      </c>
      <c r="G92" s="23">
        <v>3</v>
      </c>
      <c r="H92" s="22">
        <v>49</v>
      </c>
      <c r="I92" s="22">
        <v>37</v>
      </c>
      <c r="J92" s="22">
        <v>12</v>
      </c>
      <c r="K92" s="21">
        <v>55</v>
      </c>
      <c r="L92" s="53">
        <v>40</v>
      </c>
      <c r="M92" s="54">
        <v>15</v>
      </c>
    </row>
    <row r="93" spans="1:13">
      <c r="A93" s="40" t="s">
        <v>96</v>
      </c>
      <c r="B93" s="21">
        <v>-41</v>
      </c>
      <c r="C93" s="22">
        <v>-35</v>
      </c>
      <c r="D93" s="22">
        <v>-6</v>
      </c>
      <c r="E93" s="21">
        <v>26</v>
      </c>
      <c r="F93" s="22">
        <v>22</v>
      </c>
      <c r="G93" s="23">
        <v>4</v>
      </c>
      <c r="H93" s="22">
        <v>49</v>
      </c>
      <c r="I93" s="22">
        <v>32</v>
      </c>
      <c r="J93" s="22">
        <v>17</v>
      </c>
      <c r="K93" s="21">
        <v>64</v>
      </c>
      <c r="L93" s="53">
        <v>45</v>
      </c>
      <c r="M93" s="54">
        <v>19</v>
      </c>
    </row>
    <row r="94" spans="1:13">
      <c r="A94" s="40" t="s">
        <v>97</v>
      </c>
      <c r="B94" s="21">
        <v>-47</v>
      </c>
      <c r="C94" s="22">
        <v>-33</v>
      </c>
      <c r="D94" s="22">
        <v>-14</v>
      </c>
      <c r="E94" s="21">
        <v>26</v>
      </c>
      <c r="F94" s="22">
        <v>23</v>
      </c>
      <c r="G94" s="23">
        <v>3</v>
      </c>
      <c r="H94" s="22">
        <v>48</v>
      </c>
      <c r="I94" s="22">
        <v>29</v>
      </c>
      <c r="J94" s="22">
        <v>19</v>
      </c>
      <c r="K94" s="21">
        <v>69</v>
      </c>
      <c r="L94" s="53">
        <v>39</v>
      </c>
      <c r="M94" s="54">
        <v>30</v>
      </c>
    </row>
    <row r="95" spans="1:13" ht="19.5" customHeight="1">
      <c r="A95" s="34" t="s">
        <v>98</v>
      </c>
      <c r="B95" s="17">
        <v>-224</v>
      </c>
      <c r="C95" s="18">
        <v>-171</v>
      </c>
      <c r="D95" s="18">
        <v>-53</v>
      </c>
      <c r="E95" s="17">
        <v>174</v>
      </c>
      <c r="F95" s="18">
        <v>142</v>
      </c>
      <c r="G95" s="19">
        <v>32</v>
      </c>
      <c r="H95" s="18">
        <v>238</v>
      </c>
      <c r="I95" s="18">
        <v>162</v>
      </c>
      <c r="J95" s="18">
        <v>76</v>
      </c>
      <c r="K95" s="17">
        <v>288</v>
      </c>
      <c r="L95" s="51">
        <v>191</v>
      </c>
      <c r="M95" s="52">
        <v>97</v>
      </c>
    </row>
    <row r="96" spans="1:13">
      <c r="A96" s="40" t="s">
        <v>99</v>
      </c>
      <c r="B96" s="21">
        <v>-22</v>
      </c>
      <c r="C96" s="22">
        <v>-17</v>
      </c>
      <c r="D96" s="22">
        <v>-5</v>
      </c>
      <c r="E96" s="21">
        <v>16</v>
      </c>
      <c r="F96" s="22">
        <v>10</v>
      </c>
      <c r="G96" s="23">
        <v>6</v>
      </c>
      <c r="H96" s="22">
        <v>57</v>
      </c>
      <c r="I96" s="22">
        <v>37</v>
      </c>
      <c r="J96" s="22">
        <v>20</v>
      </c>
      <c r="K96" s="21">
        <v>63</v>
      </c>
      <c r="L96" s="53">
        <v>44</v>
      </c>
      <c r="M96" s="54">
        <v>19</v>
      </c>
    </row>
    <row r="97" spans="1:13">
      <c r="A97" s="40" t="s">
        <v>100</v>
      </c>
      <c r="B97" s="21">
        <v>-47</v>
      </c>
      <c r="C97" s="22">
        <v>-39</v>
      </c>
      <c r="D97" s="22">
        <v>-8</v>
      </c>
      <c r="E97" s="21">
        <v>36</v>
      </c>
      <c r="F97" s="22">
        <v>28</v>
      </c>
      <c r="G97" s="23">
        <v>8</v>
      </c>
      <c r="H97" s="22">
        <v>55</v>
      </c>
      <c r="I97" s="22">
        <v>35</v>
      </c>
      <c r="J97" s="22">
        <v>20</v>
      </c>
      <c r="K97" s="21">
        <v>66</v>
      </c>
      <c r="L97" s="53">
        <v>46</v>
      </c>
      <c r="M97" s="54">
        <v>20</v>
      </c>
    </row>
    <row r="98" spans="1:13">
      <c r="A98" s="40" t="s">
        <v>101</v>
      </c>
      <c r="B98" s="21">
        <v>-44</v>
      </c>
      <c r="C98" s="22">
        <v>-26</v>
      </c>
      <c r="D98" s="22">
        <v>-18</v>
      </c>
      <c r="E98" s="21">
        <v>37</v>
      </c>
      <c r="F98" s="22">
        <v>30</v>
      </c>
      <c r="G98" s="23">
        <v>7</v>
      </c>
      <c r="H98" s="22">
        <v>47</v>
      </c>
      <c r="I98" s="22">
        <v>33</v>
      </c>
      <c r="J98" s="22">
        <v>14</v>
      </c>
      <c r="K98" s="21">
        <v>54</v>
      </c>
      <c r="L98" s="53">
        <v>29</v>
      </c>
      <c r="M98" s="54">
        <v>25</v>
      </c>
    </row>
    <row r="99" spans="1:13">
      <c r="A99" s="40" t="s">
        <v>102</v>
      </c>
      <c r="B99" s="21">
        <v>-59</v>
      </c>
      <c r="C99" s="22">
        <v>-50</v>
      </c>
      <c r="D99" s="22">
        <v>-9</v>
      </c>
      <c r="E99" s="21">
        <v>43</v>
      </c>
      <c r="F99" s="22">
        <v>38</v>
      </c>
      <c r="G99" s="23">
        <v>5</v>
      </c>
      <c r="H99" s="22">
        <v>38</v>
      </c>
      <c r="I99" s="22">
        <v>27</v>
      </c>
      <c r="J99" s="22">
        <v>11</v>
      </c>
      <c r="K99" s="21">
        <v>54</v>
      </c>
      <c r="L99" s="53">
        <v>39</v>
      </c>
      <c r="M99" s="54">
        <v>15</v>
      </c>
    </row>
    <row r="100" spans="1:13">
      <c r="A100" s="40" t="s">
        <v>103</v>
      </c>
      <c r="B100" s="21">
        <v>-52</v>
      </c>
      <c r="C100" s="22">
        <v>-39</v>
      </c>
      <c r="D100" s="22">
        <v>-13</v>
      </c>
      <c r="E100" s="21">
        <v>42</v>
      </c>
      <c r="F100" s="22">
        <v>36</v>
      </c>
      <c r="G100" s="23">
        <v>6</v>
      </c>
      <c r="H100" s="22">
        <v>41</v>
      </c>
      <c r="I100" s="22">
        <v>30</v>
      </c>
      <c r="J100" s="22">
        <v>11</v>
      </c>
      <c r="K100" s="21">
        <v>51</v>
      </c>
      <c r="L100" s="53">
        <v>33</v>
      </c>
      <c r="M100" s="54">
        <v>18</v>
      </c>
    </row>
    <row r="101" spans="1:13" ht="19.5" customHeight="1">
      <c r="A101" s="34" t="s">
        <v>104</v>
      </c>
      <c r="B101" s="17">
        <v>-286</v>
      </c>
      <c r="C101" s="18">
        <v>-230</v>
      </c>
      <c r="D101" s="18">
        <v>-56</v>
      </c>
      <c r="E101" s="17">
        <v>251</v>
      </c>
      <c r="F101" s="18">
        <v>188</v>
      </c>
      <c r="G101" s="19">
        <v>63</v>
      </c>
      <c r="H101" s="18">
        <v>168</v>
      </c>
      <c r="I101" s="18">
        <v>110</v>
      </c>
      <c r="J101" s="18">
        <v>58</v>
      </c>
      <c r="K101" s="17">
        <v>203</v>
      </c>
      <c r="L101" s="51">
        <v>152</v>
      </c>
      <c r="M101" s="52">
        <v>51</v>
      </c>
    </row>
    <row r="102" spans="1:13">
      <c r="A102" s="40" t="s">
        <v>105</v>
      </c>
      <c r="B102" s="21">
        <v>-77</v>
      </c>
      <c r="C102" s="22">
        <v>-63</v>
      </c>
      <c r="D102" s="22">
        <v>-14</v>
      </c>
      <c r="E102" s="21">
        <v>60</v>
      </c>
      <c r="F102" s="22">
        <v>49</v>
      </c>
      <c r="G102" s="23">
        <v>11</v>
      </c>
      <c r="H102" s="22">
        <v>43</v>
      </c>
      <c r="I102" s="22">
        <v>31</v>
      </c>
      <c r="J102" s="22">
        <v>12</v>
      </c>
      <c r="K102" s="21">
        <v>60</v>
      </c>
      <c r="L102" s="53">
        <v>45</v>
      </c>
      <c r="M102" s="54">
        <v>15</v>
      </c>
    </row>
    <row r="103" spans="1:13">
      <c r="A103" s="40" t="s">
        <v>106</v>
      </c>
      <c r="B103" s="21">
        <v>-59</v>
      </c>
      <c r="C103" s="22">
        <v>-50</v>
      </c>
      <c r="D103" s="22">
        <v>-9</v>
      </c>
      <c r="E103" s="21">
        <v>49</v>
      </c>
      <c r="F103" s="22">
        <v>38</v>
      </c>
      <c r="G103" s="23">
        <v>11</v>
      </c>
      <c r="H103" s="22">
        <v>41</v>
      </c>
      <c r="I103" s="22">
        <v>29</v>
      </c>
      <c r="J103" s="22">
        <v>12</v>
      </c>
      <c r="K103" s="21">
        <v>51</v>
      </c>
      <c r="L103" s="53">
        <v>41</v>
      </c>
      <c r="M103" s="54">
        <v>10</v>
      </c>
    </row>
    <row r="104" spans="1:13">
      <c r="A104" s="40" t="s">
        <v>107</v>
      </c>
      <c r="B104" s="21">
        <v>-65</v>
      </c>
      <c r="C104" s="22">
        <v>-53</v>
      </c>
      <c r="D104" s="22">
        <v>-12</v>
      </c>
      <c r="E104" s="21">
        <v>59</v>
      </c>
      <c r="F104" s="22">
        <v>44</v>
      </c>
      <c r="G104" s="23">
        <v>15</v>
      </c>
      <c r="H104" s="22">
        <v>33</v>
      </c>
      <c r="I104" s="22">
        <v>21</v>
      </c>
      <c r="J104" s="22">
        <v>12</v>
      </c>
      <c r="K104" s="21">
        <v>39</v>
      </c>
      <c r="L104" s="53">
        <v>30</v>
      </c>
      <c r="M104" s="54">
        <v>9</v>
      </c>
    </row>
    <row r="105" spans="1:13">
      <c r="A105" s="40" t="s">
        <v>108</v>
      </c>
      <c r="B105" s="21">
        <v>-35</v>
      </c>
      <c r="C105" s="22">
        <v>-29</v>
      </c>
      <c r="D105" s="22">
        <v>-6</v>
      </c>
      <c r="E105" s="21">
        <v>35</v>
      </c>
      <c r="F105" s="22">
        <v>23</v>
      </c>
      <c r="G105" s="23">
        <v>12</v>
      </c>
      <c r="H105" s="22">
        <v>32</v>
      </c>
      <c r="I105" s="22">
        <v>17</v>
      </c>
      <c r="J105" s="22">
        <v>15</v>
      </c>
      <c r="K105" s="21">
        <v>32</v>
      </c>
      <c r="L105" s="53">
        <v>23</v>
      </c>
      <c r="M105" s="54">
        <v>9</v>
      </c>
    </row>
    <row r="106" spans="1:13">
      <c r="A106" s="40" t="s">
        <v>109</v>
      </c>
      <c r="B106" s="21">
        <v>-50</v>
      </c>
      <c r="C106" s="22">
        <v>-35</v>
      </c>
      <c r="D106" s="22">
        <v>-15</v>
      </c>
      <c r="E106" s="21">
        <v>48</v>
      </c>
      <c r="F106" s="22">
        <v>34</v>
      </c>
      <c r="G106" s="23">
        <v>14</v>
      </c>
      <c r="H106" s="22">
        <v>19</v>
      </c>
      <c r="I106" s="22">
        <v>12</v>
      </c>
      <c r="J106" s="22">
        <v>7</v>
      </c>
      <c r="K106" s="21">
        <v>21</v>
      </c>
      <c r="L106" s="53">
        <v>13</v>
      </c>
      <c r="M106" s="54">
        <v>8</v>
      </c>
    </row>
    <row r="107" spans="1:13" ht="19.5" customHeight="1">
      <c r="A107" s="34" t="s">
        <v>110</v>
      </c>
      <c r="B107" s="17">
        <v>-350</v>
      </c>
      <c r="C107" s="18">
        <v>-240</v>
      </c>
      <c r="D107" s="18">
        <v>-110</v>
      </c>
      <c r="E107" s="17">
        <v>335</v>
      </c>
      <c r="F107" s="18">
        <v>234</v>
      </c>
      <c r="G107" s="19">
        <v>101</v>
      </c>
      <c r="H107" s="18">
        <v>131</v>
      </c>
      <c r="I107" s="18">
        <v>79</v>
      </c>
      <c r="J107" s="18">
        <v>52</v>
      </c>
      <c r="K107" s="17">
        <v>146</v>
      </c>
      <c r="L107" s="51">
        <v>85</v>
      </c>
      <c r="M107" s="52">
        <v>61</v>
      </c>
    </row>
    <row r="108" spans="1:13">
      <c r="A108" s="40" t="s">
        <v>111</v>
      </c>
      <c r="B108" s="21">
        <v>-43</v>
      </c>
      <c r="C108" s="22">
        <v>-41</v>
      </c>
      <c r="D108" s="22">
        <v>-2</v>
      </c>
      <c r="E108" s="21">
        <v>46</v>
      </c>
      <c r="F108" s="22">
        <v>37</v>
      </c>
      <c r="G108" s="23">
        <v>9</v>
      </c>
      <c r="H108" s="22">
        <v>39</v>
      </c>
      <c r="I108" s="22">
        <v>21</v>
      </c>
      <c r="J108" s="22">
        <v>18</v>
      </c>
      <c r="K108" s="21">
        <v>36</v>
      </c>
      <c r="L108" s="53">
        <v>25</v>
      </c>
      <c r="M108" s="54">
        <v>11</v>
      </c>
    </row>
    <row r="109" spans="1:13">
      <c r="A109" s="40" t="s">
        <v>112</v>
      </c>
      <c r="B109" s="21">
        <v>-74</v>
      </c>
      <c r="C109" s="22">
        <v>-50</v>
      </c>
      <c r="D109" s="22">
        <v>-24</v>
      </c>
      <c r="E109" s="21">
        <v>74</v>
      </c>
      <c r="F109" s="22">
        <v>51</v>
      </c>
      <c r="G109" s="23">
        <v>23</v>
      </c>
      <c r="H109" s="22">
        <v>27</v>
      </c>
      <c r="I109" s="22">
        <v>16</v>
      </c>
      <c r="J109" s="22">
        <v>11</v>
      </c>
      <c r="K109" s="21">
        <v>27</v>
      </c>
      <c r="L109" s="53">
        <v>15</v>
      </c>
      <c r="M109" s="54">
        <v>12</v>
      </c>
    </row>
    <row r="110" spans="1:13">
      <c r="A110" s="40" t="s">
        <v>113</v>
      </c>
      <c r="B110" s="21">
        <v>-79</v>
      </c>
      <c r="C110" s="22">
        <v>-56</v>
      </c>
      <c r="D110" s="22">
        <v>-23</v>
      </c>
      <c r="E110" s="21">
        <v>79</v>
      </c>
      <c r="F110" s="22">
        <v>59</v>
      </c>
      <c r="G110" s="23">
        <v>20</v>
      </c>
      <c r="H110" s="22">
        <v>30</v>
      </c>
      <c r="I110" s="22">
        <v>20</v>
      </c>
      <c r="J110" s="22">
        <v>10</v>
      </c>
      <c r="K110" s="21">
        <v>30</v>
      </c>
      <c r="L110" s="53">
        <v>17</v>
      </c>
      <c r="M110" s="54">
        <v>13</v>
      </c>
    </row>
    <row r="111" spans="1:13">
      <c r="A111" s="40" t="s">
        <v>114</v>
      </c>
      <c r="B111" s="21">
        <v>-71</v>
      </c>
      <c r="C111" s="22">
        <v>-45</v>
      </c>
      <c r="D111" s="22">
        <v>-26</v>
      </c>
      <c r="E111" s="21">
        <v>61</v>
      </c>
      <c r="F111" s="22">
        <v>41</v>
      </c>
      <c r="G111" s="23">
        <v>20</v>
      </c>
      <c r="H111" s="22">
        <v>19</v>
      </c>
      <c r="I111" s="22">
        <v>13</v>
      </c>
      <c r="J111" s="22">
        <v>6</v>
      </c>
      <c r="K111" s="21">
        <v>29</v>
      </c>
      <c r="L111" s="53">
        <v>17</v>
      </c>
      <c r="M111" s="54">
        <v>12</v>
      </c>
    </row>
    <row r="112" spans="1:13">
      <c r="A112" s="40" t="s">
        <v>115</v>
      </c>
      <c r="B112" s="21">
        <v>-83</v>
      </c>
      <c r="C112" s="22">
        <v>-48</v>
      </c>
      <c r="D112" s="22">
        <v>-35</v>
      </c>
      <c r="E112" s="21">
        <v>75</v>
      </c>
      <c r="F112" s="22">
        <v>46</v>
      </c>
      <c r="G112" s="23">
        <v>29</v>
      </c>
      <c r="H112" s="22">
        <v>16</v>
      </c>
      <c r="I112" s="22">
        <v>9</v>
      </c>
      <c r="J112" s="22">
        <v>7</v>
      </c>
      <c r="K112" s="21">
        <v>24</v>
      </c>
      <c r="L112" s="53">
        <v>11</v>
      </c>
      <c r="M112" s="54">
        <v>13</v>
      </c>
    </row>
    <row r="113" spans="1:13" ht="19.5" customHeight="1">
      <c r="A113" s="34" t="s">
        <v>116</v>
      </c>
      <c r="B113" s="17">
        <v>-429</v>
      </c>
      <c r="C113" s="18">
        <v>-252</v>
      </c>
      <c r="D113" s="18">
        <v>-177</v>
      </c>
      <c r="E113" s="17">
        <v>400</v>
      </c>
      <c r="F113" s="18">
        <v>238</v>
      </c>
      <c r="G113" s="19">
        <v>162</v>
      </c>
      <c r="H113" s="18">
        <v>103</v>
      </c>
      <c r="I113" s="18">
        <v>48</v>
      </c>
      <c r="J113" s="18">
        <v>55</v>
      </c>
      <c r="K113" s="17">
        <v>132</v>
      </c>
      <c r="L113" s="51">
        <v>62</v>
      </c>
      <c r="M113" s="52">
        <v>70</v>
      </c>
    </row>
    <row r="114" spans="1:13">
      <c r="A114" s="40" t="s">
        <v>117</v>
      </c>
      <c r="B114" s="21">
        <v>-79</v>
      </c>
      <c r="C114" s="22">
        <v>-42</v>
      </c>
      <c r="D114" s="22">
        <v>-37</v>
      </c>
      <c r="E114" s="21">
        <v>80</v>
      </c>
      <c r="F114" s="22">
        <v>46</v>
      </c>
      <c r="G114" s="23">
        <v>34</v>
      </c>
      <c r="H114" s="22">
        <v>26</v>
      </c>
      <c r="I114" s="22">
        <v>15</v>
      </c>
      <c r="J114" s="22">
        <v>11</v>
      </c>
      <c r="K114" s="21">
        <v>25</v>
      </c>
      <c r="L114" s="53">
        <v>11</v>
      </c>
      <c r="M114" s="54">
        <v>14</v>
      </c>
    </row>
    <row r="115" spans="1:13">
      <c r="A115" s="40" t="s">
        <v>118</v>
      </c>
      <c r="B115" s="21">
        <v>-82</v>
      </c>
      <c r="C115" s="22">
        <v>-55</v>
      </c>
      <c r="D115" s="22">
        <v>-27</v>
      </c>
      <c r="E115" s="21">
        <v>74</v>
      </c>
      <c r="F115" s="22">
        <v>49</v>
      </c>
      <c r="G115" s="23">
        <v>25</v>
      </c>
      <c r="H115" s="22">
        <v>24</v>
      </c>
      <c r="I115" s="22">
        <v>10</v>
      </c>
      <c r="J115" s="22">
        <v>14</v>
      </c>
      <c r="K115" s="21">
        <v>32</v>
      </c>
      <c r="L115" s="53">
        <v>16</v>
      </c>
      <c r="M115" s="54">
        <v>16</v>
      </c>
    </row>
    <row r="116" spans="1:13">
      <c r="A116" s="40" t="s">
        <v>119</v>
      </c>
      <c r="B116" s="21">
        <v>-90</v>
      </c>
      <c r="C116" s="22">
        <v>-59</v>
      </c>
      <c r="D116" s="22">
        <v>-31</v>
      </c>
      <c r="E116" s="21">
        <v>83</v>
      </c>
      <c r="F116" s="22">
        <v>49</v>
      </c>
      <c r="G116" s="23">
        <v>34</v>
      </c>
      <c r="H116" s="22">
        <v>14</v>
      </c>
      <c r="I116" s="22">
        <v>7</v>
      </c>
      <c r="J116" s="22">
        <v>7</v>
      </c>
      <c r="K116" s="21">
        <v>21</v>
      </c>
      <c r="L116" s="53">
        <v>17</v>
      </c>
      <c r="M116" s="54">
        <v>4</v>
      </c>
    </row>
    <row r="117" spans="1:13">
      <c r="A117" s="40" t="s">
        <v>120</v>
      </c>
      <c r="B117" s="21">
        <v>-88</v>
      </c>
      <c r="C117" s="22">
        <v>-48</v>
      </c>
      <c r="D117" s="22">
        <v>-40</v>
      </c>
      <c r="E117" s="21">
        <v>81</v>
      </c>
      <c r="F117" s="22">
        <v>45</v>
      </c>
      <c r="G117" s="23">
        <v>36</v>
      </c>
      <c r="H117" s="22">
        <v>20</v>
      </c>
      <c r="I117" s="22">
        <v>9</v>
      </c>
      <c r="J117" s="22">
        <v>11</v>
      </c>
      <c r="K117" s="21">
        <v>27</v>
      </c>
      <c r="L117" s="53">
        <v>12</v>
      </c>
      <c r="M117" s="54">
        <v>15</v>
      </c>
    </row>
    <row r="118" spans="1:13">
      <c r="A118" s="40" t="s">
        <v>121</v>
      </c>
      <c r="B118" s="21">
        <v>-90</v>
      </c>
      <c r="C118" s="22">
        <v>-48</v>
      </c>
      <c r="D118" s="22">
        <v>-42</v>
      </c>
      <c r="E118" s="21">
        <v>82</v>
      </c>
      <c r="F118" s="22">
        <v>49</v>
      </c>
      <c r="G118" s="23">
        <v>33</v>
      </c>
      <c r="H118" s="22">
        <v>19</v>
      </c>
      <c r="I118" s="22">
        <v>7</v>
      </c>
      <c r="J118" s="22">
        <v>12</v>
      </c>
      <c r="K118" s="21">
        <v>27</v>
      </c>
      <c r="L118" s="53">
        <v>6</v>
      </c>
      <c r="M118" s="54">
        <v>21</v>
      </c>
    </row>
    <row r="119" spans="1:13" ht="19.5" customHeight="1">
      <c r="A119" s="34" t="s">
        <v>122</v>
      </c>
      <c r="B119" s="17">
        <v>-373</v>
      </c>
      <c r="C119" s="18">
        <v>-176</v>
      </c>
      <c r="D119" s="18">
        <v>-197</v>
      </c>
      <c r="E119" s="17">
        <v>368</v>
      </c>
      <c r="F119" s="18">
        <v>173</v>
      </c>
      <c r="G119" s="19">
        <v>195</v>
      </c>
      <c r="H119" s="18">
        <v>61</v>
      </c>
      <c r="I119" s="18">
        <v>20</v>
      </c>
      <c r="J119" s="18">
        <v>41</v>
      </c>
      <c r="K119" s="17">
        <v>66</v>
      </c>
      <c r="L119" s="51">
        <v>23</v>
      </c>
      <c r="M119" s="52">
        <v>43</v>
      </c>
    </row>
    <row r="120" spans="1:13">
      <c r="A120" s="40" t="s">
        <v>123</v>
      </c>
      <c r="B120" s="21">
        <v>-78</v>
      </c>
      <c r="C120" s="22">
        <v>-39</v>
      </c>
      <c r="D120" s="22">
        <v>-39</v>
      </c>
      <c r="E120" s="21">
        <v>73</v>
      </c>
      <c r="F120" s="22">
        <v>40</v>
      </c>
      <c r="G120" s="23">
        <v>33</v>
      </c>
      <c r="H120" s="22">
        <v>8</v>
      </c>
      <c r="I120" s="22">
        <v>4</v>
      </c>
      <c r="J120" s="22">
        <v>4</v>
      </c>
      <c r="K120" s="21">
        <v>13</v>
      </c>
      <c r="L120" s="53">
        <v>3</v>
      </c>
      <c r="M120" s="54">
        <v>10</v>
      </c>
    </row>
    <row r="121" spans="1:13">
      <c r="A121" s="40" t="s">
        <v>124</v>
      </c>
      <c r="B121" s="21">
        <v>-62</v>
      </c>
      <c r="C121" s="22">
        <v>-21</v>
      </c>
      <c r="D121" s="22">
        <v>-41</v>
      </c>
      <c r="E121" s="21">
        <v>66</v>
      </c>
      <c r="F121" s="22">
        <v>23</v>
      </c>
      <c r="G121" s="23">
        <v>43</v>
      </c>
      <c r="H121" s="22">
        <v>15</v>
      </c>
      <c r="I121" s="22">
        <v>6</v>
      </c>
      <c r="J121" s="22">
        <v>9</v>
      </c>
      <c r="K121" s="21">
        <v>11</v>
      </c>
      <c r="L121" s="53">
        <v>4</v>
      </c>
      <c r="M121" s="54">
        <v>7</v>
      </c>
    </row>
    <row r="122" spans="1:13">
      <c r="A122" s="40" t="s">
        <v>125</v>
      </c>
      <c r="B122" s="21">
        <v>-84</v>
      </c>
      <c r="C122" s="22">
        <v>-33</v>
      </c>
      <c r="D122" s="22">
        <v>-51</v>
      </c>
      <c r="E122" s="21">
        <v>79</v>
      </c>
      <c r="F122" s="22">
        <v>29</v>
      </c>
      <c r="G122" s="23">
        <v>50</v>
      </c>
      <c r="H122" s="22">
        <v>9</v>
      </c>
      <c r="I122" s="22">
        <v>1</v>
      </c>
      <c r="J122" s="22">
        <v>8</v>
      </c>
      <c r="K122" s="21">
        <v>14</v>
      </c>
      <c r="L122" s="53">
        <v>5</v>
      </c>
      <c r="M122" s="54">
        <v>9</v>
      </c>
    </row>
    <row r="123" spans="1:13">
      <c r="A123" s="40" t="s">
        <v>126</v>
      </c>
      <c r="B123" s="21">
        <v>-80</v>
      </c>
      <c r="C123" s="22">
        <v>-42</v>
      </c>
      <c r="D123" s="22">
        <v>-38</v>
      </c>
      <c r="E123" s="21">
        <v>76</v>
      </c>
      <c r="F123" s="22">
        <v>40</v>
      </c>
      <c r="G123" s="23">
        <v>36</v>
      </c>
      <c r="H123" s="22">
        <v>13</v>
      </c>
      <c r="I123" s="22">
        <v>5</v>
      </c>
      <c r="J123" s="22">
        <v>8</v>
      </c>
      <c r="K123" s="21">
        <v>17</v>
      </c>
      <c r="L123" s="53">
        <v>7</v>
      </c>
      <c r="M123" s="54">
        <v>10</v>
      </c>
    </row>
    <row r="124" spans="1:13">
      <c r="A124" s="40" t="s">
        <v>127</v>
      </c>
      <c r="B124" s="21">
        <v>-69</v>
      </c>
      <c r="C124" s="22">
        <v>-41</v>
      </c>
      <c r="D124" s="22">
        <v>-28</v>
      </c>
      <c r="E124" s="21">
        <v>74</v>
      </c>
      <c r="F124" s="22">
        <v>41</v>
      </c>
      <c r="G124" s="23">
        <v>33</v>
      </c>
      <c r="H124" s="22">
        <v>16</v>
      </c>
      <c r="I124" s="22">
        <v>4</v>
      </c>
      <c r="J124" s="22">
        <v>12</v>
      </c>
      <c r="K124" s="21">
        <v>11</v>
      </c>
      <c r="L124" s="53">
        <v>4</v>
      </c>
      <c r="M124" s="54">
        <v>7</v>
      </c>
    </row>
    <row r="125" spans="1:13" ht="19.5" customHeight="1">
      <c r="A125" s="34" t="s">
        <v>128</v>
      </c>
      <c r="B125" s="17">
        <v>-340</v>
      </c>
      <c r="C125" s="18">
        <v>-118</v>
      </c>
      <c r="D125" s="18">
        <v>-222</v>
      </c>
      <c r="E125" s="17">
        <v>346</v>
      </c>
      <c r="F125" s="18">
        <v>120</v>
      </c>
      <c r="G125" s="19">
        <v>226</v>
      </c>
      <c r="H125" s="18">
        <v>44</v>
      </c>
      <c r="I125" s="18">
        <v>13</v>
      </c>
      <c r="J125" s="18">
        <v>31</v>
      </c>
      <c r="K125" s="17">
        <v>38</v>
      </c>
      <c r="L125" s="51">
        <v>11</v>
      </c>
      <c r="M125" s="52">
        <v>27</v>
      </c>
    </row>
    <row r="126" spans="1:13">
      <c r="A126" s="40" t="s">
        <v>129</v>
      </c>
      <c r="B126" s="21">
        <v>-68</v>
      </c>
      <c r="C126" s="22">
        <v>-28</v>
      </c>
      <c r="D126" s="22">
        <v>-40</v>
      </c>
      <c r="E126" s="21">
        <v>72</v>
      </c>
      <c r="F126" s="22">
        <v>29</v>
      </c>
      <c r="G126" s="23">
        <v>43</v>
      </c>
      <c r="H126" s="22">
        <v>13</v>
      </c>
      <c r="I126" s="22">
        <v>3</v>
      </c>
      <c r="J126" s="22">
        <v>10</v>
      </c>
      <c r="K126" s="21">
        <v>9</v>
      </c>
      <c r="L126" s="53">
        <v>2</v>
      </c>
      <c r="M126" s="54">
        <v>7</v>
      </c>
    </row>
    <row r="127" spans="1:13">
      <c r="A127" s="40" t="s">
        <v>130</v>
      </c>
      <c r="B127" s="21">
        <v>-74</v>
      </c>
      <c r="C127" s="22">
        <v>-26</v>
      </c>
      <c r="D127" s="22">
        <v>-48</v>
      </c>
      <c r="E127" s="21">
        <v>77</v>
      </c>
      <c r="F127" s="22">
        <v>25</v>
      </c>
      <c r="G127" s="23">
        <v>52</v>
      </c>
      <c r="H127" s="22">
        <v>14</v>
      </c>
      <c r="I127" s="22">
        <v>4</v>
      </c>
      <c r="J127" s="22">
        <v>10</v>
      </c>
      <c r="K127" s="21">
        <v>11</v>
      </c>
      <c r="L127" s="53">
        <v>5</v>
      </c>
      <c r="M127" s="54">
        <v>6</v>
      </c>
    </row>
    <row r="128" spans="1:13">
      <c r="A128" s="40" t="s">
        <v>131</v>
      </c>
      <c r="B128" s="21">
        <v>-65</v>
      </c>
      <c r="C128" s="22">
        <v>-21</v>
      </c>
      <c r="D128" s="22">
        <v>-44</v>
      </c>
      <c r="E128" s="21">
        <v>70</v>
      </c>
      <c r="F128" s="22">
        <v>24</v>
      </c>
      <c r="G128" s="23">
        <v>46</v>
      </c>
      <c r="H128" s="22">
        <v>7</v>
      </c>
      <c r="I128" s="22">
        <v>4</v>
      </c>
      <c r="J128" s="22">
        <v>3</v>
      </c>
      <c r="K128" s="21">
        <v>2</v>
      </c>
      <c r="L128" s="53">
        <v>1</v>
      </c>
      <c r="M128" s="54">
        <v>1</v>
      </c>
    </row>
    <row r="129" spans="1:13">
      <c r="A129" s="40" t="s">
        <v>132</v>
      </c>
      <c r="B129" s="21">
        <v>-74</v>
      </c>
      <c r="C129" s="22">
        <v>-29</v>
      </c>
      <c r="D129" s="22">
        <v>-45</v>
      </c>
      <c r="E129" s="21">
        <v>70</v>
      </c>
      <c r="F129" s="22">
        <v>28</v>
      </c>
      <c r="G129" s="23">
        <v>42</v>
      </c>
      <c r="H129" s="22">
        <v>5</v>
      </c>
      <c r="I129" s="22">
        <v>1</v>
      </c>
      <c r="J129" s="22">
        <v>4</v>
      </c>
      <c r="K129" s="21">
        <v>9</v>
      </c>
      <c r="L129" s="53">
        <v>2</v>
      </c>
      <c r="M129" s="54">
        <v>7</v>
      </c>
    </row>
    <row r="130" spans="1:13">
      <c r="A130" s="40" t="s">
        <v>133</v>
      </c>
      <c r="B130" s="21">
        <v>-59</v>
      </c>
      <c r="C130" s="22">
        <v>-14</v>
      </c>
      <c r="D130" s="22">
        <v>-45</v>
      </c>
      <c r="E130" s="21">
        <v>57</v>
      </c>
      <c r="F130" s="22">
        <v>14</v>
      </c>
      <c r="G130" s="23">
        <v>43</v>
      </c>
      <c r="H130" s="22">
        <v>5</v>
      </c>
      <c r="I130" s="22">
        <v>1</v>
      </c>
      <c r="J130" s="22">
        <v>4</v>
      </c>
      <c r="K130" s="21">
        <v>7</v>
      </c>
      <c r="L130" s="53">
        <v>1</v>
      </c>
      <c r="M130" s="54">
        <v>6</v>
      </c>
    </row>
    <row r="131" spans="1:13" ht="19.5" customHeight="1">
      <c r="A131" s="34" t="s">
        <v>134</v>
      </c>
      <c r="B131" s="17">
        <v>-160</v>
      </c>
      <c r="C131" s="18">
        <v>-36</v>
      </c>
      <c r="D131" s="18">
        <v>-124</v>
      </c>
      <c r="E131" s="17">
        <v>155</v>
      </c>
      <c r="F131" s="18">
        <v>38</v>
      </c>
      <c r="G131" s="19">
        <v>117</v>
      </c>
      <c r="H131" s="18">
        <v>7</v>
      </c>
      <c r="I131" s="18">
        <v>2</v>
      </c>
      <c r="J131" s="18">
        <v>5</v>
      </c>
      <c r="K131" s="17">
        <v>12</v>
      </c>
      <c r="L131" s="51">
        <v>0</v>
      </c>
      <c r="M131" s="52">
        <v>12</v>
      </c>
    </row>
    <row r="132" spans="1:13">
      <c r="A132" s="40" t="s">
        <v>135</v>
      </c>
      <c r="B132" s="21">
        <v>-53</v>
      </c>
      <c r="C132" s="22">
        <v>-13</v>
      </c>
      <c r="D132" s="22">
        <v>-40</v>
      </c>
      <c r="E132" s="21">
        <v>48</v>
      </c>
      <c r="F132" s="22">
        <v>13</v>
      </c>
      <c r="G132" s="23">
        <v>35</v>
      </c>
      <c r="H132" s="22">
        <v>1</v>
      </c>
      <c r="I132" s="22">
        <v>0</v>
      </c>
      <c r="J132" s="22">
        <v>1</v>
      </c>
      <c r="K132" s="21">
        <v>6</v>
      </c>
      <c r="L132" s="53">
        <v>0</v>
      </c>
      <c r="M132" s="54">
        <v>6</v>
      </c>
    </row>
    <row r="133" spans="1:13">
      <c r="A133" s="40" t="s">
        <v>136</v>
      </c>
      <c r="B133" s="21">
        <v>-34</v>
      </c>
      <c r="C133" s="22">
        <v>-11</v>
      </c>
      <c r="D133" s="22">
        <v>-23</v>
      </c>
      <c r="E133" s="21">
        <v>35</v>
      </c>
      <c r="F133" s="22">
        <v>11</v>
      </c>
      <c r="G133" s="23">
        <v>24</v>
      </c>
      <c r="H133" s="22">
        <v>2</v>
      </c>
      <c r="I133" s="22">
        <v>0</v>
      </c>
      <c r="J133" s="22">
        <v>2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27</v>
      </c>
      <c r="C134" s="22">
        <v>-2</v>
      </c>
      <c r="D134" s="22">
        <v>-25</v>
      </c>
      <c r="E134" s="21">
        <v>27</v>
      </c>
      <c r="F134" s="22">
        <v>3</v>
      </c>
      <c r="G134" s="23">
        <v>24</v>
      </c>
      <c r="H134" s="22">
        <v>2</v>
      </c>
      <c r="I134" s="22">
        <v>1</v>
      </c>
      <c r="J134" s="22">
        <v>1</v>
      </c>
      <c r="K134" s="21">
        <v>2</v>
      </c>
      <c r="L134" s="53">
        <v>0</v>
      </c>
      <c r="M134" s="54">
        <v>2</v>
      </c>
    </row>
    <row r="135" spans="1:13">
      <c r="A135" s="40" t="s">
        <v>138</v>
      </c>
      <c r="B135" s="21">
        <v>-30</v>
      </c>
      <c r="C135" s="22">
        <v>-8</v>
      </c>
      <c r="D135" s="22">
        <v>-22</v>
      </c>
      <c r="E135" s="21">
        <v>28</v>
      </c>
      <c r="F135" s="22">
        <v>8</v>
      </c>
      <c r="G135" s="23">
        <v>20</v>
      </c>
      <c r="H135" s="22">
        <v>1</v>
      </c>
      <c r="I135" s="22">
        <v>0</v>
      </c>
      <c r="J135" s="22">
        <v>1</v>
      </c>
      <c r="K135" s="21">
        <v>3</v>
      </c>
      <c r="L135" s="53">
        <v>0</v>
      </c>
      <c r="M135" s="54">
        <v>3</v>
      </c>
    </row>
    <row r="136" spans="1:13">
      <c r="A136" s="40" t="s">
        <v>139</v>
      </c>
      <c r="B136" s="21">
        <v>-16</v>
      </c>
      <c r="C136" s="22">
        <v>-2</v>
      </c>
      <c r="D136" s="22">
        <v>-14</v>
      </c>
      <c r="E136" s="21">
        <v>17</v>
      </c>
      <c r="F136" s="22">
        <v>3</v>
      </c>
      <c r="G136" s="23">
        <v>14</v>
      </c>
      <c r="H136" s="22">
        <v>1</v>
      </c>
      <c r="I136" s="22">
        <v>1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50</v>
      </c>
      <c r="C137" s="43">
        <v>-5</v>
      </c>
      <c r="D137" s="43">
        <v>-45</v>
      </c>
      <c r="E137" s="42">
        <v>51</v>
      </c>
      <c r="F137" s="43">
        <v>6</v>
      </c>
      <c r="G137" s="44">
        <v>45</v>
      </c>
      <c r="H137" s="43">
        <v>2</v>
      </c>
      <c r="I137" s="43">
        <v>1</v>
      </c>
      <c r="J137" s="43">
        <v>1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7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3584</v>
      </c>
      <c r="C5" s="14">
        <v>1897</v>
      </c>
      <c r="D5" s="14">
        <v>1687</v>
      </c>
      <c r="E5" s="13">
        <v>1447</v>
      </c>
      <c r="F5" s="14">
        <v>777</v>
      </c>
      <c r="G5" s="15">
        <v>670</v>
      </c>
      <c r="H5" s="14">
        <v>13389</v>
      </c>
      <c r="I5" s="14">
        <v>7340</v>
      </c>
      <c r="J5" s="14">
        <v>6049</v>
      </c>
      <c r="K5" s="13">
        <v>10044</v>
      </c>
      <c r="L5" s="49">
        <v>5541</v>
      </c>
      <c r="M5" s="50">
        <v>4503</v>
      </c>
    </row>
    <row r="6" spans="1:13" ht="19.5" customHeight="1">
      <c r="A6" s="16" t="s">
        <v>13</v>
      </c>
      <c r="B6" s="17">
        <v>1820</v>
      </c>
      <c r="C6" s="18">
        <v>970</v>
      </c>
      <c r="D6" s="18">
        <v>850</v>
      </c>
      <c r="E6" s="17">
        <v>5</v>
      </c>
      <c r="F6" s="18">
        <v>3</v>
      </c>
      <c r="G6" s="19">
        <v>2</v>
      </c>
      <c r="H6" s="18">
        <v>776</v>
      </c>
      <c r="I6" s="18">
        <v>428</v>
      </c>
      <c r="J6" s="18">
        <v>348</v>
      </c>
      <c r="K6" s="17">
        <v>637</v>
      </c>
      <c r="L6" s="51">
        <v>330</v>
      </c>
      <c r="M6" s="52">
        <v>307</v>
      </c>
    </row>
    <row r="7" spans="1:13">
      <c r="A7" s="20" t="s">
        <v>14</v>
      </c>
      <c r="B7" s="21">
        <v>1732</v>
      </c>
      <c r="C7" s="22">
        <v>903</v>
      </c>
      <c r="D7" s="22">
        <v>829</v>
      </c>
      <c r="E7" s="21">
        <v>2</v>
      </c>
      <c r="F7" s="22">
        <v>1</v>
      </c>
      <c r="G7" s="23">
        <v>1</v>
      </c>
      <c r="H7" s="22">
        <v>128</v>
      </c>
      <c r="I7" s="22">
        <v>71</v>
      </c>
      <c r="J7" s="22">
        <v>57</v>
      </c>
      <c r="K7" s="21">
        <v>80</v>
      </c>
      <c r="L7" s="53">
        <v>42</v>
      </c>
      <c r="M7" s="54">
        <v>38</v>
      </c>
    </row>
    <row r="8" spans="1:13">
      <c r="A8" s="20" t="s">
        <v>15</v>
      </c>
      <c r="B8" s="21">
        <v>59</v>
      </c>
      <c r="C8" s="22">
        <v>40</v>
      </c>
      <c r="D8" s="22">
        <v>19</v>
      </c>
      <c r="E8" s="21">
        <v>0</v>
      </c>
      <c r="F8" s="22">
        <v>0</v>
      </c>
      <c r="G8" s="23">
        <v>0</v>
      </c>
      <c r="H8" s="22">
        <v>251</v>
      </c>
      <c r="I8" s="22">
        <v>140</v>
      </c>
      <c r="J8" s="22">
        <v>111</v>
      </c>
      <c r="K8" s="21">
        <v>192</v>
      </c>
      <c r="L8" s="53">
        <v>100</v>
      </c>
      <c r="M8" s="54">
        <v>92</v>
      </c>
    </row>
    <row r="9" spans="1:13">
      <c r="A9" s="20" t="s">
        <v>16</v>
      </c>
      <c r="B9" s="21">
        <v>45</v>
      </c>
      <c r="C9" s="22">
        <v>25</v>
      </c>
      <c r="D9" s="22">
        <v>20</v>
      </c>
      <c r="E9" s="21">
        <v>3</v>
      </c>
      <c r="F9" s="22">
        <v>2</v>
      </c>
      <c r="G9" s="23">
        <v>1</v>
      </c>
      <c r="H9" s="22">
        <v>177</v>
      </c>
      <c r="I9" s="22">
        <v>101</v>
      </c>
      <c r="J9" s="22">
        <v>76</v>
      </c>
      <c r="K9" s="21">
        <v>129</v>
      </c>
      <c r="L9" s="53">
        <v>74</v>
      </c>
      <c r="M9" s="54">
        <v>55</v>
      </c>
    </row>
    <row r="10" spans="1:13">
      <c r="A10" s="20" t="s">
        <v>17</v>
      </c>
      <c r="B10" s="21">
        <v>-13</v>
      </c>
      <c r="C10" s="22">
        <v>-4</v>
      </c>
      <c r="D10" s="22">
        <v>-9</v>
      </c>
      <c r="E10" s="21">
        <v>0</v>
      </c>
      <c r="F10" s="22">
        <v>0</v>
      </c>
      <c r="G10" s="23">
        <v>0</v>
      </c>
      <c r="H10" s="22">
        <v>122</v>
      </c>
      <c r="I10" s="22">
        <v>60</v>
      </c>
      <c r="J10" s="22">
        <v>62</v>
      </c>
      <c r="K10" s="21">
        <v>135</v>
      </c>
      <c r="L10" s="53">
        <v>64</v>
      </c>
      <c r="M10" s="54">
        <v>71</v>
      </c>
    </row>
    <row r="11" spans="1:13">
      <c r="A11" s="20" t="s">
        <v>18</v>
      </c>
      <c r="B11" s="21">
        <v>-3</v>
      </c>
      <c r="C11" s="22">
        <v>6</v>
      </c>
      <c r="D11" s="22">
        <v>-9</v>
      </c>
      <c r="E11" s="21">
        <v>0</v>
      </c>
      <c r="F11" s="22">
        <v>0</v>
      </c>
      <c r="G11" s="23">
        <v>0</v>
      </c>
      <c r="H11" s="22">
        <v>98</v>
      </c>
      <c r="I11" s="22">
        <v>56</v>
      </c>
      <c r="J11" s="22">
        <v>42</v>
      </c>
      <c r="K11" s="21">
        <v>101</v>
      </c>
      <c r="L11" s="53">
        <v>50</v>
      </c>
      <c r="M11" s="54">
        <v>51</v>
      </c>
    </row>
    <row r="12" spans="1:13" ht="20.100000000000001" customHeight="1">
      <c r="A12" s="16" t="s">
        <v>19</v>
      </c>
      <c r="B12" s="17">
        <v>-55</v>
      </c>
      <c r="C12" s="18">
        <v>-25</v>
      </c>
      <c r="D12" s="18">
        <v>-30</v>
      </c>
      <c r="E12" s="17">
        <v>0</v>
      </c>
      <c r="F12" s="18">
        <v>0</v>
      </c>
      <c r="G12" s="19">
        <v>0</v>
      </c>
      <c r="H12" s="18">
        <v>262</v>
      </c>
      <c r="I12" s="18">
        <v>132</v>
      </c>
      <c r="J12" s="18">
        <v>130</v>
      </c>
      <c r="K12" s="17">
        <v>317</v>
      </c>
      <c r="L12" s="51">
        <v>157</v>
      </c>
      <c r="M12" s="52">
        <v>160</v>
      </c>
    </row>
    <row r="13" spans="1:13">
      <c r="A13" s="20" t="s">
        <v>20</v>
      </c>
      <c r="B13" s="21">
        <v>-14</v>
      </c>
      <c r="C13" s="22">
        <v>-6</v>
      </c>
      <c r="D13" s="22">
        <v>-8</v>
      </c>
      <c r="E13" s="21">
        <v>0</v>
      </c>
      <c r="F13" s="22">
        <v>0</v>
      </c>
      <c r="G13" s="23">
        <v>0</v>
      </c>
      <c r="H13" s="22">
        <v>79</v>
      </c>
      <c r="I13" s="22">
        <v>49</v>
      </c>
      <c r="J13" s="22">
        <v>30</v>
      </c>
      <c r="K13" s="21">
        <v>93</v>
      </c>
      <c r="L13" s="53">
        <v>55</v>
      </c>
      <c r="M13" s="54">
        <v>38</v>
      </c>
    </row>
    <row r="14" spans="1:13">
      <c r="A14" s="20" t="s">
        <v>21</v>
      </c>
      <c r="B14" s="21">
        <v>-29</v>
      </c>
      <c r="C14" s="22">
        <v>-17</v>
      </c>
      <c r="D14" s="22">
        <v>-12</v>
      </c>
      <c r="E14" s="21">
        <v>0</v>
      </c>
      <c r="F14" s="22">
        <v>0</v>
      </c>
      <c r="G14" s="23">
        <v>0</v>
      </c>
      <c r="H14" s="22">
        <v>52</v>
      </c>
      <c r="I14" s="22">
        <v>22</v>
      </c>
      <c r="J14" s="22">
        <v>30</v>
      </c>
      <c r="K14" s="21">
        <v>81</v>
      </c>
      <c r="L14" s="53">
        <v>39</v>
      </c>
      <c r="M14" s="54">
        <v>42</v>
      </c>
    </row>
    <row r="15" spans="1:13">
      <c r="A15" s="20" t="s">
        <v>22</v>
      </c>
      <c r="B15" s="21">
        <v>-11</v>
      </c>
      <c r="C15" s="22">
        <v>1</v>
      </c>
      <c r="D15" s="22">
        <v>-12</v>
      </c>
      <c r="E15" s="21">
        <v>0</v>
      </c>
      <c r="F15" s="22">
        <v>0</v>
      </c>
      <c r="G15" s="23">
        <v>0</v>
      </c>
      <c r="H15" s="22">
        <v>65</v>
      </c>
      <c r="I15" s="22">
        <v>29</v>
      </c>
      <c r="J15" s="22">
        <v>36</v>
      </c>
      <c r="K15" s="21">
        <v>76</v>
      </c>
      <c r="L15" s="53">
        <v>28</v>
      </c>
      <c r="M15" s="54">
        <v>48</v>
      </c>
    </row>
    <row r="16" spans="1:13">
      <c r="A16" s="20" t="s">
        <v>23</v>
      </c>
      <c r="B16" s="21">
        <v>-13</v>
      </c>
      <c r="C16" s="22">
        <v>-10</v>
      </c>
      <c r="D16" s="22">
        <v>-3</v>
      </c>
      <c r="E16" s="21">
        <v>0</v>
      </c>
      <c r="F16" s="22">
        <v>0</v>
      </c>
      <c r="G16" s="23">
        <v>0</v>
      </c>
      <c r="H16" s="22">
        <v>24</v>
      </c>
      <c r="I16" s="22">
        <v>9</v>
      </c>
      <c r="J16" s="22">
        <v>15</v>
      </c>
      <c r="K16" s="21">
        <v>37</v>
      </c>
      <c r="L16" s="53">
        <v>19</v>
      </c>
      <c r="M16" s="54">
        <v>18</v>
      </c>
    </row>
    <row r="17" spans="1:13">
      <c r="A17" s="20" t="s">
        <v>24</v>
      </c>
      <c r="B17" s="21">
        <v>12</v>
      </c>
      <c r="C17" s="22">
        <v>7</v>
      </c>
      <c r="D17" s="22">
        <v>5</v>
      </c>
      <c r="E17" s="21">
        <v>0</v>
      </c>
      <c r="F17" s="22">
        <v>0</v>
      </c>
      <c r="G17" s="23">
        <v>0</v>
      </c>
      <c r="H17" s="22">
        <v>42</v>
      </c>
      <c r="I17" s="22">
        <v>23</v>
      </c>
      <c r="J17" s="22">
        <v>19</v>
      </c>
      <c r="K17" s="21">
        <v>30</v>
      </c>
      <c r="L17" s="53">
        <v>16</v>
      </c>
      <c r="M17" s="54">
        <v>14</v>
      </c>
    </row>
    <row r="18" spans="1:13" ht="20.100000000000001" customHeight="1">
      <c r="A18" s="16" t="s">
        <v>25</v>
      </c>
      <c r="B18" s="17">
        <v>5</v>
      </c>
      <c r="C18" s="18">
        <v>11</v>
      </c>
      <c r="D18" s="18">
        <v>-6</v>
      </c>
      <c r="E18" s="17">
        <v>0</v>
      </c>
      <c r="F18" s="18">
        <v>0</v>
      </c>
      <c r="G18" s="19">
        <v>0</v>
      </c>
      <c r="H18" s="18">
        <v>151</v>
      </c>
      <c r="I18" s="18">
        <v>81</v>
      </c>
      <c r="J18" s="18">
        <v>70</v>
      </c>
      <c r="K18" s="17">
        <v>146</v>
      </c>
      <c r="L18" s="51">
        <v>70</v>
      </c>
      <c r="M18" s="52">
        <v>76</v>
      </c>
    </row>
    <row r="19" spans="1:13">
      <c r="A19" s="20" t="s">
        <v>26</v>
      </c>
      <c r="B19" s="21">
        <v>-1</v>
      </c>
      <c r="C19" s="22">
        <v>0</v>
      </c>
      <c r="D19" s="22">
        <v>-1</v>
      </c>
      <c r="E19" s="21">
        <v>0</v>
      </c>
      <c r="F19" s="22">
        <v>0</v>
      </c>
      <c r="G19" s="23">
        <v>0</v>
      </c>
      <c r="H19" s="22">
        <v>36</v>
      </c>
      <c r="I19" s="22">
        <v>18</v>
      </c>
      <c r="J19" s="22">
        <v>18</v>
      </c>
      <c r="K19" s="21">
        <v>37</v>
      </c>
      <c r="L19" s="53">
        <v>18</v>
      </c>
      <c r="M19" s="54">
        <v>19</v>
      </c>
    </row>
    <row r="20" spans="1:13">
      <c r="A20" s="20" t="s">
        <v>27</v>
      </c>
      <c r="B20" s="21">
        <v>14</v>
      </c>
      <c r="C20" s="22">
        <v>8</v>
      </c>
      <c r="D20" s="22">
        <v>6</v>
      </c>
      <c r="E20" s="21">
        <v>0</v>
      </c>
      <c r="F20" s="22">
        <v>0</v>
      </c>
      <c r="G20" s="23">
        <v>0</v>
      </c>
      <c r="H20" s="22">
        <v>42</v>
      </c>
      <c r="I20" s="22">
        <v>20</v>
      </c>
      <c r="J20" s="22">
        <v>22</v>
      </c>
      <c r="K20" s="21">
        <v>28</v>
      </c>
      <c r="L20" s="53">
        <v>12</v>
      </c>
      <c r="M20" s="54">
        <v>16</v>
      </c>
    </row>
    <row r="21" spans="1:13">
      <c r="A21" s="20" t="s">
        <v>28</v>
      </c>
      <c r="B21" s="21">
        <v>8</v>
      </c>
      <c r="C21" s="22">
        <v>4</v>
      </c>
      <c r="D21" s="22">
        <v>4</v>
      </c>
      <c r="E21" s="21">
        <v>0</v>
      </c>
      <c r="F21" s="22">
        <v>0</v>
      </c>
      <c r="G21" s="23">
        <v>0</v>
      </c>
      <c r="H21" s="22">
        <v>28</v>
      </c>
      <c r="I21" s="22">
        <v>15</v>
      </c>
      <c r="J21" s="22">
        <v>13</v>
      </c>
      <c r="K21" s="21">
        <v>20</v>
      </c>
      <c r="L21" s="53">
        <v>11</v>
      </c>
      <c r="M21" s="54">
        <v>9</v>
      </c>
    </row>
    <row r="22" spans="1:13">
      <c r="A22" s="20" t="s">
        <v>29</v>
      </c>
      <c r="B22" s="21">
        <v>-14</v>
      </c>
      <c r="C22" s="22">
        <v>-2</v>
      </c>
      <c r="D22" s="22">
        <v>-12</v>
      </c>
      <c r="E22" s="21">
        <v>0</v>
      </c>
      <c r="F22" s="22">
        <v>0</v>
      </c>
      <c r="G22" s="23">
        <v>0</v>
      </c>
      <c r="H22" s="22">
        <v>27</v>
      </c>
      <c r="I22" s="22">
        <v>15</v>
      </c>
      <c r="J22" s="22">
        <v>12</v>
      </c>
      <c r="K22" s="21">
        <v>41</v>
      </c>
      <c r="L22" s="53">
        <v>17</v>
      </c>
      <c r="M22" s="54">
        <v>24</v>
      </c>
    </row>
    <row r="23" spans="1:13">
      <c r="A23" s="20" t="s">
        <v>30</v>
      </c>
      <c r="B23" s="21">
        <v>-2</v>
      </c>
      <c r="C23" s="22">
        <v>1</v>
      </c>
      <c r="D23" s="22">
        <v>-3</v>
      </c>
      <c r="E23" s="21">
        <v>0</v>
      </c>
      <c r="F23" s="22">
        <v>0</v>
      </c>
      <c r="G23" s="23">
        <v>0</v>
      </c>
      <c r="H23" s="22">
        <v>18</v>
      </c>
      <c r="I23" s="22">
        <v>13</v>
      </c>
      <c r="J23" s="22">
        <v>5</v>
      </c>
      <c r="K23" s="21">
        <v>20</v>
      </c>
      <c r="L23" s="53">
        <v>12</v>
      </c>
      <c r="M23" s="54">
        <v>8</v>
      </c>
    </row>
    <row r="24" spans="1:13" ht="20.100000000000001" customHeight="1">
      <c r="A24" s="16" t="s">
        <v>31</v>
      </c>
      <c r="B24" s="17">
        <v>119</v>
      </c>
      <c r="C24" s="18">
        <v>64</v>
      </c>
      <c r="D24" s="18">
        <v>55</v>
      </c>
      <c r="E24" s="17">
        <v>0</v>
      </c>
      <c r="F24" s="18">
        <v>0</v>
      </c>
      <c r="G24" s="19">
        <v>0</v>
      </c>
      <c r="H24" s="18">
        <v>333</v>
      </c>
      <c r="I24" s="18">
        <v>190</v>
      </c>
      <c r="J24" s="18">
        <v>143</v>
      </c>
      <c r="K24" s="17">
        <v>214</v>
      </c>
      <c r="L24" s="51">
        <v>126</v>
      </c>
      <c r="M24" s="52">
        <v>88</v>
      </c>
    </row>
    <row r="25" spans="1:13">
      <c r="A25" s="20" t="s">
        <v>32</v>
      </c>
      <c r="B25" s="21">
        <v>10</v>
      </c>
      <c r="C25" s="22">
        <v>7</v>
      </c>
      <c r="D25" s="22">
        <v>3</v>
      </c>
      <c r="E25" s="21">
        <v>0</v>
      </c>
      <c r="F25" s="22">
        <v>0</v>
      </c>
      <c r="G25" s="23">
        <v>0</v>
      </c>
      <c r="H25" s="22">
        <v>31</v>
      </c>
      <c r="I25" s="22">
        <v>18</v>
      </c>
      <c r="J25" s="22">
        <v>13</v>
      </c>
      <c r="K25" s="21">
        <v>21</v>
      </c>
      <c r="L25" s="53">
        <v>11</v>
      </c>
      <c r="M25" s="54">
        <v>10</v>
      </c>
    </row>
    <row r="26" spans="1:13">
      <c r="A26" s="20" t="s">
        <v>33</v>
      </c>
      <c r="B26" s="21">
        <v>17</v>
      </c>
      <c r="C26" s="22">
        <v>0</v>
      </c>
      <c r="D26" s="22">
        <v>17</v>
      </c>
      <c r="E26" s="21">
        <v>0</v>
      </c>
      <c r="F26" s="22">
        <v>0</v>
      </c>
      <c r="G26" s="23">
        <v>0</v>
      </c>
      <c r="H26" s="22">
        <v>45</v>
      </c>
      <c r="I26" s="22">
        <v>19</v>
      </c>
      <c r="J26" s="22">
        <v>26</v>
      </c>
      <c r="K26" s="21">
        <v>28</v>
      </c>
      <c r="L26" s="53">
        <v>19</v>
      </c>
      <c r="M26" s="54">
        <v>9</v>
      </c>
    </row>
    <row r="27" spans="1:13">
      <c r="A27" s="20" t="s">
        <v>34</v>
      </c>
      <c r="B27" s="21">
        <v>3</v>
      </c>
      <c r="C27" s="22">
        <v>1</v>
      </c>
      <c r="D27" s="22">
        <v>2</v>
      </c>
      <c r="E27" s="21">
        <v>0</v>
      </c>
      <c r="F27" s="22">
        <v>0</v>
      </c>
      <c r="G27" s="23">
        <v>0</v>
      </c>
      <c r="H27" s="22">
        <v>26</v>
      </c>
      <c r="I27" s="22">
        <v>15</v>
      </c>
      <c r="J27" s="22">
        <v>11</v>
      </c>
      <c r="K27" s="21">
        <v>23</v>
      </c>
      <c r="L27" s="53">
        <v>14</v>
      </c>
      <c r="M27" s="54">
        <v>9</v>
      </c>
    </row>
    <row r="28" spans="1:13">
      <c r="A28" s="20" t="s">
        <v>35</v>
      </c>
      <c r="B28" s="21">
        <v>17</v>
      </c>
      <c r="C28" s="22">
        <v>20</v>
      </c>
      <c r="D28" s="22">
        <v>-3</v>
      </c>
      <c r="E28" s="21">
        <v>0</v>
      </c>
      <c r="F28" s="22">
        <v>0</v>
      </c>
      <c r="G28" s="23">
        <v>0</v>
      </c>
      <c r="H28" s="22">
        <v>68</v>
      </c>
      <c r="I28" s="22">
        <v>48</v>
      </c>
      <c r="J28" s="22">
        <v>20</v>
      </c>
      <c r="K28" s="21">
        <v>51</v>
      </c>
      <c r="L28" s="53">
        <v>28</v>
      </c>
      <c r="M28" s="54">
        <v>23</v>
      </c>
    </row>
    <row r="29" spans="1:13">
      <c r="A29" s="20" t="s">
        <v>36</v>
      </c>
      <c r="B29" s="21">
        <v>72</v>
      </c>
      <c r="C29" s="22">
        <v>36</v>
      </c>
      <c r="D29" s="22">
        <v>36</v>
      </c>
      <c r="E29" s="21">
        <v>0</v>
      </c>
      <c r="F29" s="22">
        <v>0</v>
      </c>
      <c r="G29" s="23">
        <v>0</v>
      </c>
      <c r="H29" s="22">
        <v>163</v>
      </c>
      <c r="I29" s="22">
        <v>90</v>
      </c>
      <c r="J29" s="22">
        <v>73</v>
      </c>
      <c r="K29" s="21">
        <v>91</v>
      </c>
      <c r="L29" s="53">
        <v>54</v>
      </c>
      <c r="M29" s="54">
        <v>37</v>
      </c>
    </row>
    <row r="30" spans="1:13" ht="20.100000000000001" customHeight="1">
      <c r="A30" s="16" t="s">
        <v>37</v>
      </c>
      <c r="B30" s="17">
        <v>934</v>
      </c>
      <c r="C30" s="18">
        <v>513</v>
      </c>
      <c r="D30" s="18">
        <v>421</v>
      </c>
      <c r="E30" s="17">
        <v>3</v>
      </c>
      <c r="F30" s="18">
        <v>1</v>
      </c>
      <c r="G30" s="19">
        <v>2</v>
      </c>
      <c r="H30" s="18">
        <v>2002</v>
      </c>
      <c r="I30" s="18">
        <v>1077</v>
      </c>
      <c r="J30" s="18">
        <v>925</v>
      </c>
      <c r="K30" s="17">
        <v>1065</v>
      </c>
      <c r="L30" s="51">
        <v>563</v>
      </c>
      <c r="M30" s="52">
        <v>502</v>
      </c>
    </row>
    <row r="31" spans="1:13">
      <c r="A31" s="20" t="s">
        <v>38</v>
      </c>
      <c r="B31" s="21">
        <v>79</v>
      </c>
      <c r="C31" s="22">
        <v>41</v>
      </c>
      <c r="D31" s="22">
        <v>38</v>
      </c>
      <c r="E31" s="21">
        <v>0</v>
      </c>
      <c r="F31" s="22">
        <v>0</v>
      </c>
      <c r="G31" s="23">
        <v>0</v>
      </c>
      <c r="H31" s="22">
        <v>171</v>
      </c>
      <c r="I31" s="22">
        <v>96</v>
      </c>
      <c r="J31" s="22">
        <v>75</v>
      </c>
      <c r="K31" s="21">
        <v>92</v>
      </c>
      <c r="L31" s="53">
        <v>55</v>
      </c>
      <c r="M31" s="54">
        <v>37</v>
      </c>
    </row>
    <row r="32" spans="1:13">
      <c r="A32" s="20" t="s">
        <v>39</v>
      </c>
      <c r="B32" s="21">
        <v>143</v>
      </c>
      <c r="C32" s="22">
        <v>79</v>
      </c>
      <c r="D32" s="22">
        <v>64</v>
      </c>
      <c r="E32" s="21">
        <v>1</v>
      </c>
      <c r="F32" s="22">
        <v>0</v>
      </c>
      <c r="G32" s="23">
        <v>1</v>
      </c>
      <c r="H32" s="22">
        <v>276</v>
      </c>
      <c r="I32" s="22">
        <v>142</v>
      </c>
      <c r="J32" s="22">
        <v>134</v>
      </c>
      <c r="K32" s="21">
        <v>132</v>
      </c>
      <c r="L32" s="53">
        <v>63</v>
      </c>
      <c r="M32" s="54">
        <v>69</v>
      </c>
    </row>
    <row r="33" spans="1:13">
      <c r="A33" s="20" t="s">
        <v>40</v>
      </c>
      <c r="B33" s="21">
        <v>145</v>
      </c>
      <c r="C33" s="22">
        <v>72</v>
      </c>
      <c r="D33" s="22">
        <v>73</v>
      </c>
      <c r="E33" s="21">
        <v>0</v>
      </c>
      <c r="F33" s="22">
        <v>0</v>
      </c>
      <c r="G33" s="23">
        <v>0</v>
      </c>
      <c r="H33" s="22">
        <v>339</v>
      </c>
      <c r="I33" s="22">
        <v>172</v>
      </c>
      <c r="J33" s="22">
        <v>167</v>
      </c>
      <c r="K33" s="21">
        <v>194</v>
      </c>
      <c r="L33" s="53">
        <v>100</v>
      </c>
      <c r="M33" s="54">
        <v>94</v>
      </c>
    </row>
    <row r="34" spans="1:13">
      <c r="A34" s="20" t="s">
        <v>41</v>
      </c>
      <c r="B34" s="21">
        <v>371</v>
      </c>
      <c r="C34" s="22">
        <v>215</v>
      </c>
      <c r="D34" s="22">
        <v>156</v>
      </c>
      <c r="E34" s="21">
        <v>0</v>
      </c>
      <c r="F34" s="22">
        <v>0</v>
      </c>
      <c r="G34" s="23">
        <v>0</v>
      </c>
      <c r="H34" s="22">
        <v>660</v>
      </c>
      <c r="I34" s="22">
        <v>374</v>
      </c>
      <c r="J34" s="22">
        <v>286</v>
      </c>
      <c r="K34" s="21">
        <v>289</v>
      </c>
      <c r="L34" s="53">
        <v>159</v>
      </c>
      <c r="M34" s="54">
        <v>130</v>
      </c>
    </row>
    <row r="35" spans="1:13">
      <c r="A35" s="20" t="s">
        <v>42</v>
      </c>
      <c r="B35" s="21">
        <v>196</v>
      </c>
      <c r="C35" s="22">
        <v>106</v>
      </c>
      <c r="D35" s="22">
        <v>90</v>
      </c>
      <c r="E35" s="21">
        <v>2</v>
      </c>
      <c r="F35" s="22">
        <v>1</v>
      </c>
      <c r="G35" s="23">
        <v>1</v>
      </c>
      <c r="H35" s="22">
        <v>556</v>
      </c>
      <c r="I35" s="22">
        <v>293</v>
      </c>
      <c r="J35" s="22">
        <v>263</v>
      </c>
      <c r="K35" s="21">
        <v>358</v>
      </c>
      <c r="L35" s="53">
        <v>186</v>
      </c>
      <c r="M35" s="54">
        <v>172</v>
      </c>
    </row>
    <row r="36" spans="1:13" ht="20.100000000000001" customHeight="1">
      <c r="A36" s="16" t="s">
        <v>43</v>
      </c>
      <c r="B36" s="17">
        <v>1002</v>
      </c>
      <c r="C36" s="18">
        <v>499</v>
      </c>
      <c r="D36" s="18">
        <v>503</v>
      </c>
      <c r="E36" s="17">
        <v>4</v>
      </c>
      <c r="F36" s="18">
        <v>3</v>
      </c>
      <c r="G36" s="19">
        <v>1</v>
      </c>
      <c r="H36" s="18">
        <v>3149</v>
      </c>
      <c r="I36" s="18">
        <v>1681</v>
      </c>
      <c r="J36" s="18">
        <v>1468</v>
      </c>
      <c r="K36" s="17">
        <v>2143</v>
      </c>
      <c r="L36" s="51">
        <v>1179</v>
      </c>
      <c r="M36" s="52">
        <v>964</v>
      </c>
    </row>
    <row r="37" spans="1:13">
      <c r="A37" s="20" t="s">
        <v>44</v>
      </c>
      <c r="B37" s="21">
        <v>239</v>
      </c>
      <c r="C37" s="22">
        <v>139</v>
      </c>
      <c r="D37" s="22">
        <v>100</v>
      </c>
      <c r="E37" s="21">
        <v>0</v>
      </c>
      <c r="F37" s="22">
        <v>0</v>
      </c>
      <c r="G37" s="23">
        <v>0</v>
      </c>
      <c r="H37" s="22">
        <v>655</v>
      </c>
      <c r="I37" s="22">
        <v>361</v>
      </c>
      <c r="J37" s="22">
        <v>294</v>
      </c>
      <c r="K37" s="21">
        <v>416</v>
      </c>
      <c r="L37" s="53">
        <v>222</v>
      </c>
      <c r="M37" s="54">
        <v>194</v>
      </c>
    </row>
    <row r="38" spans="1:13">
      <c r="A38" s="20" t="s">
        <v>45</v>
      </c>
      <c r="B38" s="21">
        <v>210</v>
      </c>
      <c r="C38" s="22">
        <v>111</v>
      </c>
      <c r="D38" s="22">
        <v>99</v>
      </c>
      <c r="E38" s="21">
        <v>0</v>
      </c>
      <c r="F38" s="22">
        <v>0</v>
      </c>
      <c r="G38" s="23">
        <v>0</v>
      </c>
      <c r="H38" s="22">
        <v>627</v>
      </c>
      <c r="I38" s="22">
        <v>335</v>
      </c>
      <c r="J38" s="22">
        <v>292</v>
      </c>
      <c r="K38" s="21">
        <v>417</v>
      </c>
      <c r="L38" s="53">
        <v>224</v>
      </c>
      <c r="M38" s="54">
        <v>193</v>
      </c>
    </row>
    <row r="39" spans="1:13">
      <c r="A39" s="20" t="s">
        <v>46</v>
      </c>
      <c r="B39" s="21">
        <v>131</v>
      </c>
      <c r="C39" s="22">
        <v>54</v>
      </c>
      <c r="D39" s="22">
        <v>77</v>
      </c>
      <c r="E39" s="21">
        <v>2</v>
      </c>
      <c r="F39" s="22">
        <v>2</v>
      </c>
      <c r="G39" s="23">
        <v>0</v>
      </c>
      <c r="H39" s="22">
        <v>584</v>
      </c>
      <c r="I39" s="22">
        <v>311</v>
      </c>
      <c r="J39" s="22">
        <v>273</v>
      </c>
      <c r="K39" s="21">
        <v>451</v>
      </c>
      <c r="L39" s="53">
        <v>255</v>
      </c>
      <c r="M39" s="54">
        <v>196</v>
      </c>
    </row>
    <row r="40" spans="1:13">
      <c r="A40" s="20" t="s">
        <v>47</v>
      </c>
      <c r="B40" s="21">
        <v>226</v>
      </c>
      <c r="C40" s="22">
        <v>132</v>
      </c>
      <c r="D40" s="22">
        <v>94</v>
      </c>
      <c r="E40" s="21">
        <v>2</v>
      </c>
      <c r="F40" s="22">
        <v>1</v>
      </c>
      <c r="G40" s="23">
        <v>1</v>
      </c>
      <c r="H40" s="22">
        <v>654</v>
      </c>
      <c r="I40" s="22">
        <v>362</v>
      </c>
      <c r="J40" s="22">
        <v>292</v>
      </c>
      <c r="K40" s="21">
        <v>426</v>
      </c>
      <c r="L40" s="53">
        <v>229</v>
      </c>
      <c r="M40" s="54">
        <v>197</v>
      </c>
    </row>
    <row r="41" spans="1:13">
      <c r="A41" s="20" t="s">
        <v>48</v>
      </c>
      <c r="B41" s="21">
        <v>196</v>
      </c>
      <c r="C41" s="22">
        <v>63</v>
      </c>
      <c r="D41" s="22">
        <v>133</v>
      </c>
      <c r="E41" s="21">
        <v>0</v>
      </c>
      <c r="F41" s="22">
        <v>0</v>
      </c>
      <c r="G41" s="23">
        <v>0</v>
      </c>
      <c r="H41" s="22">
        <v>629</v>
      </c>
      <c r="I41" s="22">
        <v>312</v>
      </c>
      <c r="J41" s="22">
        <v>317</v>
      </c>
      <c r="K41" s="21">
        <v>433</v>
      </c>
      <c r="L41" s="53">
        <v>249</v>
      </c>
      <c r="M41" s="54">
        <v>184</v>
      </c>
    </row>
    <row r="42" spans="1:13" ht="20.100000000000001" customHeight="1">
      <c r="A42" s="16" t="s">
        <v>49</v>
      </c>
      <c r="B42" s="17">
        <v>735</v>
      </c>
      <c r="C42" s="18">
        <v>408</v>
      </c>
      <c r="D42" s="18">
        <v>327</v>
      </c>
      <c r="E42" s="17">
        <v>5</v>
      </c>
      <c r="F42" s="18">
        <v>5</v>
      </c>
      <c r="G42" s="19">
        <v>0</v>
      </c>
      <c r="H42" s="18">
        <v>2520</v>
      </c>
      <c r="I42" s="18">
        <v>1376</v>
      </c>
      <c r="J42" s="18">
        <v>1144</v>
      </c>
      <c r="K42" s="17">
        <v>1780</v>
      </c>
      <c r="L42" s="51">
        <v>963</v>
      </c>
      <c r="M42" s="52">
        <v>817</v>
      </c>
    </row>
    <row r="43" spans="1:13">
      <c r="A43" s="20" t="s">
        <v>50</v>
      </c>
      <c r="B43" s="21">
        <v>210</v>
      </c>
      <c r="C43" s="22">
        <v>110</v>
      </c>
      <c r="D43" s="22">
        <v>100</v>
      </c>
      <c r="E43" s="21">
        <v>1</v>
      </c>
      <c r="F43" s="22">
        <v>1</v>
      </c>
      <c r="G43" s="23">
        <v>0</v>
      </c>
      <c r="H43" s="22">
        <v>611</v>
      </c>
      <c r="I43" s="22">
        <v>321</v>
      </c>
      <c r="J43" s="22">
        <v>290</v>
      </c>
      <c r="K43" s="21">
        <v>400</v>
      </c>
      <c r="L43" s="53">
        <v>210</v>
      </c>
      <c r="M43" s="54">
        <v>190</v>
      </c>
    </row>
    <row r="44" spans="1:13">
      <c r="A44" s="20" t="s">
        <v>51</v>
      </c>
      <c r="B44" s="21">
        <v>141</v>
      </c>
      <c r="C44" s="22">
        <v>82</v>
      </c>
      <c r="D44" s="22">
        <v>59</v>
      </c>
      <c r="E44" s="21">
        <v>0</v>
      </c>
      <c r="F44" s="22">
        <v>0</v>
      </c>
      <c r="G44" s="23">
        <v>0</v>
      </c>
      <c r="H44" s="22">
        <v>526</v>
      </c>
      <c r="I44" s="22">
        <v>280</v>
      </c>
      <c r="J44" s="22">
        <v>246</v>
      </c>
      <c r="K44" s="21">
        <v>385</v>
      </c>
      <c r="L44" s="53">
        <v>198</v>
      </c>
      <c r="M44" s="54">
        <v>187</v>
      </c>
    </row>
    <row r="45" spans="1:13">
      <c r="A45" s="20" t="s">
        <v>52</v>
      </c>
      <c r="B45" s="21">
        <v>105</v>
      </c>
      <c r="C45" s="22">
        <v>53</v>
      </c>
      <c r="D45" s="22">
        <v>52</v>
      </c>
      <c r="E45" s="21">
        <v>2</v>
      </c>
      <c r="F45" s="22">
        <v>2</v>
      </c>
      <c r="G45" s="23">
        <v>0</v>
      </c>
      <c r="H45" s="22">
        <v>486</v>
      </c>
      <c r="I45" s="22">
        <v>266</v>
      </c>
      <c r="J45" s="22">
        <v>220</v>
      </c>
      <c r="K45" s="21">
        <v>379</v>
      </c>
      <c r="L45" s="53">
        <v>211</v>
      </c>
      <c r="M45" s="54">
        <v>168</v>
      </c>
    </row>
    <row r="46" spans="1:13">
      <c r="A46" s="20" t="s">
        <v>53</v>
      </c>
      <c r="B46" s="21">
        <v>128</v>
      </c>
      <c r="C46" s="22">
        <v>90</v>
      </c>
      <c r="D46" s="22">
        <v>38</v>
      </c>
      <c r="E46" s="21">
        <v>0</v>
      </c>
      <c r="F46" s="22">
        <v>0</v>
      </c>
      <c r="G46" s="23">
        <v>0</v>
      </c>
      <c r="H46" s="22">
        <v>460</v>
      </c>
      <c r="I46" s="22">
        <v>275</v>
      </c>
      <c r="J46" s="22">
        <v>185</v>
      </c>
      <c r="K46" s="21">
        <v>332</v>
      </c>
      <c r="L46" s="53">
        <v>185</v>
      </c>
      <c r="M46" s="54">
        <v>147</v>
      </c>
    </row>
    <row r="47" spans="1:13">
      <c r="A47" s="20" t="s">
        <v>54</v>
      </c>
      <c r="B47" s="21">
        <v>151</v>
      </c>
      <c r="C47" s="22">
        <v>73</v>
      </c>
      <c r="D47" s="22">
        <v>78</v>
      </c>
      <c r="E47" s="21">
        <v>2</v>
      </c>
      <c r="F47" s="22">
        <v>2</v>
      </c>
      <c r="G47" s="23">
        <v>0</v>
      </c>
      <c r="H47" s="22">
        <v>437</v>
      </c>
      <c r="I47" s="22">
        <v>234</v>
      </c>
      <c r="J47" s="22">
        <v>203</v>
      </c>
      <c r="K47" s="21">
        <v>284</v>
      </c>
      <c r="L47" s="53">
        <v>159</v>
      </c>
      <c r="M47" s="54">
        <v>125</v>
      </c>
    </row>
    <row r="48" spans="1:13" ht="20.100000000000001" customHeight="1">
      <c r="A48" s="16" t="s">
        <v>55</v>
      </c>
      <c r="B48" s="17">
        <v>280</v>
      </c>
      <c r="C48" s="18">
        <v>121</v>
      </c>
      <c r="D48" s="18">
        <v>159</v>
      </c>
      <c r="E48" s="17">
        <v>6</v>
      </c>
      <c r="F48" s="18">
        <v>3</v>
      </c>
      <c r="G48" s="19">
        <v>3</v>
      </c>
      <c r="H48" s="18">
        <v>1430</v>
      </c>
      <c r="I48" s="18">
        <v>814</v>
      </c>
      <c r="J48" s="18">
        <v>616</v>
      </c>
      <c r="K48" s="17">
        <v>1144</v>
      </c>
      <c r="L48" s="51">
        <v>690</v>
      </c>
      <c r="M48" s="52">
        <v>454</v>
      </c>
    </row>
    <row r="49" spans="1:13">
      <c r="A49" s="20" t="s">
        <v>56</v>
      </c>
      <c r="B49" s="21">
        <v>49</v>
      </c>
      <c r="C49" s="22">
        <v>21</v>
      </c>
      <c r="D49" s="22">
        <v>28</v>
      </c>
      <c r="E49" s="21">
        <v>2</v>
      </c>
      <c r="F49" s="22">
        <v>2</v>
      </c>
      <c r="G49" s="23">
        <v>0</v>
      </c>
      <c r="H49" s="22">
        <v>320</v>
      </c>
      <c r="I49" s="22">
        <v>174</v>
      </c>
      <c r="J49" s="22">
        <v>146</v>
      </c>
      <c r="K49" s="21">
        <v>269</v>
      </c>
      <c r="L49" s="53">
        <v>151</v>
      </c>
      <c r="M49" s="54">
        <v>118</v>
      </c>
    </row>
    <row r="50" spans="1:13">
      <c r="A50" s="20" t="s">
        <v>57</v>
      </c>
      <c r="B50" s="21">
        <v>90</v>
      </c>
      <c r="C50" s="22">
        <v>46</v>
      </c>
      <c r="D50" s="22">
        <v>44</v>
      </c>
      <c r="E50" s="21">
        <v>2</v>
      </c>
      <c r="F50" s="22">
        <v>1</v>
      </c>
      <c r="G50" s="23">
        <v>1</v>
      </c>
      <c r="H50" s="22">
        <v>357</v>
      </c>
      <c r="I50" s="22">
        <v>211</v>
      </c>
      <c r="J50" s="22">
        <v>146</v>
      </c>
      <c r="K50" s="21">
        <v>265</v>
      </c>
      <c r="L50" s="53">
        <v>164</v>
      </c>
      <c r="M50" s="54">
        <v>101</v>
      </c>
    </row>
    <row r="51" spans="1:13">
      <c r="A51" s="20" t="s">
        <v>58</v>
      </c>
      <c r="B51" s="21">
        <v>72</v>
      </c>
      <c r="C51" s="22">
        <v>34</v>
      </c>
      <c r="D51" s="22">
        <v>38</v>
      </c>
      <c r="E51" s="21">
        <v>0</v>
      </c>
      <c r="F51" s="22">
        <v>0</v>
      </c>
      <c r="G51" s="23">
        <v>0</v>
      </c>
      <c r="H51" s="22">
        <v>290</v>
      </c>
      <c r="I51" s="22">
        <v>173</v>
      </c>
      <c r="J51" s="22">
        <v>117</v>
      </c>
      <c r="K51" s="21">
        <v>218</v>
      </c>
      <c r="L51" s="53">
        <v>139</v>
      </c>
      <c r="M51" s="54">
        <v>79</v>
      </c>
    </row>
    <row r="52" spans="1:13">
      <c r="A52" s="20" t="s">
        <v>59</v>
      </c>
      <c r="B52" s="21">
        <v>23</v>
      </c>
      <c r="C52" s="22">
        <v>0</v>
      </c>
      <c r="D52" s="22">
        <v>23</v>
      </c>
      <c r="E52" s="21">
        <v>0</v>
      </c>
      <c r="F52" s="22">
        <v>0</v>
      </c>
      <c r="G52" s="23">
        <v>0</v>
      </c>
      <c r="H52" s="22">
        <v>246</v>
      </c>
      <c r="I52" s="22">
        <v>135</v>
      </c>
      <c r="J52" s="22">
        <v>111</v>
      </c>
      <c r="K52" s="21">
        <v>223</v>
      </c>
      <c r="L52" s="53">
        <v>135</v>
      </c>
      <c r="M52" s="54">
        <v>88</v>
      </c>
    </row>
    <row r="53" spans="1:13">
      <c r="A53" s="20" t="s">
        <v>60</v>
      </c>
      <c r="B53" s="21">
        <v>46</v>
      </c>
      <c r="C53" s="22">
        <v>20</v>
      </c>
      <c r="D53" s="22">
        <v>26</v>
      </c>
      <c r="E53" s="21">
        <v>2</v>
      </c>
      <c r="F53" s="22">
        <v>0</v>
      </c>
      <c r="G53" s="23">
        <v>2</v>
      </c>
      <c r="H53" s="22">
        <v>217</v>
      </c>
      <c r="I53" s="22">
        <v>121</v>
      </c>
      <c r="J53" s="22">
        <v>96</v>
      </c>
      <c r="K53" s="21">
        <v>169</v>
      </c>
      <c r="L53" s="53">
        <v>101</v>
      </c>
      <c r="M53" s="54">
        <v>68</v>
      </c>
    </row>
    <row r="54" spans="1:13" ht="20.100000000000001" customHeight="1">
      <c r="A54" s="16" t="s">
        <v>61</v>
      </c>
      <c r="B54" s="17">
        <v>8</v>
      </c>
      <c r="C54" s="18">
        <v>6</v>
      </c>
      <c r="D54" s="18">
        <v>2</v>
      </c>
      <c r="E54" s="17">
        <v>14</v>
      </c>
      <c r="F54" s="18">
        <v>13</v>
      </c>
      <c r="G54" s="19">
        <v>1</v>
      </c>
      <c r="H54" s="18">
        <v>752</v>
      </c>
      <c r="I54" s="18">
        <v>450</v>
      </c>
      <c r="J54" s="18">
        <v>302</v>
      </c>
      <c r="K54" s="17">
        <v>730</v>
      </c>
      <c r="L54" s="51">
        <v>431</v>
      </c>
      <c r="M54" s="52">
        <v>299</v>
      </c>
    </row>
    <row r="55" spans="1:13">
      <c r="A55" s="20" t="s">
        <v>62</v>
      </c>
      <c r="B55" s="21">
        <v>28</v>
      </c>
      <c r="C55" s="22">
        <v>17</v>
      </c>
      <c r="D55" s="22">
        <v>11</v>
      </c>
      <c r="E55" s="21">
        <v>2</v>
      </c>
      <c r="F55" s="22">
        <v>1</v>
      </c>
      <c r="G55" s="23">
        <v>1</v>
      </c>
      <c r="H55" s="22">
        <v>208</v>
      </c>
      <c r="I55" s="22">
        <v>129</v>
      </c>
      <c r="J55" s="22">
        <v>79</v>
      </c>
      <c r="K55" s="21">
        <v>178</v>
      </c>
      <c r="L55" s="53">
        <v>111</v>
      </c>
      <c r="M55" s="54">
        <v>67</v>
      </c>
    </row>
    <row r="56" spans="1:13">
      <c r="A56" s="20" t="s">
        <v>63</v>
      </c>
      <c r="B56" s="21">
        <v>38</v>
      </c>
      <c r="C56" s="22">
        <v>17</v>
      </c>
      <c r="D56" s="22">
        <v>21</v>
      </c>
      <c r="E56" s="21">
        <v>2</v>
      </c>
      <c r="F56" s="22">
        <v>2</v>
      </c>
      <c r="G56" s="23">
        <v>0</v>
      </c>
      <c r="H56" s="22">
        <v>186</v>
      </c>
      <c r="I56" s="22">
        <v>100</v>
      </c>
      <c r="J56" s="22">
        <v>86</v>
      </c>
      <c r="K56" s="21">
        <v>146</v>
      </c>
      <c r="L56" s="53">
        <v>81</v>
      </c>
      <c r="M56" s="54">
        <v>65</v>
      </c>
    </row>
    <row r="57" spans="1:13">
      <c r="A57" s="20" t="s">
        <v>64</v>
      </c>
      <c r="B57" s="21">
        <v>-23</v>
      </c>
      <c r="C57" s="22">
        <v>-14</v>
      </c>
      <c r="D57" s="22">
        <v>-9</v>
      </c>
      <c r="E57" s="21">
        <v>4</v>
      </c>
      <c r="F57" s="22">
        <v>4</v>
      </c>
      <c r="G57" s="23">
        <v>0</v>
      </c>
      <c r="H57" s="22">
        <v>122</v>
      </c>
      <c r="I57" s="22">
        <v>70</v>
      </c>
      <c r="J57" s="22">
        <v>52</v>
      </c>
      <c r="K57" s="21">
        <v>141</v>
      </c>
      <c r="L57" s="53">
        <v>80</v>
      </c>
      <c r="M57" s="54">
        <v>61</v>
      </c>
    </row>
    <row r="58" spans="1:13">
      <c r="A58" s="20" t="s">
        <v>65</v>
      </c>
      <c r="B58" s="21">
        <v>-20</v>
      </c>
      <c r="C58" s="22">
        <v>-6</v>
      </c>
      <c r="D58" s="22">
        <v>-14</v>
      </c>
      <c r="E58" s="21">
        <v>3</v>
      </c>
      <c r="F58" s="22">
        <v>3</v>
      </c>
      <c r="G58" s="23">
        <v>0</v>
      </c>
      <c r="H58" s="22">
        <v>124</v>
      </c>
      <c r="I58" s="22">
        <v>82</v>
      </c>
      <c r="J58" s="22">
        <v>42</v>
      </c>
      <c r="K58" s="21">
        <v>141</v>
      </c>
      <c r="L58" s="53">
        <v>85</v>
      </c>
      <c r="M58" s="54">
        <v>56</v>
      </c>
    </row>
    <row r="59" spans="1:13">
      <c r="A59" s="20" t="s">
        <v>66</v>
      </c>
      <c r="B59" s="21">
        <v>-15</v>
      </c>
      <c r="C59" s="22">
        <v>-8</v>
      </c>
      <c r="D59" s="22">
        <v>-7</v>
      </c>
      <c r="E59" s="21">
        <v>3</v>
      </c>
      <c r="F59" s="22">
        <v>3</v>
      </c>
      <c r="G59" s="23">
        <v>0</v>
      </c>
      <c r="H59" s="22">
        <v>112</v>
      </c>
      <c r="I59" s="22">
        <v>69</v>
      </c>
      <c r="J59" s="22">
        <v>43</v>
      </c>
      <c r="K59" s="21">
        <v>124</v>
      </c>
      <c r="L59" s="53">
        <v>74</v>
      </c>
      <c r="M59" s="54">
        <v>50</v>
      </c>
    </row>
    <row r="60" spans="1:13" ht="20.100000000000001" customHeight="1">
      <c r="A60" s="16" t="s">
        <v>67</v>
      </c>
      <c r="B60" s="17">
        <v>49</v>
      </c>
      <c r="C60" s="18">
        <v>30</v>
      </c>
      <c r="D60" s="18">
        <v>19</v>
      </c>
      <c r="E60" s="17">
        <v>18</v>
      </c>
      <c r="F60" s="18">
        <v>11</v>
      </c>
      <c r="G60" s="19">
        <v>7</v>
      </c>
      <c r="H60" s="18">
        <v>584</v>
      </c>
      <c r="I60" s="18">
        <v>354</v>
      </c>
      <c r="J60" s="18">
        <v>230</v>
      </c>
      <c r="K60" s="17">
        <v>517</v>
      </c>
      <c r="L60" s="51">
        <v>313</v>
      </c>
      <c r="M60" s="52">
        <v>204</v>
      </c>
    </row>
    <row r="61" spans="1:13">
      <c r="A61" s="20" t="s">
        <v>68</v>
      </c>
      <c r="B61" s="21">
        <v>19</v>
      </c>
      <c r="C61" s="22">
        <v>11</v>
      </c>
      <c r="D61" s="22">
        <v>8</v>
      </c>
      <c r="E61" s="21">
        <v>3</v>
      </c>
      <c r="F61" s="22">
        <v>2</v>
      </c>
      <c r="G61" s="23">
        <v>1</v>
      </c>
      <c r="H61" s="22">
        <v>126</v>
      </c>
      <c r="I61" s="22">
        <v>83</v>
      </c>
      <c r="J61" s="22">
        <v>43</v>
      </c>
      <c r="K61" s="21">
        <v>104</v>
      </c>
      <c r="L61" s="53">
        <v>70</v>
      </c>
      <c r="M61" s="54">
        <v>34</v>
      </c>
    </row>
    <row r="62" spans="1:13">
      <c r="A62" s="20" t="s">
        <v>69</v>
      </c>
      <c r="B62" s="21">
        <v>5</v>
      </c>
      <c r="C62" s="22">
        <v>-1</v>
      </c>
      <c r="D62" s="22">
        <v>6</v>
      </c>
      <c r="E62" s="21">
        <v>5</v>
      </c>
      <c r="F62" s="22">
        <v>4</v>
      </c>
      <c r="G62" s="23">
        <v>1</v>
      </c>
      <c r="H62" s="22">
        <v>142</v>
      </c>
      <c r="I62" s="22">
        <v>85</v>
      </c>
      <c r="J62" s="22">
        <v>57</v>
      </c>
      <c r="K62" s="21">
        <v>132</v>
      </c>
      <c r="L62" s="53">
        <v>82</v>
      </c>
      <c r="M62" s="54">
        <v>50</v>
      </c>
    </row>
    <row r="63" spans="1:13">
      <c r="A63" s="20" t="s">
        <v>70</v>
      </c>
      <c r="B63" s="21">
        <v>14</v>
      </c>
      <c r="C63" s="22">
        <v>-1</v>
      </c>
      <c r="D63" s="22">
        <v>15</v>
      </c>
      <c r="E63" s="21">
        <v>2</v>
      </c>
      <c r="F63" s="22">
        <v>2</v>
      </c>
      <c r="G63" s="23">
        <v>0</v>
      </c>
      <c r="H63" s="22">
        <v>120</v>
      </c>
      <c r="I63" s="22">
        <v>68</v>
      </c>
      <c r="J63" s="22">
        <v>52</v>
      </c>
      <c r="K63" s="21">
        <v>104</v>
      </c>
      <c r="L63" s="53">
        <v>67</v>
      </c>
      <c r="M63" s="54">
        <v>37</v>
      </c>
    </row>
    <row r="64" spans="1:13">
      <c r="A64" s="20" t="s">
        <v>71</v>
      </c>
      <c r="B64" s="21">
        <v>-5</v>
      </c>
      <c r="C64" s="22">
        <v>6</v>
      </c>
      <c r="D64" s="22">
        <v>-11</v>
      </c>
      <c r="E64" s="21">
        <v>6</v>
      </c>
      <c r="F64" s="22">
        <v>2</v>
      </c>
      <c r="G64" s="23">
        <v>4</v>
      </c>
      <c r="H64" s="22">
        <v>100</v>
      </c>
      <c r="I64" s="22">
        <v>60</v>
      </c>
      <c r="J64" s="22">
        <v>40</v>
      </c>
      <c r="K64" s="21">
        <v>99</v>
      </c>
      <c r="L64" s="53">
        <v>52</v>
      </c>
      <c r="M64" s="54">
        <v>47</v>
      </c>
    </row>
    <row r="65" spans="1:13">
      <c r="A65" s="24" t="s">
        <v>72</v>
      </c>
      <c r="B65" s="25">
        <v>16</v>
      </c>
      <c r="C65" s="26">
        <v>15</v>
      </c>
      <c r="D65" s="26">
        <v>1</v>
      </c>
      <c r="E65" s="25">
        <v>2</v>
      </c>
      <c r="F65" s="26">
        <v>1</v>
      </c>
      <c r="G65" s="27">
        <v>1</v>
      </c>
      <c r="H65" s="26">
        <v>96</v>
      </c>
      <c r="I65" s="26">
        <v>58</v>
      </c>
      <c r="J65" s="26">
        <v>38</v>
      </c>
      <c r="K65" s="25">
        <v>78</v>
      </c>
      <c r="L65" s="55">
        <v>42</v>
      </c>
      <c r="M65" s="56">
        <v>36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686</v>
      </c>
      <c r="C69" s="58">
        <v>875</v>
      </c>
      <c r="D69" s="59">
        <v>811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686</v>
      </c>
      <c r="C70" s="61">
        <v>875</v>
      </c>
      <c r="D70" s="62">
        <v>811</v>
      </c>
    </row>
    <row r="71" spans="1:13">
      <c r="A71" s="24" t="s">
        <v>14</v>
      </c>
      <c r="B71" s="63">
        <v>1686</v>
      </c>
      <c r="C71" s="64">
        <v>875</v>
      </c>
      <c r="D71" s="65">
        <v>811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7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35</v>
      </c>
      <c r="C77" s="18">
        <v>20</v>
      </c>
      <c r="D77" s="18">
        <v>15</v>
      </c>
      <c r="E77" s="17">
        <v>27</v>
      </c>
      <c r="F77" s="18">
        <v>22</v>
      </c>
      <c r="G77" s="19">
        <v>5</v>
      </c>
      <c r="H77" s="18">
        <v>404</v>
      </c>
      <c r="I77" s="18">
        <v>236</v>
      </c>
      <c r="J77" s="18">
        <v>168</v>
      </c>
      <c r="K77" s="17">
        <v>342</v>
      </c>
      <c r="L77" s="51">
        <v>194</v>
      </c>
      <c r="M77" s="52">
        <v>148</v>
      </c>
    </row>
    <row r="78" spans="1:13">
      <c r="A78" s="40" t="s">
        <v>81</v>
      </c>
      <c r="B78" s="21">
        <v>-3</v>
      </c>
      <c r="C78" s="22">
        <v>-4</v>
      </c>
      <c r="D78" s="22">
        <v>1</v>
      </c>
      <c r="E78" s="21">
        <v>5</v>
      </c>
      <c r="F78" s="22">
        <v>3</v>
      </c>
      <c r="G78" s="23">
        <v>2</v>
      </c>
      <c r="H78" s="22">
        <v>79</v>
      </c>
      <c r="I78" s="22">
        <v>45</v>
      </c>
      <c r="J78" s="22">
        <v>34</v>
      </c>
      <c r="K78" s="21">
        <v>77</v>
      </c>
      <c r="L78" s="53">
        <v>46</v>
      </c>
      <c r="M78" s="54">
        <v>31</v>
      </c>
    </row>
    <row r="79" spans="1:13">
      <c r="A79" s="40" t="s">
        <v>82</v>
      </c>
      <c r="B79" s="21">
        <v>18</v>
      </c>
      <c r="C79" s="22">
        <v>11</v>
      </c>
      <c r="D79" s="22">
        <v>7</v>
      </c>
      <c r="E79" s="21">
        <v>7</v>
      </c>
      <c r="F79" s="22">
        <v>6</v>
      </c>
      <c r="G79" s="23">
        <v>1</v>
      </c>
      <c r="H79" s="22">
        <v>97</v>
      </c>
      <c r="I79" s="22">
        <v>59</v>
      </c>
      <c r="J79" s="22">
        <v>38</v>
      </c>
      <c r="K79" s="21">
        <v>72</v>
      </c>
      <c r="L79" s="53">
        <v>42</v>
      </c>
      <c r="M79" s="54">
        <v>30</v>
      </c>
    </row>
    <row r="80" spans="1:13">
      <c r="A80" s="40" t="s">
        <v>83</v>
      </c>
      <c r="B80" s="21">
        <v>29</v>
      </c>
      <c r="C80" s="22">
        <v>26</v>
      </c>
      <c r="D80" s="22">
        <v>3</v>
      </c>
      <c r="E80" s="21">
        <v>4</v>
      </c>
      <c r="F80" s="22">
        <v>4</v>
      </c>
      <c r="G80" s="23">
        <v>0</v>
      </c>
      <c r="H80" s="22">
        <v>110</v>
      </c>
      <c r="I80" s="22">
        <v>74</v>
      </c>
      <c r="J80" s="22">
        <v>36</v>
      </c>
      <c r="K80" s="21">
        <v>77</v>
      </c>
      <c r="L80" s="53">
        <v>44</v>
      </c>
      <c r="M80" s="54">
        <v>33</v>
      </c>
    </row>
    <row r="81" spans="1:13">
      <c r="A81" s="40" t="s">
        <v>84</v>
      </c>
      <c r="B81" s="21">
        <v>-15</v>
      </c>
      <c r="C81" s="22">
        <v>-11</v>
      </c>
      <c r="D81" s="22">
        <v>-4</v>
      </c>
      <c r="E81" s="21">
        <v>5</v>
      </c>
      <c r="F81" s="22">
        <v>3</v>
      </c>
      <c r="G81" s="23">
        <v>2</v>
      </c>
      <c r="H81" s="22">
        <v>48</v>
      </c>
      <c r="I81" s="22">
        <v>22</v>
      </c>
      <c r="J81" s="22">
        <v>26</v>
      </c>
      <c r="K81" s="21">
        <v>58</v>
      </c>
      <c r="L81" s="53">
        <v>30</v>
      </c>
      <c r="M81" s="54">
        <v>28</v>
      </c>
    </row>
    <row r="82" spans="1:13">
      <c r="A82" s="40" t="s">
        <v>85</v>
      </c>
      <c r="B82" s="21">
        <v>6</v>
      </c>
      <c r="C82" s="22">
        <v>-2</v>
      </c>
      <c r="D82" s="22">
        <v>8</v>
      </c>
      <c r="E82" s="21">
        <v>6</v>
      </c>
      <c r="F82" s="22">
        <v>6</v>
      </c>
      <c r="G82" s="23">
        <v>0</v>
      </c>
      <c r="H82" s="22">
        <v>70</v>
      </c>
      <c r="I82" s="22">
        <v>36</v>
      </c>
      <c r="J82" s="22">
        <v>34</v>
      </c>
      <c r="K82" s="21">
        <v>58</v>
      </c>
      <c r="L82" s="53">
        <v>32</v>
      </c>
      <c r="M82" s="54">
        <v>26</v>
      </c>
    </row>
    <row r="83" spans="1:13" ht="19.5" customHeight="1">
      <c r="A83" s="34" t="s">
        <v>86</v>
      </c>
      <c r="B83" s="17">
        <v>-1</v>
      </c>
      <c r="C83" s="18">
        <v>-27</v>
      </c>
      <c r="D83" s="18">
        <v>26</v>
      </c>
      <c r="E83" s="17">
        <v>33</v>
      </c>
      <c r="F83" s="18">
        <v>24</v>
      </c>
      <c r="G83" s="19">
        <v>9</v>
      </c>
      <c r="H83" s="18">
        <v>286</v>
      </c>
      <c r="I83" s="18">
        <v>153</v>
      </c>
      <c r="J83" s="18">
        <v>133</v>
      </c>
      <c r="K83" s="17">
        <v>254</v>
      </c>
      <c r="L83" s="51">
        <v>156</v>
      </c>
      <c r="M83" s="52">
        <v>98</v>
      </c>
    </row>
    <row r="84" spans="1:13">
      <c r="A84" s="40" t="s">
        <v>87</v>
      </c>
      <c r="B84" s="21">
        <v>-2</v>
      </c>
      <c r="C84" s="22">
        <v>-11</v>
      </c>
      <c r="D84" s="22">
        <v>9</v>
      </c>
      <c r="E84" s="21">
        <v>5</v>
      </c>
      <c r="F84" s="22">
        <v>3</v>
      </c>
      <c r="G84" s="23">
        <v>2</v>
      </c>
      <c r="H84" s="22">
        <v>60</v>
      </c>
      <c r="I84" s="22">
        <v>32</v>
      </c>
      <c r="J84" s="22">
        <v>28</v>
      </c>
      <c r="K84" s="21">
        <v>57</v>
      </c>
      <c r="L84" s="53">
        <v>40</v>
      </c>
      <c r="M84" s="54">
        <v>17</v>
      </c>
    </row>
    <row r="85" spans="1:13">
      <c r="A85" s="40" t="s">
        <v>88</v>
      </c>
      <c r="B85" s="21">
        <v>11</v>
      </c>
      <c r="C85" s="22">
        <v>6</v>
      </c>
      <c r="D85" s="22">
        <v>5</v>
      </c>
      <c r="E85" s="21">
        <v>5</v>
      </c>
      <c r="F85" s="22">
        <v>3</v>
      </c>
      <c r="G85" s="23">
        <v>2</v>
      </c>
      <c r="H85" s="22">
        <v>63</v>
      </c>
      <c r="I85" s="22">
        <v>34</v>
      </c>
      <c r="J85" s="22">
        <v>29</v>
      </c>
      <c r="K85" s="21">
        <v>47</v>
      </c>
      <c r="L85" s="53">
        <v>25</v>
      </c>
      <c r="M85" s="54">
        <v>22</v>
      </c>
    </row>
    <row r="86" spans="1:13">
      <c r="A86" s="40" t="s">
        <v>89</v>
      </c>
      <c r="B86" s="21">
        <v>-8</v>
      </c>
      <c r="C86" s="22">
        <v>-9</v>
      </c>
      <c r="D86" s="22">
        <v>1</v>
      </c>
      <c r="E86" s="21">
        <v>6</v>
      </c>
      <c r="F86" s="22">
        <v>5</v>
      </c>
      <c r="G86" s="23">
        <v>1</v>
      </c>
      <c r="H86" s="22">
        <v>54</v>
      </c>
      <c r="I86" s="22">
        <v>26</v>
      </c>
      <c r="J86" s="22">
        <v>28</v>
      </c>
      <c r="K86" s="21">
        <v>56</v>
      </c>
      <c r="L86" s="53">
        <v>30</v>
      </c>
      <c r="M86" s="54">
        <v>26</v>
      </c>
    </row>
    <row r="87" spans="1:13">
      <c r="A87" s="40" t="s">
        <v>90</v>
      </c>
      <c r="B87" s="21">
        <v>-12</v>
      </c>
      <c r="C87" s="22">
        <v>-17</v>
      </c>
      <c r="D87" s="22">
        <v>5</v>
      </c>
      <c r="E87" s="21">
        <v>13</v>
      </c>
      <c r="F87" s="22">
        <v>10</v>
      </c>
      <c r="G87" s="23">
        <v>3</v>
      </c>
      <c r="H87" s="22">
        <v>58</v>
      </c>
      <c r="I87" s="22">
        <v>29</v>
      </c>
      <c r="J87" s="22">
        <v>29</v>
      </c>
      <c r="K87" s="21">
        <v>57</v>
      </c>
      <c r="L87" s="53">
        <v>36</v>
      </c>
      <c r="M87" s="54">
        <v>21</v>
      </c>
    </row>
    <row r="88" spans="1:13">
      <c r="A88" s="40" t="s">
        <v>91</v>
      </c>
      <c r="B88" s="21">
        <v>10</v>
      </c>
      <c r="C88" s="22">
        <v>4</v>
      </c>
      <c r="D88" s="22">
        <v>6</v>
      </c>
      <c r="E88" s="21">
        <v>4</v>
      </c>
      <c r="F88" s="22">
        <v>3</v>
      </c>
      <c r="G88" s="23">
        <v>1</v>
      </c>
      <c r="H88" s="22">
        <v>51</v>
      </c>
      <c r="I88" s="22">
        <v>32</v>
      </c>
      <c r="J88" s="22">
        <v>19</v>
      </c>
      <c r="K88" s="21">
        <v>37</v>
      </c>
      <c r="L88" s="53">
        <v>25</v>
      </c>
      <c r="M88" s="54">
        <v>12</v>
      </c>
    </row>
    <row r="89" spans="1:13" ht="19.5" customHeight="1">
      <c r="A89" s="34" t="s">
        <v>92</v>
      </c>
      <c r="B89" s="17">
        <v>-60</v>
      </c>
      <c r="C89" s="18">
        <v>-44</v>
      </c>
      <c r="D89" s="18">
        <v>-16</v>
      </c>
      <c r="E89" s="17">
        <v>42</v>
      </c>
      <c r="F89" s="18">
        <v>29</v>
      </c>
      <c r="G89" s="19">
        <v>13</v>
      </c>
      <c r="H89" s="18">
        <v>176</v>
      </c>
      <c r="I89" s="18">
        <v>94</v>
      </c>
      <c r="J89" s="18">
        <v>82</v>
      </c>
      <c r="K89" s="17">
        <v>194</v>
      </c>
      <c r="L89" s="51">
        <v>109</v>
      </c>
      <c r="M89" s="52">
        <v>85</v>
      </c>
    </row>
    <row r="90" spans="1:13">
      <c r="A90" s="40" t="s">
        <v>93</v>
      </c>
      <c r="B90" s="21">
        <v>-8</v>
      </c>
      <c r="C90" s="22">
        <v>-8</v>
      </c>
      <c r="D90" s="22">
        <v>0</v>
      </c>
      <c r="E90" s="21">
        <v>6</v>
      </c>
      <c r="F90" s="22">
        <v>3</v>
      </c>
      <c r="G90" s="23">
        <v>3</v>
      </c>
      <c r="H90" s="22">
        <v>39</v>
      </c>
      <c r="I90" s="22">
        <v>25</v>
      </c>
      <c r="J90" s="22">
        <v>14</v>
      </c>
      <c r="K90" s="21">
        <v>41</v>
      </c>
      <c r="L90" s="53">
        <v>30</v>
      </c>
      <c r="M90" s="54">
        <v>11</v>
      </c>
    </row>
    <row r="91" spans="1:13">
      <c r="A91" s="40" t="s">
        <v>94</v>
      </c>
      <c r="B91" s="21">
        <v>-9</v>
      </c>
      <c r="C91" s="22">
        <v>-5</v>
      </c>
      <c r="D91" s="22">
        <v>-4</v>
      </c>
      <c r="E91" s="21">
        <v>6</v>
      </c>
      <c r="F91" s="22">
        <v>4</v>
      </c>
      <c r="G91" s="23">
        <v>2</v>
      </c>
      <c r="H91" s="22">
        <v>42</v>
      </c>
      <c r="I91" s="22">
        <v>22</v>
      </c>
      <c r="J91" s="22">
        <v>20</v>
      </c>
      <c r="K91" s="21">
        <v>45</v>
      </c>
      <c r="L91" s="53">
        <v>23</v>
      </c>
      <c r="M91" s="54">
        <v>22</v>
      </c>
    </row>
    <row r="92" spans="1:13">
      <c r="A92" s="40" t="s">
        <v>95</v>
      </c>
      <c r="B92" s="21">
        <v>-12</v>
      </c>
      <c r="C92" s="22">
        <v>-10</v>
      </c>
      <c r="D92" s="22">
        <v>-2</v>
      </c>
      <c r="E92" s="21">
        <v>8</v>
      </c>
      <c r="F92" s="22">
        <v>6</v>
      </c>
      <c r="G92" s="23">
        <v>2</v>
      </c>
      <c r="H92" s="22">
        <v>32</v>
      </c>
      <c r="I92" s="22">
        <v>18</v>
      </c>
      <c r="J92" s="22">
        <v>14</v>
      </c>
      <c r="K92" s="21">
        <v>36</v>
      </c>
      <c r="L92" s="53">
        <v>22</v>
      </c>
      <c r="M92" s="54">
        <v>14</v>
      </c>
    </row>
    <row r="93" spans="1:13">
      <c r="A93" s="40" t="s">
        <v>96</v>
      </c>
      <c r="B93" s="21">
        <v>-19</v>
      </c>
      <c r="C93" s="22">
        <v>-12</v>
      </c>
      <c r="D93" s="22">
        <v>-7</v>
      </c>
      <c r="E93" s="21">
        <v>12</v>
      </c>
      <c r="F93" s="22">
        <v>9</v>
      </c>
      <c r="G93" s="23">
        <v>3</v>
      </c>
      <c r="H93" s="22">
        <v>28</v>
      </c>
      <c r="I93" s="22">
        <v>14</v>
      </c>
      <c r="J93" s="22">
        <v>14</v>
      </c>
      <c r="K93" s="21">
        <v>35</v>
      </c>
      <c r="L93" s="53">
        <v>17</v>
      </c>
      <c r="M93" s="54">
        <v>18</v>
      </c>
    </row>
    <row r="94" spans="1:13">
      <c r="A94" s="40" t="s">
        <v>97</v>
      </c>
      <c r="B94" s="21">
        <v>-12</v>
      </c>
      <c r="C94" s="22">
        <v>-9</v>
      </c>
      <c r="D94" s="22">
        <v>-3</v>
      </c>
      <c r="E94" s="21">
        <v>10</v>
      </c>
      <c r="F94" s="22">
        <v>7</v>
      </c>
      <c r="G94" s="23">
        <v>3</v>
      </c>
      <c r="H94" s="22">
        <v>35</v>
      </c>
      <c r="I94" s="22">
        <v>15</v>
      </c>
      <c r="J94" s="22">
        <v>20</v>
      </c>
      <c r="K94" s="21">
        <v>37</v>
      </c>
      <c r="L94" s="53">
        <v>17</v>
      </c>
      <c r="M94" s="54">
        <v>20</v>
      </c>
    </row>
    <row r="95" spans="1:13" ht="19.5" customHeight="1">
      <c r="A95" s="34" t="s">
        <v>98</v>
      </c>
      <c r="B95" s="17">
        <v>-115</v>
      </c>
      <c r="C95" s="18">
        <v>-78</v>
      </c>
      <c r="D95" s="18">
        <v>-37</v>
      </c>
      <c r="E95" s="17">
        <v>83</v>
      </c>
      <c r="F95" s="18">
        <v>64</v>
      </c>
      <c r="G95" s="19">
        <v>19</v>
      </c>
      <c r="H95" s="18">
        <v>127</v>
      </c>
      <c r="I95" s="18">
        <v>82</v>
      </c>
      <c r="J95" s="18">
        <v>45</v>
      </c>
      <c r="K95" s="17">
        <v>159</v>
      </c>
      <c r="L95" s="51">
        <v>96</v>
      </c>
      <c r="M95" s="52">
        <v>63</v>
      </c>
    </row>
    <row r="96" spans="1:13">
      <c r="A96" s="40" t="s">
        <v>99</v>
      </c>
      <c r="B96" s="21">
        <v>-25</v>
      </c>
      <c r="C96" s="22">
        <v>-19</v>
      </c>
      <c r="D96" s="22">
        <v>-6</v>
      </c>
      <c r="E96" s="21">
        <v>12</v>
      </c>
      <c r="F96" s="22">
        <v>11</v>
      </c>
      <c r="G96" s="23">
        <v>1</v>
      </c>
      <c r="H96" s="22">
        <v>28</v>
      </c>
      <c r="I96" s="22">
        <v>17</v>
      </c>
      <c r="J96" s="22">
        <v>11</v>
      </c>
      <c r="K96" s="21">
        <v>41</v>
      </c>
      <c r="L96" s="53">
        <v>25</v>
      </c>
      <c r="M96" s="54">
        <v>16</v>
      </c>
    </row>
    <row r="97" spans="1:13">
      <c r="A97" s="40" t="s">
        <v>100</v>
      </c>
      <c r="B97" s="21">
        <v>-23</v>
      </c>
      <c r="C97" s="22">
        <v>-7</v>
      </c>
      <c r="D97" s="22">
        <v>-16</v>
      </c>
      <c r="E97" s="21">
        <v>16</v>
      </c>
      <c r="F97" s="22">
        <v>9</v>
      </c>
      <c r="G97" s="23">
        <v>7</v>
      </c>
      <c r="H97" s="22">
        <v>22</v>
      </c>
      <c r="I97" s="22">
        <v>14</v>
      </c>
      <c r="J97" s="22">
        <v>8</v>
      </c>
      <c r="K97" s="21">
        <v>29</v>
      </c>
      <c r="L97" s="53">
        <v>12</v>
      </c>
      <c r="M97" s="54">
        <v>17</v>
      </c>
    </row>
    <row r="98" spans="1:13">
      <c r="A98" s="40" t="s">
        <v>101</v>
      </c>
      <c r="B98" s="21">
        <v>-17</v>
      </c>
      <c r="C98" s="22">
        <v>-12</v>
      </c>
      <c r="D98" s="22">
        <v>-5</v>
      </c>
      <c r="E98" s="21">
        <v>15</v>
      </c>
      <c r="F98" s="22">
        <v>13</v>
      </c>
      <c r="G98" s="23">
        <v>2</v>
      </c>
      <c r="H98" s="22">
        <v>29</v>
      </c>
      <c r="I98" s="22">
        <v>17</v>
      </c>
      <c r="J98" s="22">
        <v>12</v>
      </c>
      <c r="K98" s="21">
        <v>31</v>
      </c>
      <c r="L98" s="53">
        <v>16</v>
      </c>
      <c r="M98" s="54">
        <v>15</v>
      </c>
    </row>
    <row r="99" spans="1:13">
      <c r="A99" s="40" t="s">
        <v>102</v>
      </c>
      <c r="B99" s="21">
        <v>-23</v>
      </c>
      <c r="C99" s="22">
        <v>-18</v>
      </c>
      <c r="D99" s="22">
        <v>-5</v>
      </c>
      <c r="E99" s="21">
        <v>14</v>
      </c>
      <c r="F99" s="22">
        <v>11</v>
      </c>
      <c r="G99" s="23">
        <v>3</v>
      </c>
      <c r="H99" s="22">
        <v>17</v>
      </c>
      <c r="I99" s="22">
        <v>12</v>
      </c>
      <c r="J99" s="22">
        <v>5</v>
      </c>
      <c r="K99" s="21">
        <v>26</v>
      </c>
      <c r="L99" s="53">
        <v>19</v>
      </c>
      <c r="M99" s="54">
        <v>7</v>
      </c>
    </row>
    <row r="100" spans="1:13">
      <c r="A100" s="40" t="s">
        <v>103</v>
      </c>
      <c r="B100" s="21">
        <v>-27</v>
      </c>
      <c r="C100" s="22">
        <v>-22</v>
      </c>
      <c r="D100" s="22">
        <v>-5</v>
      </c>
      <c r="E100" s="21">
        <v>26</v>
      </c>
      <c r="F100" s="22">
        <v>20</v>
      </c>
      <c r="G100" s="23">
        <v>6</v>
      </c>
      <c r="H100" s="22">
        <v>31</v>
      </c>
      <c r="I100" s="22">
        <v>22</v>
      </c>
      <c r="J100" s="22">
        <v>9</v>
      </c>
      <c r="K100" s="21">
        <v>32</v>
      </c>
      <c r="L100" s="53">
        <v>24</v>
      </c>
      <c r="M100" s="54">
        <v>8</v>
      </c>
    </row>
    <row r="101" spans="1:13" ht="19.5" customHeight="1">
      <c r="A101" s="34" t="s">
        <v>104</v>
      </c>
      <c r="B101" s="17">
        <v>-131</v>
      </c>
      <c r="C101" s="18">
        <v>-100</v>
      </c>
      <c r="D101" s="18">
        <v>-31</v>
      </c>
      <c r="E101" s="17">
        <v>150</v>
      </c>
      <c r="F101" s="18">
        <v>111</v>
      </c>
      <c r="G101" s="19">
        <v>39</v>
      </c>
      <c r="H101" s="18">
        <v>151</v>
      </c>
      <c r="I101" s="18">
        <v>81</v>
      </c>
      <c r="J101" s="18">
        <v>70</v>
      </c>
      <c r="K101" s="17">
        <v>132</v>
      </c>
      <c r="L101" s="51">
        <v>70</v>
      </c>
      <c r="M101" s="52">
        <v>62</v>
      </c>
    </row>
    <row r="102" spans="1:13">
      <c r="A102" s="40" t="s">
        <v>105</v>
      </c>
      <c r="B102" s="21">
        <v>-31</v>
      </c>
      <c r="C102" s="22">
        <v>-25</v>
      </c>
      <c r="D102" s="22">
        <v>-6</v>
      </c>
      <c r="E102" s="21">
        <v>28</v>
      </c>
      <c r="F102" s="22">
        <v>23</v>
      </c>
      <c r="G102" s="23">
        <v>5</v>
      </c>
      <c r="H102" s="22">
        <v>35</v>
      </c>
      <c r="I102" s="22">
        <v>19</v>
      </c>
      <c r="J102" s="22">
        <v>16</v>
      </c>
      <c r="K102" s="21">
        <v>38</v>
      </c>
      <c r="L102" s="53">
        <v>21</v>
      </c>
      <c r="M102" s="54">
        <v>17</v>
      </c>
    </row>
    <row r="103" spans="1:13">
      <c r="A103" s="40" t="s">
        <v>106</v>
      </c>
      <c r="B103" s="21">
        <v>-35</v>
      </c>
      <c r="C103" s="22">
        <v>-25</v>
      </c>
      <c r="D103" s="22">
        <v>-10</v>
      </c>
      <c r="E103" s="21">
        <v>29</v>
      </c>
      <c r="F103" s="22">
        <v>23</v>
      </c>
      <c r="G103" s="23">
        <v>6</v>
      </c>
      <c r="H103" s="22">
        <v>29</v>
      </c>
      <c r="I103" s="22">
        <v>15</v>
      </c>
      <c r="J103" s="22">
        <v>14</v>
      </c>
      <c r="K103" s="21">
        <v>35</v>
      </c>
      <c r="L103" s="53">
        <v>17</v>
      </c>
      <c r="M103" s="54">
        <v>18</v>
      </c>
    </row>
    <row r="104" spans="1:13">
      <c r="A104" s="40" t="s">
        <v>107</v>
      </c>
      <c r="B104" s="21">
        <v>-30</v>
      </c>
      <c r="C104" s="22">
        <v>-18</v>
      </c>
      <c r="D104" s="22">
        <v>-12</v>
      </c>
      <c r="E104" s="21">
        <v>41</v>
      </c>
      <c r="F104" s="22">
        <v>29</v>
      </c>
      <c r="G104" s="23">
        <v>12</v>
      </c>
      <c r="H104" s="22">
        <v>43</v>
      </c>
      <c r="I104" s="22">
        <v>26</v>
      </c>
      <c r="J104" s="22">
        <v>17</v>
      </c>
      <c r="K104" s="21">
        <v>32</v>
      </c>
      <c r="L104" s="53">
        <v>15</v>
      </c>
      <c r="M104" s="54">
        <v>17</v>
      </c>
    </row>
    <row r="105" spans="1:13">
      <c r="A105" s="40" t="s">
        <v>108</v>
      </c>
      <c r="B105" s="21">
        <v>-25</v>
      </c>
      <c r="C105" s="22">
        <v>-19</v>
      </c>
      <c r="D105" s="22">
        <v>-6</v>
      </c>
      <c r="E105" s="21">
        <v>30</v>
      </c>
      <c r="F105" s="22">
        <v>19</v>
      </c>
      <c r="G105" s="23">
        <v>11</v>
      </c>
      <c r="H105" s="22">
        <v>21</v>
      </c>
      <c r="I105" s="22">
        <v>11</v>
      </c>
      <c r="J105" s="22">
        <v>10</v>
      </c>
      <c r="K105" s="21">
        <v>16</v>
      </c>
      <c r="L105" s="53">
        <v>11</v>
      </c>
      <c r="M105" s="54">
        <v>5</v>
      </c>
    </row>
    <row r="106" spans="1:13">
      <c r="A106" s="40" t="s">
        <v>109</v>
      </c>
      <c r="B106" s="21">
        <v>-10</v>
      </c>
      <c r="C106" s="22">
        <v>-13</v>
      </c>
      <c r="D106" s="22">
        <v>3</v>
      </c>
      <c r="E106" s="21">
        <v>22</v>
      </c>
      <c r="F106" s="22">
        <v>17</v>
      </c>
      <c r="G106" s="23">
        <v>5</v>
      </c>
      <c r="H106" s="22">
        <v>23</v>
      </c>
      <c r="I106" s="22">
        <v>10</v>
      </c>
      <c r="J106" s="22">
        <v>13</v>
      </c>
      <c r="K106" s="21">
        <v>11</v>
      </c>
      <c r="L106" s="53">
        <v>6</v>
      </c>
      <c r="M106" s="54">
        <v>5</v>
      </c>
    </row>
    <row r="107" spans="1:13" ht="19.5" customHeight="1">
      <c r="A107" s="34" t="s">
        <v>110</v>
      </c>
      <c r="B107" s="17">
        <v>-180</v>
      </c>
      <c r="C107" s="18">
        <v>-105</v>
      </c>
      <c r="D107" s="18">
        <v>-75</v>
      </c>
      <c r="E107" s="17">
        <v>184</v>
      </c>
      <c r="F107" s="18">
        <v>121</v>
      </c>
      <c r="G107" s="19">
        <v>63</v>
      </c>
      <c r="H107" s="18">
        <v>89</v>
      </c>
      <c r="I107" s="18">
        <v>49</v>
      </c>
      <c r="J107" s="18">
        <v>40</v>
      </c>
      <c r="K107" s="17">
        <v>85</v>
      </c>
      <c r="L107" s="51">
        <v>33</v>
      </c>
      <c r="M107" s="52">
        <v>52</v>
      </c>
    </row>
    <row r="108" spans="1:13">
      <c r="A108" s="40" t="s">
        <v>111</v>
      </c>
      <c r="B108" s="21">
        <v>-31</v>
      </c>
      <c r="C108" s="22">
        <v>-14</v>
      </c>
      <c r="D108" s="22">
        <v>-17</v>
      </c>
      <c r="E108" s="21">
        <v>25</v>
      </c>
      <c r="F108" s="22">
        <v>16</v>
      </c>
      <c r="G108" s="23">
        <v>9</v>
      </c>
      <c r="H108" s="22">
        <v>16</v>
      </c>
      <c r="I108" s="22">
        <v>10</v>
      </c>
      <c r="J108" s="22">
        <v>6</v>
      </c>
      <c r="K108" s="21">
        <v>22</v>
      </c>
      <c r="L108" s="53">
        <v>8</v>
      </c>
      <c r="M108" s="54">
        <v>14</v>
      </c>
    </row>
    <row r="109" spans="1:13">
      <c r="A109" s="40" t="s">
        <v>112</v>
      </c>
      <c r="B109" s="21">
        <v>-30</v>
      </c>
      <c r="C109" s="22">
        <v>-16</v>
      </c>
      <c r="D109" s="22">
        <v>-14</v>
      </c>
      <c r="E109" s="21">
        <v>34</v>
      </c>
      <c r="F109" s="22">
        <v>18</v>
      </c>
      <c r="G109" s="23">
        <v>16</v>
      </c>
      <c r="H109" s="22">
        <v>15</v>
      </c>
      <c r="I109" s="22">
        <v>6</v>
      </c>
      <c r="J109" s="22">
        <v>9</v>
      </c>
      <c r="K109" s="21">
        <v>11</v>
      </c>
      <c r="L109" s="53">
        <v>4</v>
      </c>
      <c r="M109" s="54">
        <v>7</v>
      </c>
    </row>
    <row r="110" spans="1:13">
      <c r="A110" s="40" t="s">
        <v>113</v>
      </c>
      <c r="B110" s="21">
        <v>-46</v>
      </c>
      <c r="C110" s="22">
        <v>-31</v>
      </c>
      <c r="D110" s="22">
        <v>-15</v>
      </c>
      <c r="E110" s="21">
        <v>42</v>
      </c>
      <c r="F110" s="22">
        <v>31</v>
      </c>
      <c r="G110" s="23">
        <v>11</v>
      </c>
      <c r="H110" s="22">
        <v>18</v>
      </c>
      <c r="I110" s="22">
        <v>9</v>
      </c>
      <c r="J110" s="22">
        <v>9</v>
      </c>
      <c r="K110" s="21">
        <v>22</v>
      </c>
      <c r="L110" s="53">
        <v>9</v>
      </c>
      <c r="M110" s="54">
        <v>13</v>
      </c>
    </row>
    <row r="111" spans="1:13">
      <c r="A111" s="40" t="s">
        <v>114</v>
      </c>
      <c r="B111" s="21">
        <v>-34</v>
      </c>
      <c r="C111" s="22">
        <v>-17</v>
      </c>
      <c r="D111" s="22">
        <v>-17</v>
      </c>
      <c r="E111" s="21">
        <v>42</v>
      </c>
      <c r="F111" s="22">
        <v>26</v>
      </c>
      <c r="G111" s="23">
        <v>16</v>
      </c>
      <c r="H111" s="22">
        <v>23</v>
      </c>
      <c r="I111" s="22">
        <v>16</v>
      </c>
      <c r="J111" s="22">
        <v>7</v>
      </c>
      <c r="K111" s="21">
        <v>15</v>
      </c>
      <c r="L111" s="53">
        <v>7</v>
      </c>
      <c r="M111" s="54">
        <v>8</v>
      </c>
    </row>
    <row r="112" spans="1:13">
      <c r="A112" s="40" t="s">
        <v>115</v>
      </c>
      <c r="B112" s="21">
        <v>-39</v>
      </c>
      <c r="C112" s="22">
        <v>-27</v>
      </c>
      <c r="D112" s="22">
        <v>-12</v>
      </c>
      <c r="E112" s="21">
        <v>41</v>
      </c>
      <c r="F112" s="22">
        <v>30</v>
      </c>
      <c r="G112" s="23">
        <v>11</v>
      </c>
      <c r="H112" s="22">
        <v>17</v>
      </c>
      <c r="I112" s="22">
        <v>8</v>
      </c>
      <c r="J112" s="22">
        <v>9</v>
      </c>
      <c r="K112" s="21">
        <v>15</v>
      </c>
      <c r="L112" s="53">
        <v>5</v>
      </c>
      <c r="M112" s="54">
        <v>10</v>
      </c>
    </row>
    <row r="113" spans="1:13" ht="19.5" customHeight="1">
      <c r="A113" s="34" t="s">
        <v>116</v>
      </c>
      <c r="B113" s="17">
        <v>-250</v>
      </c>
      <c r="C113" s="18">
        <v>-144</v>
      </c>
      <c r="D113" s="18">
        <v>-106</v>
      </c>
      <c r="E113" s="17">
        <v>238</v>
      </c>
      <c r="F113" s="18">
        <v>139</v>
      </c>
      <c r="G113" s="19">
        <v>99</v>
      </c>
      <c r="H113" s="18">
        <v>75</v>
      </c>
      <c r="I113" s="18">
        <v>31</v>
      </c>
      <c r="J113" s="18">
        <v>44</v>
      </c>
      <c r="K113" s="17">
        <v>87</v>
      </c>
      <c r="L113" s="51">
        <v>36</v>
      </c>
      <c r="M113" s="52">
        <v>51</v>
      </c>
    </row>
    <row r="114" spans="1:13">
      <c r="A114" s="40" t="s">
        <v>117</v>
      </c>
      <c r="B114" s="21">
        <v>-35</v>
      </c>
      <c r="C114" s="22">
        <v>-24</v>
      </c>
      <c r="D114" s="22">
        <v>-11</v>
      </c>
      <c r="E114" s="21">
        <v>31</v>
      </c>
      <c r="F114" s="22">
        <v>17</v>
      </c>
      <c r="G114" s="23">
        <v>14</v>
      </c>
      <c r="H114" s="22">
        <v>11</v>
      </c>
      <c r="I114" s="22">
        <v>2</v>
      </c>
      <c r="J114" s="22">
        <v>9</v>
      </c>
      <c r="K114" s="21">
        <v>15</v>
      </c>
      <c r="L114" s="53">
        <v>9</v>
      </c>
      <c r="M114" s="54">
        <v>6</v>
      </c>
    </row>
    <row r="115" spans="1:13">
      <c r="A115" s="40" t="s">
        <v>118</v>
      </c>
      <c r="B115" s="21">
        <v>-55</v>
      </c>
      <c r="C115" s="22">
        <v>-27</v>
      </c>
      <c r="D115" s="22">
        <v>-28</v>
      </c>
      <c r="E115" s="21">
        <v>45</v>
      </c>
      <c r="F115" s="22">
        <v>26</v>
      </c>
      <c r="G115" s="23">
        <v>19</v>
      </c>
      <c r="H115" s="22">
        <v>15</v>
      </c>
      <c r="I115" s="22">
        <v>8</v>
      </c>
      <c r="J115" s="22">
        <v>7</v>
      </c>
      <c r="K115" s="21">
        <v>25</v>
      </c>
      <c r="L115" s="53">
        <v>9</v>
      </c>
      <c r="M115" s="54">
        <v>16</v>
      </c>
    </row>
    <row r="116" spans="1:13">
      <c r="A116" s="40" t="s">
        <v>119</v>
      </c>
      <c r="B116" s="21">
        <v>-50</v>
      </c>
      <c r="C116" s="22">
        <v>-29</v>
      </c>
      <c r="D116" s="22">
        <v>-21</v>
      </c>
      <c r="E116" s="21">
        <v>50</v>
      </c>
      <c r="F116" s="22">
        <v>28</v>
      </c>
      <c r="G116" s="23">
        <v>22</v>
      </c>
      <c r="H116" s="22">
        <v>17</v>
      </c>
      <c r="I116" s="22">
        <v>7</v>
      </c>
      <c r="J116" s="22">
        <v>10</v>
      </c>
      <c r="K116" s="21">
        <v>17</v>
      </c>
      <c r="L116" s="53">
        <v>8</v>
      </c>
      <c r="M116" s="54">
        <v>9</v>
      </c>
    </row>
    <row r="117" spans="1:13">
      <c r="A117" s="40" t="s">
        <v>120</v>
      </c>
      <c r="B117" s="21">
        <v>-56</v>
      </c>
      <c r="C117" s="22">
        <v>-34</v>
      </c>
      <c r="D117" s="22">
        <v>-22</v>
      </c>
      <c r="E117" s="21">
        <v>55</v>
      </c>
      <c r="F117" s="22">
        <v>34</v>
      </c>
      <c r="G117" s="23">
        <v>21</v>
      </c>
      <c r="H117" s="22">
        <v>13</v>
      </c>
      <c r="I117" s="22">
        <v>5</v>
      </c>
      <c r="J117" s="22">
        <v>8</v>
      </c>
      <c r="K117" s="21">
        <v>14</v>
      </c>
      <c r="L117" s="53">
        <v>5</v>
      </c>
      <c r="M117" s="54">
        <v>9</v>
      </c>
    </row>
    <row r="118" spans="1:13">
      <c r="A118" s="40" t="s">
        <v>121</v>
      </c>
      <c r="B118" s="21">
        <v>-54</v>
      </c>
      <c r="C118" s="22">
        <v>-30</v>
      </c>
      <c r="D118" s="22">
        <v>-24</v>
      </c>
      <c r="E118" s="21">
        <v>57</v>
      </c>
      <c r="F118" s="22">
        <v>34</v>
      </c>
      <c r="G118" s="23">
        <v>23</v>
      </c>
      <c r="H118" s="22">
        <v>19</v>
      </c>
      <c r="I118" s="22">
        <v>9</v>
      </c>
      <c r="J118" s="22">
        <v>10</v>
      </c>
      <c r="K118" s="21">
        <v>16</v>
      </c>
      <c r="L118" s="53">
        <v>5</v>
      </c>
      <c r="M118" s="54">
        <v>11</v>
      </c>
    </row>
    <row r="119" spans="1:13" ht="19.5" customHeight="1">
      <c r="A119" s="34" t="s">
        <v>122</v>
      </c>
      <c r="B119" s="17">
        <v>-250</v>
      </c>
      <c r="C119" s="18">
        <v>-115</v>
      </c>
      <c r="D119" s="18">
        <v>-135</v>
      </c>
      <c r="E119" s="17">
        <v>254</v>
      </c>
      <c r="F119" s="18">
        <v>116</v>
      </c>
      <c r="G119" s="19">
        <v>138</v>
      </c>
      <c r="H119" s="18">
        <v>62</v>
      </c>
      <c r="I119" s="18">
        <v>18</v>
      </c>
      <c r="J119" s="18">
        <v>44</v>
      </c>
      <c r="K119" s="17">
        <v>58</v>
      </c>
      <c r="L119" s="51">
        <v>17</v>
      </c>
      <c r="M119" s="52">
        <v>41</v>
      </c>
    </row>
    <row r="120" spans="1:13">
      <c r="A120" s="40" t="s">
        <v>123</v>
      </c>
      <c r="B120" s="21">
        <v>-44</v>
      </c>
      <c r="C120" s="22">
        <v>-17</v>
      </c>
      <c r="D120" s="22">
        <v>-27</v>
      </c>
      <c r="E120" s="21">
        <v>43</v>
      </c>
      <c r="F120" s="22">
        <v>18</v>
      </c>
      <c r="G120" s="23">
        <v>25</v>
      </c>
      <c r="H120" s="22">
        <v>12</v>
      </c>
      <c r="I120" s="22">
        <v>5</v>
      </c>
      <c r="J120" s="22">
        <v>7</v>
      </c>
      <c r="K120" s="21">
        <v>13</v>
      </c>
      <c r="L120" s="53">
        <v>4</v>
      </c>
      <c r="M120" s="54">
        <v>9</v>
      </c>
    </row>
    <row r="121" spans="1:13">
      <c r="A121" s="40" t="s">
        <v>124</v>
      </c>
      <c r="B121" s="21">
        <v>-54</v>
      </c>
      <c r="C121" s="22">
        <v>-25</v>
      </c>
      <c r="D121" s="22">
        <v>-29</v>
      </c>
      <c r="E121" s="21">
        <v>55</v>
      </c>
      <c r="F121" s="22">
        <v>25</v>
      </c>
      <c r="G121" s="23">
        <v>30</v>
      </c>
      <c r="H121" s="22">
        <v>11</v>
      </c>
      <c r="I121" s="22">
        <v>3</v>
      </c>
      <c r="J121" s="22">
        <v>8</v>
      </c>
      <c r="K121" s="21">
        <v>10</v>
      </c>
      <c r="L121" s="53">
        <v>3</v>
      </c>
      <c r="M121" s="54">
        <v>7</v>
      </c>
    </row>
    <row r="122" spans="1:13">
      <c r="A122" s="40" t="s">
        <v>125</v>
      </c>
      <c r="B122" s="21">
        <v>-50</v>
      </c>
      <c r="C122" s="22">
        <v>-21</v>
      </c>
      <c r="D122" s="22">
        <v>-29</v>
      </c>
      <c r="E122" s="21">
        <v>46</v>
      </c>
      <c r="F122" s="22">
        <v>20</v>
      </c>
      <c r="G122" s="23">
        <v>26</v>
      </c>
      <c r="H122" s="22">
        <v>10</v>
      </c>
      <c r="I122" s="22">
        <v>3</v>
      </c>
      <c r="J122" s="22">
        <v>7</v>
      </c>
      <c r="K122" s="21">
        <v>14</v>
      </c>
      <c r="L122" s="53">
        <v>4</v>
      </c>
      <c r="M122" s="54">
        <v>10</v>
      </c>
    </row>
    <row r="123" spans="1:13">
      <c r="A123" s="40" t="s">
        <v>126</v>
      </c>
      <c r="B123" s="21">
        <v>-57</v>
      </c>
      <c r="C123" s="22">
        <v>-31</v>
      </c>
      <c r="D123" s="22">
        <v>-26</v>
      </c>
      <c r="E123" s="21">
        <v>59</v>
      </c>
      <c r="F123" s="22">
        <v>31</v>
      </c>
      <c r="G123" s="23">
        <v>28</v>
      </c>
      <c r="H123" s="22">
        <v>16</v>
      </c>
      <c r="I123" s="22">
        <v>2</v>
      </c>
      <c r="J123" s="22">
        <v>14</v>
      </c>
      <c r="K123" s="21">
        <v>14</v>
      </c>
      <c r="L123" s="53">
        <v>2</v>
      </c>
      <c r="M123" s="54">
        <v>12</v>
      </c>
    </row>
    <row r="124" spans="1:13">
      <c r="A124" s="40" t="s">
        <v>127</v>
      </c>
      <c r="B124" s="21">
        <v>-45</v>
      </c>
      <c r="C124" s="22">
        <v>-21</v>
      </c>
      <c r="D124" s="22">
        <v>-24</v>
      </c>
      <c r="E124" s="21">
        <v>51</v>
      </c>
      <c r="F124" s="22">
        <v>22</v>
      </c>
      <c r="G124" s="23">
        <v>29</v>
      </c>
      <c r="H124" s="22">
        <v>13</v>
      </c>
      <c r="I124" s="22">
        <v>5</v>
      </c>
      <c r="J124" s="22">
        <v>8</v>
      </c>
      <c r="K124" s="21">
        <v>7</v>
      </c>
      <c r="L124" s="53">
        <v>4</v>
      </c>
      <c r="M124" s="54">
        <v>3</v>
      </c>
    </row>
    <row r="125" spans="1:13" ht="19.5" customHeight="1">
      <c r="A125" s="34" t="s">
        <v>128</v>
      </c>
      <c r="B125" s="17">
        <v>-225</v>
      </c>
      <c r="C125" s="18">
        <v>-77</v>
      </c>
      <c r="D125" s="18">
        <v>-148</v>
      </c>
      <c r="E125" s="17">
        <v>240</v>
      </c>
      <c r="F125" s="18">
        <v>81</v>
      </c>
      <c r="G125" s="19">
        <v>159</v>
      </c>
      <c r="H125" s="18">
        <v>45</v>
      </c>
      <c r="I125" s="18">
        <v>11</v>
      </c>
      <c r="J125" s="18">
        <v>34</v>
      </c>
      <c r="K125" s="17">
        <v>30</v>
      </c>
      <c r="L125" s="51">
        <v>7</v>
      </c>
      <c r="M125" s="52">
        <v>23</v>
      </c>
    </row>
    <row r="126" spans="1:13">
      <c r="A126" s="40" t="s">
        <v>129</v>
      </c>
      <c r="B126" s="21">
        <v>-39</v>
      </c>
      <c r="C126" s="22">
        <v>-17</v>
      </c>
      <c r="D126" s="22">
        <v>-22</v>
      </c>
      <c r="E126" s="21">
        <v>45</v>
      </c>
      <c r="F126" s="22">
        <v>19</v>
      </c>
      <c r="G126" s="23">
        <v>26</v>
      </c>
      <c r="H126" s="22">
        <v>12</v>
      </c>
      <c r="I126" s="22">
        <v>3</v>
      </c>
      <c r="J126" s="22">
        <v>9</v>
      </c>
      <c r="K126" s="21">
        <v>6</v>
      </c>
      <c r="L126" s="53">
        <v>1</v>
      </c>
      <c r="M126" s="54">
        <v>5</v>
      </c>
    </row>
    <row r="127" spans="1:13">
      <c r="A127" s="40" t="s">
        <v>130</v>
      </c>
      <c r="B127" s="21">
        <v>-57</v>
      </c>
      <c r="C127" s="22">
        <v>-17</v>
      </c>
      <c r="D127" s="22">
        <v>-40</v>
      </c>
      <c r="E127" s="21">
        <v>63</v>
      </c>
      <c r="F127" s="22">
        <v>22</v>
      </c>
      <c r="G127" s="23">
        <v>41</v>
      </c>
      <c r="H127" s="22">
        <v>13</v>
      </c>
      <c r="I127" s="22">
        <v>6</v>
      </c>
      <c r="J127" s="22">
        <v>7</v>
      </c>
      <c r="K127" s="21">
        <v>7</v>
      </c>
      <c r="L127" s="53">
        <v>1</v>
      </c>
      <c r="M127" s="54">
        <v>6</v>
      </c>
    </row>
    <row r="128" spans="1:13">
      <c r="A128" s="40" t="s">
        <v>131</v>
      </c>
      <c r="B128" s="21">
        <v>-46</v>
      </c>
      <c r="C128" s="22">
        <v>-18</v>
      </c>
      <c r="D128" s="22">
        <v>-28</v>
      </c>
      <c r="E128" s="21">
        <v>45</v>
      </c>
      <c r="F128" s="22">
        <v>17</v>
      </c>
      <c r="G128" s="23">
        <v>28</v>
      </c>
      <c r="H128" s="22">
        <v>7</v>
      </c>
      <c r="I128" s="22">
        <v>1</v>
      </c>
      <c r="J128" s="22">
        <v>6</v>
      </c>
      <c r="K128" s="21">
        <v>8</v>
      </c>
      <c r="L128" s="53">
        <v>2</v>
      </c>
      <c r="M128" s="54">
        <v>6</v>
      </c>
    </row>
    <row r="129" spans="1:13">
      <c r="A129" s="40" t="s">
        <v>132</v>
      </c>
      <c r="B129" s="21">
        <v>-37</v>
      </c>
      <c r="C129" s="22">
        <v>-14</v>
      </c>
      <c r="D129" s="22">
        <v>-23</v>
      </c>
      <c r="E129" s="21">
        <v>45</v>
      </c>
      <c r="F129" s="22">
        <v>14</v>
      </c>
      <c r="G129" s="23">
        <v>31</v>
      </c>
      <c r="H129" s="22">
        <v>11</v>
      </c>
      <c r="I129" s="22">
        <v>1</v>
      </c>
      <c r="J129" s="22">
        <v>10</v>
      </c>
      <c r="K129" s="21">
        <v>3</v>
      </c>
      <c r="L129" s="53">
        <v>1</v>
      </c>
      <c r="M129" s="54">
        <v>2</v>
      </c>
    </row>
    <row r="130" spans="1:13">
      <c r="A130" s="40" t="s">
        <v>133</v>
      </c>
      <c r="B130" s="21">
        <v>-46</v>
      </c>
      <c r="C130" s="22">
        <v>-11</v>
      </c>
      <c r="D130" s="22">
        <v>-35</v>
      </c>
      <c r="E130" s="21">
        <v>42</v>
      </c>
      <c r="F130" s="22">
        <v>9</v>
      </c>
      <c r="G130" s="23">
        <v>33</v>
      </c>
      <c r="H130" s="22">
        <v>2</v>
      </c>
      <c r="I130" s="22">
        <v>0</v>
      </c>
      <c r="J130" s="22">
        <v>2</v>
      </c>
      <c r="K130" s="21">
        <v>6</v>
      </c>
      <c r="L130" s="53">
        <v>2</v>
      </c>
      <c r="M130" s="54">
        <v>4</v>
      </c>
    </row>
    <row r="131" spans="1:13" ht="19.5" customHeight="1">
      <c r="A131" s="34" t="s">
        <v>134</v>
      </c>
      <c r="B131" s="17">
        <v>-111</v>
      </c>
      <c r="C131" s="18">
        <v>-27</v>
      </c>
      <c r="D131" s="18">
        <v>-84</v>
      </c>
      <c r="E131" s="17">
        <v>114</v>
      </c>
      <c r="F131" s="18">
        <v>28</v>
      </c>
      <c r="G131" s="19">
        <v>86</v>
      </c>
      <c r="H131" s="18">
        <v>12</v>
      </c>
      <c r="I131" s="18">
        <v>2</v>
      </c>
      <c r="J131" s="18">
        <v>10</v>
      </c>
      <c r="K131" s="17">
        <v>9</v>
      </c>
      <c r="L131" s="51">
        <v>1</v>
      </c>
      <c r="M131" s="52">
        <v>8</v>
      </c>
    </row>
    <row r="132" spans="1:13">
      <c r="A132" s="40" t="s">
        <v>135</v>
      </c>
      <c r="B132" s="21">
        <v>-27</v>
      </c>
      <c r="C132" s="22">
        <v>-7</v>
      </c>
      <c r="D132" s="22">
        <v>-20</v>
      </c>
      <c r="E132" s="21">
        <v>27</v>
      </c>
      <c r="F132" s="22">
        <v>7</v>
      </c>
      <c r="G132" s="23">
        <v>20</v>
      </c>
      <c r="H132" s="22">
        <v>4</v>
      </c>
      <c r="I132" s="22">
        <v>0</v>
      </c>
      <c r="J132" s="22">
        <v>4</v>
      </c>
      <c r="K132" s="21">
        <v>4</v>
      </c>
      <c r="L132" s="53">
        <v>0</v>
      </c>
      <c r="M132" s="54">
        <v>4</v>
      </c>
    </row>
    <row r="133" spans="1:13">
      <c r="A133" s="40" t="s">
        <v>136</v>
      </c>
      <c r="B133" s="21">
        <v>-19</v>
      </c>
      <c r="C133" s="22">
        <v>-6</v>
      </c>
      <c r="D133" s="22">
        <v>-13</v>
      </c>
      <c r="E133" s="21">
        <v>19</v>
      </c>
      <c r="F133" s="22">
        <v>7</v>
      </c>
      <c r="G133" s="23">
        <v>12</v>
      </c>
      <c r="H133" s="22">
        <v>2</v>
      </c>
      <c r="I133" s="22">
        <v>1</v>
      </c>
      <c r="J133" s="22">
        <v>1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29</v>
      </c>
      <c r="C134" s="22">
        <v>-9</v>
      </c>
      <c r="D134" s="22">
        <v>-20</v>
      </c>
      <c r="E134" s="21">
        <v>30</v>
      </c>
      <c r="F134" s="22">
        <v>8</v>
      </c>
      <c r="G134" s="23">
        <v>22</v>
      </c>
      <c r="H134" s="22">
        <v>3</v>
      </c>
      <c r="I134" s="22">
        <v>0</v>
      </c>
      <c r="J134" s="22">
        <v>3</v>
      </c>
      <c r="K134" s="21">
        <v>2</v>
      </c>
      <c r="L134" s="53">
        <v>1</v>
      </c>
      <c r="M134" s="54">
        <v>1</v>
      </c>
    </row>
    <row r="135" spans="1:13">
      <c r="A135" s="40" t="s">
        <v>138</v>
      </c>
      <c r="B135" s="21">
        <v>-18</v>
      </c>
      <c r="C135" s="22">
        <v>-3</v>
      </c>
      <c r="D135" s="22">
        <v>-15</v>
      </c>
      <c r="E135" s="21">
        <v>20</v>
      </c>
      <c r="F135" s="22">
        <v>4</v>
      </c>
      <c r="G135" s="23">
        <v>16</v>
      </c>
      <c r="H135" s="22">
        <v>3</v>
      </c>
      <c r="I135" s="22">
        <v>1</v>
      </c>
      <c r="J135" s="22">
        <v>2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18</v>
      </c>
      <c r="C136" s="22">
        <v>-2</v>
      </c>
      <c r="D136" s="22">
        <v>-16</v>
      </c>
      <c r="E136" s="21">
        <v>18</v>
      </c>
      <c r="F136" s="22">
        <v>2</v>
      </c>
      <c r="G136" s="23">
        <v>16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25</v>
      </c>
      <c r="C137" s="43">
        <v>-3</v>
      </c>
      <c r="D137" s="43">
        <v>-22</v>
      </c>
      <c r="E137" s="42">
        <v>27</v>
      </c>
      <c r="F137" s="43">
        <v>3</v>
      </c>
      <c r="G137" s="44">
        <v>24</v>
      </c>
      <c r="H137" s="43">
        <v>3</v>
      </c>
      <c r="I137" s="43">
        <v>0</v>
      </c>
      <c r="J137" s="43">
        <v>3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7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3408</v>
      </c>
      <c r="C5" s="14">
        <v>1505</v>
      </c>
      <c r="D5" s="14">
        <v>1903</v>
      </c>
      <c r="E5" s="13">
        <v>1566</v>
      </c>
      <c r="F5" s="14">
        <v>789</v>
      </c>
      <c r="G5" s="15">
        <v>777</v>
      </c>
      <c r="H5" s="14">
        <v>22693</v>
      </c>
      <c r="I5" s="14">
        <v>11775</v>
      </c>
      <c r="J5" s="14">
        <v>10918</v>
      </c>
      <c r="K5" s="13">
        <v>20567</v>
      </c>
      <c r="L5" s="49">
        <v>10952</v>
      </c>
      <c r="M5" s="50">
        <v>9615</v>
      </c>
    </row>
    <row r="6" spans="1:13" ht="19.5" customHeight="1">
      <c r="A6" s="16" t="s">
        <v>13</v>
      </c>
      <c r="B6" s="17">
        <v>2409</v>
      </c>
      <c r="C6" s="18">
        <v>1210</v>
      </c>
      <c r="D6" s="18">
        <v>1199</v>
      </c>
      <c r="E6" s="17">
        <v>5</v>
      </c>
      <c r="F6" s="18">
        <v>2</v>
      </c>
      <c r="G6" s="19">
        <v>3</v>
      </c>
      <c r="H6" s="18">
        <v>917</v>
      </c>
      <c r="I6" s="18">
        <v>455</v>
      </c>
      <c r="J6" s="18">
        <v>462</v>
      </c>
      <c r="K6" s="17">
        <v>1351</v>
      </c>
      <c r="L6" s="51">
        <v>714</v>
      </c>
      <c r="M6" s="52">
        <v>637</v>
      </c>
    </row>
    <row r="7" spans="1:13">
      <c r="A7" s="20" t="s">
        <v>14</v>
      </c>
      <c r="B7" s="21">
        <v>2787</v>
      </c>
      <c r="C7" s="22">
        <v>1437</v>
      </c>
      <c r="D7" s="22">
        <v>1350</v>
      </c>
      <c r="E7" s="21">
        <v>1</v>
      </c>
      <c r="F7" s="22">
        <v>0</v>
      </c>
      <c r="G7" s="23">
        <v>1</v>
      </c>
      <c r="H7" s="22">
        <v>138</v>
      </c>
      <c r="I7" s="22">
        <v>67</v>
      </c>
      <c r="J7" s="22">
        <v>71</v>
      </c>
      <c r="K7" s="21">
        <v>198</v>
      </c>
      <c r="L7" s="53">
        <v>101</v>
      </c>
      <c r="M7" s="54">
        <v>97</v>
      </c>
    </row>
    <row r="8" spans="1:13">
      <c r="A8" s="20" t="s">
        <v>15</v>
      </c>
      <c r="B8" s="21">
        <v>-151</v>
      </c>
      <c r="C8" s="22">
        <v>-98</v>
      </c>
      <c r="D8" s="22">
        <v>-53</v>
      </c>
      <c r="E8" s="21">
        <v>4</v>
      </c>
      <c r="F8" s="22">
        <v>2</v>
      </c>
      <c r="G8" s="23">
        <v>2</v>
      </c>
      <c r="H8" s="22">
        <v>262</v>
      </c>
      <c r="I8" s="22">
        <v>125</v>
      </c>
      <c r="J8" s="22">
        <v>137</v>
      </c>
      <c r="K8" s="21">
        <v>409</v>
      </c>
      <c r="L8" s="53">
        <v>221</v>
      </c>
      <c r="M8" s="54">
        <v>188</v>
      </c>
    </row>
    <row r="9" spans="1:13">
      <c r="A9" s="20" t="s">
        <v>16</v>
      </c>
      <c r="B9" s="21">
        <v>-104</v>
      </c>
      <c r="C9" s="22">
        <v>-51</v>
      </c>
      <c r="D9" s="22">
        <v>-53</v>
      </c>
      <c r="E9" s="21">
        <v>0</v>
      </c>
      <c r="F9" s="22">
        <v>0</v>
      </c>
      <c r="G9" s="23">
        <v>0</v>
      </c>
      <c r="H9" s="22">
        <v>204</v>
      </c>
      <c r="I9" s="22">
        <v>104</v>
      </c>
      <c r="J9" s="22">
        <v>100</v>
      </c>
      <c r="K9" s="21">
        <v>308</v>
      </c>
      <c r="L9" s="53">
        <v>155</v>
      </c>
      <c r="M9" s="54">
        <v>153</v>
      </c>
    </row>
    <row r="10" spans="1:13">
      <c r="A10" s="20" t="s">
        <v>17</v>
      </c>
      <c r="B10" s="21">
        <v>-53</v>
      </c>
      <c r="C10" s="22">
        <v>-39</v>
      </c>
      <c r="D10" s="22">
        <v>-14</v>
      </c>
      <c r="E10" s="21">
        <v>0</v>
      </c>
      <c r="F10" s="22">
        <v>0</v>
      </c>
      <c r="G10" s="23">
        <v>0</v>
      </c>
      <c r="H10" s="22">
        <v>187</v>
      </c>
      <c r="I10" s="22">
        <v>100</v>
      </c>
      <c r="J10" s="22">
        <v>87</v>
      </c>
      <c r="K10" s="21">
        <v>240</v>
      </c>
      <c r="L10" s="53">
        <v>139</v>
      </c>
      <c r="M10" s="54">
        <v>101</v>
      </c>
    </row>
    <row r="11" spans="1:13">
      <c r="A11" s="20" t="s">
        <v>18</v>
      </c>
      <c r="B11" s="21">
        <v>-70</v>
      </c>
      <c r="C11" s="22">
        <v>-39</v>
      </c>
      <c r="D11" s="22">
        <v>-31</v>
      </c>
      <c r="E11" s="21">
        <v>0</v>
      </c>
      <c r="F11" s="22">
        <v>0</v>
      </c>
      <c r="G11" s="23">
        <v>0</v>
      </c>
      <c r="H11" s="22">
        <v>126</v>
      </c>
      <c r="I11" s="22">
        <v>59</v>
      </c>
      <c r="J11" s="22">
        <v>67</v>
      </c>
      <c r="K11" s="21">
        <v>196</v>
      </c>
      <c r="L11" s="53">
        <v>98</v>
      </c>
      <c r="M11" s="54">
        <v>98</v>
      </c>
    </row>
    <row r="12" spans="1:13" ht="20.100000000000001" customHeight="1">
      <c r="A12" s="16" t="s">
        <v>19</v>
      </c>
      <c r="B12" s="17">
        <v>-153</v>
      </c>
      <c r="C12" s="18">
        <v>-58</v>
      </c>
      <c r="D12" s="18">
        <v>-95</v>
      </c>
      <c r="E12" s="17">
        <v>1</v>
      </c>
      <c r="F12" s="18">
        <v>1</v>
      </c>
      <c r="G12" s="19">
        <v>0</v>
      </c>
      <c r="H12" s="18">
        <v>426</v>
      </c>
      <c r="I12" s="18">
        <v>225</v>
      </c>
      <c r="J12" s="18">
        <v>201</v>
      </c>
      <c r="K12" s="17">
        <v>578</v>
      </c>
      <c r="L12" s="51">
        <v>282</v>
      </c>
      <c r="M12" s="52">
        <v>296</v>
      </c>
    </row>
    <row r="13" spans="1:13">
      <c r="A13" s="20" t="s">
        <v>20</v>
      </c>
      <c r="B13" s="21">
        <v>-36</v>
      </c>
      <c r="C13" s="22">
        <v>-14</v>
      </c>
      <c r="D13" s="22">
        <v>-22</v>
      </c>
      <c r="E13" s="21">
        <v>1</v>
      </c>
      <c r="F13" s="22">
        <v>1</v>
      </c>
      <c r="G13" s="23">
        <v>0</v>
      </c>
      <c r="H13" s="22">
        <v>122</v>
      </c>
      <c r="I13" s="22">
        <v>65</v>
      </c>
      <c r="J13" s="22">
        <v>57</v>
      </c>
      <c r="K13" s="21">
        <v>157</v>
      </c>
      <c r="L13" s="53">
        <v>78</v>
      </c>
      <c r="M13" s="54">
        <v>79</v>
      </c>
    </row>
    <row r="14" spans="1:13">
      <c r="A14" s="20" t="s">
        <v>21</v>
      </c>
      <c r="B14" s="21">
        <v>-43</v>
      </c>
      <c r="C14" s="22">
        <v>-16</v>
      </c>
      <c r="D14" s="22">
        <v>-27</v>
      </c>
      <c r="E14" s="21">
        <v>0</v>
      </c>
      <c r="F14" s="22">
        <v>0</v>
      </c>
      <c r="G14" s="23">
        <v>0</v>
      </c>
      <c r="H14" s="22">
        <v>103</v>
      </c>
      <c r="I14" s="22">
        <v>58</v>
      </c>
      <c r="J14" s="22">
        <v>45</v>
      </c>
      <c r="K14" s="21">
        <v>146</v>
      </c>
      <c r="L14" s="53">
        <v>74</v>
      </c>
      <c r="M14" s="54">
        <v>72</v>
      </c>
    </row>
    <row r="15" spans="1:13">
      <c r="A15" s="20" t="s">
        <v>22</v>
      </c>
      <c r="B15" s="21">
        <v>-40</v>
      </c>
      <c r="C15" s="22">
        <v>-13</v>
      </c>
      <c r="D15" s="22">
        <v>-27</v>
      </c>
      <c r="E15" s="21">
        <v>0</v>
      </c>
      <c r="F15" s="22">
        <v>0</v>
      </c>
      <c r="G15" s="23">
        <v>0</v>
      </c>
      <c r="H15" s="22">
        <v>91</v>
      </c>
      <c r="I15" s="22">
        <v>46</v>
      </c>
      <c r="J15" s="22">
        <v>45</v>
      </c>
      <c r="K15" s="21">
        <v>131</v>
      </c>
      <c r="L15" s="53">
        <v>59</v>
      </c>
      <c r="M15" s="54">
        <v>72</v>
      </c>
    </row>
    <row r="16" spans="1:13">
      <c r="A16" s="20" t="s">
        <v>23</v>
      </c>
      <c r="B16" s="21">
        <v>-17</v>
      </c>
      <c r="C16" s="22">
        <v>-5</v>
      </c>
      <c r="D16" s="22">
        <v>-12</v>
      </c>
      <c r="E16" s="21">
        <v>0</v>
      </c>
      <c r="F16" s="22">
        <v>0</v>
      </c>
      <c r="G16" s="23">
        <v>0</v>
      </c>
      <c r="H16" s="22">
        <v>56</v>
      </c>
      <c r="I16" s="22">
        <v>27</v>
      </c>
      <c r="J16" s="22">
        <v>29</v>
      </c>
      <c r="K16" s="21">
        <v>73</v>
      </c>
      <c r="L16" s="53">
        <v>32</v>
      </c>
      <c r="M16" s="54">
        <v>41</v>
      </c>
    </row>
    <row r="17" spans="1:13">
      <c r="A17" s="20" t="s">
        <v>24</v>
      </c>
      <c r="B17" s="21">
        <v>-17</v>
      </c>
      <c r="C17" s="22">
        <v>-10</v>
      </c>
      <c r="D17" s="22">
        <v>-7</v>
      </c>
      <c r="E17" s="21">
        <v>0</v>
      </c>
      <c r="F17" s="22">
        <v>0</v>
      </c>
      <c r="G17" s="23">
        <v>0</v>
      </c>
      <c r="H17" s="22">
        <v>54</v>
      </c>
      <c r="I17" s="22">
        <v>29</v>
      </c>
      <c r="J17" s="22">
        <v>25</v>
      </c>
      <c r="K17" s="21">
        <v>71</v>
      </c>
      <c r="L17" s="53">
        <v>39</v>
      </c>
      <c r="M17" s="54">
        <v>32</v>
      </c>
    </row>
    <row r="18" spans="1:13" ht="20.100000000000001" customHeight="1">
      <c r="A18" s="16" t="s">
        <v>25</v>
      </c>
      <c r="B18" s="17">
        <v>-14</v>
      </c>
      <c r="C18" s="18">
        <v>-8</v>
      </c>
      <c r="D18" s="18">
        <v>-6</v>
      </c>
      <c r="E18" s="17">
        <v>2</v>
      </c>
      <c r="F18" s="18">
        <v>0</v>
      </c>
      <c r="G18" s="19">
        <v>2</v>
      </c>
      <c r="H18" s="18">
        <v>229</v>
      </c>
      <c r="I18" s="18">
        <v>119</v>
      </c>
      <c r="J18" s="18">
        <v>110</v>
      </c>
      <c r="K18" s="17">
        <v>241</v>
      </c>
      <c r="L18" s="51">
        <v>127</v>
      </c>
      <c r="M18" s="52">
        <v>114</v>
      </c>
    </row>
    <row r="19" spans="1:13">
      <c r="A19" s="20" t="s">
        <v>26</v>
      </c>
      <c r="B19" s="21">
        <v>-13</v>
      </c>
      <c r="C19" s="22">
        <v>-8</v>
      </c>
      <c r="D19" s="22">
        <v>-5</v>
      </c>
      <c r="E19" s="21">
        <v>0</v>
      </c>
      <c r="F19" s="22">
        <v>0</v>
      </c>
      <c r="G19" s="23">
        <v>0</v>
      </c>
      <c r="H19" s="22">
        <v>59</v>
      </c>
      <c r="I19" s="22">
        <v>34</v>
      </c>
      <c r="J19" s="22">
        <v>25</v>
      </c>
      <c r="K19" s="21">
        <v>72</v>
      </c>
      <c r="L19" s="53">
        <v>42</v>
      </c>
      <c r="M19" s="54">
        <v>30</v>
      </c>
    </row>
    <row r="20" spans="1:13">
      <c r="A20" s="20" t="s">
        <v>27</v>
      </c>
      <c r="B20" s="21">
        <v>-5</v>
      </c>
      <c r="C20" s="22">
        <v>9</v>
      </c>
      <c r="D20" s="22">
        <v>-14</v>
      </c>
      <c r="E20" s="21">
        <v>0</v>
      </c>
      <c r="F20" s="22">
        <v>0</v>
      </c>
      <c r="G20" s="23">
        <v>0</v>
      </c>
      <c r="H20" s="22">
        <v>44</v>
      </c>
      <c r="I20" s="22">
        <v>27</v>
      </c>
      <c r="J20" s="22">
        <v>17</v>
      </c>
      <c r="K20" s="21">
        <v>49</v>
      </c>
      <c r="L20" s="53">
        <v>18</v>
      </c>
      <c r="M20" s="54">
        <v>31</v>
      </c>
    </row>
    <row r="21" spans="1:13">
      <c r="A21" s="20" t="s">
        <v>28</v>
      </c>
      <c r="B21" s="21">
        <v>8</v>
      </c>
      <c r="C21" s="22">
        <v>2</v>
      </c>
      <c r="D21" s="22">
        <v>6</v>
      </c>
      <c r="E21" s="21">
        <v>0</v>
      </c>
      <c r="F21" s="22">
        <v>0</v>
      </c>
      <c r="G21" s="23">
        <v>0</v>
      </c>
      <c r="H21" s="22">
        <v>46</v>
      </c>
      <c r="I21" s="22">
        <v>20</v>
      </c>
      <c r="J21" s="22">
        <v>26</v>
      </c>
      <c r="K21" s="21">
        <v>38</v>
      </c>
      <c r="L21" s="53">
        <v>18</v>
      </c>
      <c r="M21" s="54">
        <v>20</v>
      </c>
    </row>
    <row r="22" spans="1:13">
      <c r="A22" s="20" t="s">
        <v>29</v>
      </c>
      <c r="B22" s="21">
        <v>-4</v>
      </c>
      <c r="C22" s="22">
        <v>-7</v>
      </c>
      <c r="D22" s="22">
        <v>3</v>
      </c>
      <c r="E22" s="21">
        <v>1</v>
      </c>
      <c r="F22" s="22">
        <v>0</v>
      </c>
      <c r="G22" s="23">
        <v>1</v>
      </c>
      <c r="H22" s="22">
        <v>49</v>
      </c>
      <c r="I22" s="22">
        <v>22</v>
      </c>
      <c r="J22" s="22">
        <v>27</v>
      </c>
      <c r="K22" s="21">
        <v>52</v>
      </c>
      <c r="L22" s="53">
        <v>29</v>
      </c>
      <c r="M22" s="54">
        <v>23</v>
      </c>
    </row>
    <row r="23" spans="1:13">
      <c r="A23" s="20" t="s">
        <v>30</v>
      </c>
      <c r="B23" s="21">
        <v>0</v>
      </c>
      <c r="C23" s="22">
        <v>-4</v>
      </c>
      <c r="D23" s="22">
        <v>4</v>
      </c>
      <c r="E23" s="21">
        <v>1</v>
      </c>
      <c r="F23" s="22">
        <v>0</v>
      </c>
      <c r="G23" s="23">
        <v>1</v>
      </c>
      <c r="H23" s="22">
        <v>31</v>
      </c>
      <c r="I23" s="22">
        <v>16</v>
      </c>
      <c r="J23" s="22">
        <v>15</v>
      </c>
      <c r="K23" s="21">
        <v>30</v>
      </c>
      <c r="L23" s="53">
        <v>20</v>
      </c>
      <c r="M23" s="54">
        <v>10</v>
      </c>
    </row>
    <row r="24" spans="1:13" ht="20.100000000000001" customHeight="1">
      <c r="A24" s="16" t="s">
        <v>31</v>
      </c>
      <c r="B24" s="17">
        <v>325</v>
      </c>
      <c r="C24" s="18">
        <v>181</v>
      </c>
      <c r="D24" s="18">
        <v>144</v>
      </c>
      <c r="E24" s="17">
        <v>5</v>
      </c>
      <c r="F24" s="18">
        <v>3</v>
      </c>
      <c r="G24" s="19">
        <v>2</v>
      </c>
      <c r="H24" s="18">
        <v>702</v>
      </c>
      <c r="I24" s="18">
        <v>377</v>
      </c>
      <c r="J24" s="18">
        <v>325</v>
      </c>
      <c r="K24" s="17">
        <v>372</v>
      </c>
      <c r="L24" s="51">
        <v>193</v>
      </c>
      <c r="M24" s="52">
        <v>179</v>
      </c>
    </row>
    <row r="25" spans="1:13">
      <c r="A25" s="20" t="s">
        <v>32</v>
      </c>
      <c r="B25" s="21">
        <v>8</v>
      </c>
      <c r="C25" s="22">
        <v>2</v>
      </c>
      <c r="D25" s="22">
        <v>6</v>
      </c>
      <c r="E25" s="21">
        <v>1</v>
      </c>
      <c r="F25" s="22">
        <v>1</v>
      </c>
      <c r="G25" s="23">
        <v>0</v>
      </c>
      <c r="H25" s="22">
        <v>35</v>
      </c>
      <c r="I25" s="22">
        <v>14</v>
      </c>
      <c r="J25" s="22">
        <v>21</v>
      </c>
      <c r="K25" s="21">
        <v>26</v>
      </c>
      <c r="L25" s="53">
        <v>11</v>
      </c>
      <c r="M25" s="54">
        <v>15</v>
      </c>
    </row>
    <row r="26" spans="1:13">
      <c r="A26" s="20" t="s">
        <v>33</v>
      </c>
      <c r="B26" s="21">
        <v>0</v>
      </c>
      <c r="C26" s="22">
        <v>1</v>
      </c>
      <c r="D26" s="22">
        <v>-1</v>
      </c>
      <c r="E26" s="21">
        <v>1</v>
      </c>
      <c r="F26" s="22">
        <v>0</v>
      </c>
      <c r="G26" s="23">
        <v>1</v>
      </c>
      <c r="H26" s="22">
        <v>58</v>
      </c>
      <c r="I26" s="22">
        <v>31</v>
      </c>
      <c r="J26" s="22">
        <v>27</v>
      </c>
      <c r="K26" s="21">
        <v>57</v>
      </c>
      <c r="L26" s="53">
        <v>30</v>
      </c>
      <c r="M26" s="54">
        <v>27</v>
      </c>
    </row>
    <row r="27" spans="1:13">
      <c r="A27" s="20" t="s">
        <v>34</v>
      </c>
      <c r="B27" s="21">
        <v>3</v>
      </c>
      <c r="C27" s="22">
        <v>0</v>
      </c>
      <c r="D27" s="22">
        <v>3</v>
      </c>
      <c r="E27" s="21">
        <v>0</v>
      </c>
      <c r="F27" s="22">
        <v>0</v>
      </c>
      <c r="G27" s="23">
        <v>0</v>
      </c>
      <c r="H27" s="22">
        <v>40</v>
      </c>
      <c r="I27" s="22">
        <v>20</v>
      </c>
      <c r="J27" s="22">
        <v>20</v>
      </c>
      <c r="K27" s="21">
        <v>37</v>
      </c>
      <c r="L27" s="53">
        <v>20</v>
      </c>
      <c r="M27" s="54">
        <v>17</v>
      </c>
    </row>
    <row r="28" spans="1:13">
      <c r="A28" s="20" t="s">
        <v>35</v>
      </c>
      <c r="B28" s="21">
        <v>69</v>
      </c>
      <c r="C28" s="22">
        <v>41</v>
      </c>
      <c r="D28" s="22">
        <v>28</v>
      </c>
      <c r="E28" s="21">
        <v>2</v>
      </c>
      <c r="F28" s="22">
        <v>2</v>
      </c>
      <c r="G28" s="23">
        <v>0</v>
      </c>
      <c r="H28" s="22">
        <v>158</v>
      </c>
      <c r="I28" s="22">
        <v>81</v>
      </c>
      <c r="J28" s="22">
        <v>77</v>
      </c>
      <c r="K28" s="21">
        <v>87</v>
      </c>
      <c r="L28" s="53">
        <v>38</v>
      </c>
      <c r="M28" s="54">
        <v>49</v>
      </c>
    </row>
    <row r="29" spans="1:13">
      <c r="A29" s="20" t="s">
        <v>36</v>
      </c>
      <c r="B29" s="21">
        <v>245</v>
      </c>
      <c r="C29" s="22">
        <v>137</v>
      </c>
      <c r="D29" s="22">
        <v>108</v>
      </c>
      <c r="E29" s="21">
        <v>1</v>
      </c>
      <c r="F29" s="22">
        <v>0</v>
      </c>
      <c r="G29" s="23">
        <v>1</v>
      </c>
      <c r="H29" s="22">
        <v>411</v>
      </c>
      <c r="I29" s="22">
        <v>231</v>
      </c>
      <c r="J29" s="22">
        <v>180</v>
      </c>
      <c r="K29" s="21">
        <v>165</v>
      </c>
      <c r="L29" s="53">
        <v>94</v>
      </c>
      <c r="M29" s="54">
        <v>71</v>
      </c>
    </row>
    <row r="30" spans="1:13" ht="20.100000000000001" customHeight="1">
      <c r="A30" s="16" t="s">
        <v>37</v>
      </c>
      <c r="B30" s="17">
        <v>1951</v>
      </c>
      <c r="C30" s="18">
        <v>967</v>
      </c>
      <c r="D30" s="18">
        <v>984</v>
      </c>
      <c r="E30" s="17">
        <v>1</v>
      </c>
      <c r="F30" s="18">
        <v>0</v>
      </c>
      <c r="G30" s="19">
        <v>1</v>
      </c>
      <c r="H30" s="18">
        <v>4407</v>
      </c>
      <c r="I30" s="18">
        <v>2217</v>
      </c>
      <c r="J30" s="18">
        <v>2190</v>
      </c>
      <c r="K30" s="17">
        <v>2455</v>
      </c>
      <c r="L30" s="51">
        <v>1250</v>
      </c>
      <c r="M30" s="52">
        <v>1205</v>
      </c>
    </row>
    <row r="31" spans="1:13">
      <c r="A31" s="20" t="s">
        <v>38</v>
      </c>
      <c r="B31" s="21">
        <v>170</v>
      </c>
      <c r="C31" s="22">
        <v>75</v>
      </c>
      <c r="D31" s="22">
        <v>95</v>
      </c>
      <c r="E31" s="21">
        <v>0</v>
      </c>
      <c r="F31" s="22">
        <v>0</v>
      </c>
      <c r="G31" s="23">
        <v>0</v>
      </c>
      <c r="H31" s="22">
        <v>392</v>
      </c>
      <c r="I31" s="22">
        <v>191</v>
      </c>
      <c r="J31" s="22">
        <v>201</v>
      </c>
      <c r="K31" s="21">
        <v>222</v>
      </c>
      <c r="L31" s="53">
        <v>116</v>
      </c>
      <c r="M31" s="54">
        <v>106</v>
      </c>
    </row>
    <row r="32" spans="1:13">
      <c r="A32" s="20" t="s">
        <v>39</v>
      </c>
      <c r="B32" s="21">
        <v>295</v>
      </c>
      <c r="C32" s="22">
        <v>141</v>
      </c>
      <c r="D32" s="22">
        <v>154</v>
      </c>
      <c r="E32" s="21">
        <v>0</v>
      </c>
      <c r="F32" s="22">
        <v>0</v>
      </c>
      <c r="G32" s="23">
        <v>0</v>
      </c>
      <c r="H32" s="22">
        <v>594</v>
      </c>
      <c r="I32" s="22">
        <v>295</v>
      </c>
      <c r="J32" s="22">
        <v>299</v>
      </c>
      <c r="K32" s="21">
        <v>299</v>
      </c>
      <c r="L32" s="53">
        <v>154</v>
      </c>
      <c r="M32" s="54">
        <v>145</v>
      </c>
    </row>
    <row r="33" spans="1:13">
      <c r="A33" s="20" t="s">
        <v>40</v>
      </c>
      <c r="B33" s="21">
        <v>361</v>
      </c>
      <c r="C33" s="22">
        <v>140</v>
      </c>
      <c r="D33" s="22">
        <v>221</v>
      </c>
      <c r="E33" s="21">
        <v>0</v>
      </c>
      <c r="F33" s="22">
        <v>0</v>
      </c>
      <c r="G33" s="23">
        <v>0</v>
      </c>
      <c r="H33" s="22">
        <v>795</v>
      </c>
      <c r="I33" s="22">
        <v>349</v>
      </c>
      <c r="J33" s="22">
        <v>446</v>
      </c>
      <c r="K33" s="21">
        <v>434</v>
      </c>
      <c r="L33" s="53">
        <v>209</v>
      </c>
      <c r="M33" s="54">
        <v>225</v>
      </c>
    </row>
    <row r="34" spans="1:13">
      <c r="A34" s="20" t="s">
        <v>41</v>
      </c>
      <c r="B34" s="21">
        <v>769</v>
      </c>
      <c r="C34" s="22">
        <v>393</v>
      </c>
      <c r="D34" s="22">
        <v>376</v>
      </c>
      <c r="E34" s="21">
        <v>1</v>
      </c>
      <c r="F34" s="22">
        <v>0</v>
      </c>
      <c r="G34" s="23">
        <v>1</v>
      </c>
      <c r="H34" s="22">
        <v>1500</v>
      </c>
      <c r="I34" s="22">
        <v>777</v>
      </c>
      <c r="J34" s="22">
        <v>723</v>
      </c>
      <c r="K34" s="21">
        <v>730</v>
      </c>
      <c r="L34" s="53">
        <v>384</v>
      </c>
      <c r="M34" s="54">
        <v>346</v>
      </c>
    </row>
    <row r="35" spans="1:13">
      <c r="A35" s="20" t="s">
        <v>42</v>
      </c>
      <c r="B35" s="21">
        <v>356</v>
      </c>
      <c r="C35" s="22">
        <v>218</v>
      </c>
      <c r="D35" s="22">
        <v>138</v>
      </c>
      <c r="E35" s="21">
        <v>0</v>
      </c>
      <c r="F35" s="22">
        <v>0</v>
      </c>
      <c r="G35" s="23">
        <v>0</v>
      </c>
      <c r="H35" s="22">
        <v>1126</v>
      </c>
      <c r="I35" s="22">
        <v>605</v>
      </c>
      <c r="J35" s="22">
        <v>521</v>
      </c>
      <c r="K35" s="21">
        <v>770</v>
      </c>
      <c r="L35" s="53">
        <v>387</v>
      </c>
      <c r="M35" s="54">
        <v>383</v>
      </c>
    </row>
    <row r="36" spans="1:13" ht="20.100000000000001" customHeight="1">
      <c r="A36" s="16" t="s">
        <v>43</v>
      </c>
      <c r="B36" s="17">
        <v>1320</v>
      </c>
      <c r="C36" s="18">
        <v>555</v>
      </c>
      <c r="D36" s="18">
        <v>765</v>
      </c>
      <c r="E36" s="17">
        <v>1</v>
      </c>
      <c r="F36" s="18">
        <v>1</v>
      </c>
      <c r="G36" s="19">
        <v>0</v>
      </c>
      <c r="H36" s="18">
        <v>6100</v>
      </c>
      <c r="I36" s="18">
        <v>3114</v>
      </c>
      <c r="J36" s="18">
        <v>2986</v>
      </c>
      <c r="K36" s="17">
        <v>4779</v>
      </c>
      <c r="L36" s="51">
        <v>2558</v>
      </c>
      <c r="M36" s="52">
        <v>2221</v>
      </c>
    </row>
    <row r="37" spans="1:13">
      <c r="A37" s="20" t="s">
        <v>44</v>
      </c>
      <c r="B37" s="21">
        <v>515</v>
      </c>
      <c r="C37" s="22">
        <v>226</v>
      </c>
      <c r="D37" s="22">
        <v>289</v>
      </c>
      <c r="E37" s="21">
        <v>0</v>
      </c>
      <c r="F37" s="22">
        <v>0</v>
      </c>
      <c r="G37" s="23">
        <v>0</v>
      </c>
      <c r="H37" s="22">
        <v>1398</v>
      </c>
      <c r="I37" s="22">
        <v>722</v>
      </c>
      <c r="J37" s="22">
        <v>676</v>
      </c>
      <c r="K37" s="21">
        <v>883</v>
      </c>
      <c r="L37" s="53">
        <v>496</v>
      </c>
      <c r="M37" s="54">
        <v>387</v>
      </c>
    </row>
    <row r="38" spans="1:13">
      <c r="A38" s="20" t="s">
        <v>45</v>
      </c>
      <c r="B38" s="21">
        <v>346</v>
      </c>
      <c r="C38" s="22">
        <v>180</v>
      </c>
      <c r="D38" s="22">
        <v>166</v>
      </c>
      <c r="E38" s="21">
        <v>0</v>
      </c>
      <c r="F38" s="22">
        <v>0</v>
      </c>
      <c r="G38" s="23">
        <v>0</v>
      </c>
      <c r="H38" s="22">
        <v>1289</v>
      </c>
      <c r="I38" s="22">
        <v>669</v>
      </c>
      <c r="J38" s="22">
        <v>620</v>
      </c>
      <c r="K38" s="21">
        <v>943</v>
      </c>
      <c r="L38" s="53">
        <v>489</v>
      </c>
      <c r="M38" s="54">
        <v>454</v>
      </c>
    </row>
    <row r="39" spans="1:13">
      <c r="A39" s="20" t="s">
        <v>46</v>
      </c>
      <c r="B39" s="21">
        <v>245</v>
      </c>
      <c r="C39" s="22">
        <v>58</v>
      </c>
      <c r="D39" s="22">
        <v>187</v>
      </c>
      <c r="E39" s="21">
        <v>1</v>
      </c>
      <c r="F39" s="22">
        <v>1</v>
      </c>
      <c r="G39" s="23">
        <v>0</v>
      </c>
      <c r="H39" s="22">
        <v>1240</v>
      </c>
      <c r="I39" s="22">
        <v>611</v>
      </c>
      <c r="J39" s="22">
        <v>629</v>
      </c>
      <c r="K39" s="21">
        <v>994</v>
      </c>
      <c r="L39" s="53">
        <v>552</v>
      </c>
      <c r="M39" s="54">
        <v>442</v>
      </c>
    </row>
    <row r="40" spans="1:13">
      <c r="A40" s="20" t="s">
        <v>47</v>
      </c>
      <c r="B40" s="21">
        <v>184</v>
      </c>
      <c r="C40" s="22">
        <v>78</v>
      </c>
      <c r="D40" s="22">
        <v>106</v>
      </c>
      <c r="E40" s="21">
        <v>0</v>
      </c>
      <c r="F40" s="22">
        <v>0</v>
      </c>
      <c r="G40" s="23">
        <v>0</v>
      </c>
      <c r="H40" s="22">
        <v>1146</v>
      </c>
      <c r="I40" s="22">
        <v>593</v>
      </c>
      <c r="J40" s="22">
        <v>553</v>
      </c>
      <c r="K40" s="21">
        <v>962</v>
      </c>
      <c r="L40" s="53">
        <v>515</v>
      </c>
      <c r="M40" s="54">
        <v>447</v>
      </c>
    </row>
    <row r="41" spans="1:13">
      <c r="A41" s="20" t="s">
        <v>48</v>
      </c>
      <c r="B41" s="21">
        <v>30</v>
      </c>
      <c r="C41" s="22">
        <v>13</v>
      </c>
      <c r="D41" s="22">
        <v>17</v>
      </c>
      <c r="E41" s="21">
        <v>0</v>
      </c>
      <c r="F41" s="22">
        <v>0</v>
      </c>
      <c r="G41" s="23">
        <v>0</v>
      </c>
      <c r="H41" s="22">
        <v>1027</v>
      </c>
      <c r="I41" s="22">
        <v>519</v>
      </c>
      <c r="J41" s="22">
        <v>508</v>
      </c>
      <c r="K41" s="21">
        <v>997</v>
      </c>
      <c r="L41" s="53">
        <v>506</v>
      </c>
      <c r="M41" s="54">
        <v>491</v>
      </c>
    </row>
    <row r="42" spans="1:13" ht="20.100000000000001" customHeight="1">
      <c r="A42" s="16" t="s">
        <v>49</v>
      </c>
      <c r="B42" s="17">
        <v>-80</v>
      </c>
      <c r="C42" s="18">
        <v>-81</v>
      </c>
      <c r="D42" s="18">
        <v>1</v>
      </c>
      <c r="E42" s="17">
        <v>5</v>
      </c>
      <c r="F42" s="18">
        <v>4</v>
      </c>
      <c r="G42" s="19">
        <v>1</v>
      </c>
      <c r="H42" s="18">
        <v>3846</v>
      </c>
      <c r="I42" s="18">
        <v>1958</v>
      </c>
      <c r="J42" s="18">
        <v>1888</v>
      </c>
      <c r="K42" s="17">
        <v>3921</v>
      </c>
      <c r="L42" s="51">
        <v>2035</v>
      </c>
      <c r="M42" s="52">
        <v>1886</v>
      </c>
    </row>
    <row r="43" spans="1:13">
      <c r="A43" s="20" t="s">
        <v>50</v>
      </c>
      <c r="B43" s="21">
        <v>37</v>
      </c>
      <c r="C43" s="22">
        <v>-8</v>
      </c>
      <c r="D43" s="22">
        <v>45</v>
      </c>
      <c r="E43" s="21">
        <v>2</v>
      </c>
      <c r="F43" s="22">
        <v>1</v>
      </c>
      <c r="G43" s="23">
        <v>1</v>
      </c>
      <c r="H43" s="22">
        <v>901</v>
      </c>
      <c r="I43" s="22">
        <v>445</v>
      </c>
      <c r="J43" s="22">
        <v>456</v>
      </c>
      <c r="K43" s="21">
        <v>862</v>
      </c>
      <c r="L43" s="53">
        <v>452</v>
      </c>
      <c r="M43" s="54">
        <v>410</v>
      </c>
    </row>
    <row r="44" spans="1:13">
      <c r="A44" s="20" t="s">
        <v>51</v>
      </c>
      <c r="B44" s="21">
        <v>-36</v>
      </c>
      <c r="C44" s="22">
        <v>-19</v>
      </c>
      <c r="D44" s="22">
        <v>-17</v>
      </c>
      <c r="E44" s="21">
        <v>1</v>
      </c>
      <c r="F44" s="22">
        <v>1</v>
      </c>
      <c r="G44" s="23">
        <v>0</v>
      </c>
      <c r="H44" s="22">
        <v>864</v>
      </c>
      <c r="I44" s="22">
        <v>438</v>
      </c>
      <c r="J44" s="22">
        <v>426</v>
      </c>
      <c r="K44" s="21">
        <v>899</v>
      </c>
      <c r="L44" s="53">
        <v>456</v>
      </c>
      <c r="M44" s="54">
        <v>443</v>
      </c>
    </row>
    <row r="45" spans="1:13">
      <c r="A45" s="20" t="s">
        <v>52</v>
      </c>
      <c r="B45" s="21">
        <v>-16</v>
      </c>
      <c r="C45" s="22">
        <v>-26</v>
      </c>
      <c r="D45" s="22">
        <v>10</v>
      </c>
      <c r="E45" s="21">
        <v>0</v>
      </c>
      <c r="F45" s="22">
        <v>0</v>
      </c>
      <c r="G45" s="23">
        <v>0</v>
      </c>
      <c r="H45" s="22">
        <v>754</v>
      </c>
      <c r="I45" s="22">
        <v>379</v>
      </c>
      <c r="J45" s="22">
        <v>375</v>
      </c>
      <c r="K45" s="21">
        <v>770</v>
      </c>
      <c r="L45" s="53">
        <v>405</v>
      </c>
      <c r="M45" s="54">
        <v>365</v>
      </c>
    </row>
    <row r="46" spans="1:13">
      <c r="A46" s="20" t="s">
        <v>53</v>
      </c>
      <c r="B46" s="21">
        <v>-60</v>
      </c>
      <c r="C46" s="22">
        <v>-32</v>
      </c>
      <c r="D46" s="22">
        <v>-28</v>
      </c>
      <c r="E46" s="21">
        <v>1</v>
      </c>
      <c r="F46" s="22">
        <v>1</v>
      </c>
      <c r="G46" s="23">
        <v>0</v>
      </c>
      <c r="H46" s="22">
        <v>690</v>
      </c>
      <c r="I46" s="22">
        <v>360</v>
      </c>
      <c r="J46" s="22">
        <v>330</v>
      </c>
      <c r="K46" s="21">
        <v>749</v>
      </c>
      <c r="L46" s="53">
        <v>391</v>
      </c>
      <c r="M46" s="54">
        <v>358</v>
      </c>
    </row>
    <row r="47" spans="1:13">
      <c r="A47" s="20" t="s">
        <v>54</v>
      </c>
      <c r="B47" s="21">
        <v>-5</v>
      </c>
      <c r="C47" s="22">
        <v>4</v>
      </c>
      <c r="D47" s="22">
        <v>-9</v>
      </c>
      <c r="E47" s="21">
        <v>1</v>
      </c>
      <c r="F47" s="22">
        <v>1</v>
      </c>
      <c r="G47" s="23">
        <v>0</v>
      </c>
      <c r="H47" s="22">
        <v>637</v>
      </c>
      <c r="I47" s="22">
        <v>336</v>
      </c>
      <c r="J47" s="22">
        <v>301</v>
      </c>
      <c r="K47" s="21">
        <v>641</v>
      </c>
      <c r="L47" s="53">
        <v>331</v>
      </c>
      <c r="M47" s="54">
        <v>310</v>
      </c>
    </row>
    <row r="48" spans="1:13" ht="20.100000000000001" customHeight="1">
      <c r="A48" s="16" t="s">
        <v>55</v>
      </c>
      <c r="B48" s="17">
        <v>-305</v>
      </c>
      <c r="C48" s="18">
        <v>-134</v>
      </c>
      <c r="D48" s="18">
        <v>-171</v>
      </c>
      <c r="E48" s="17">
        <v>9</v>
      </c>
      <c r="F48" s="18">
        <v>6</v>
      </c>
      <c r="G48" s="19">
        <v>3</v>
      </c>
      <c r="H48" s="18">
        <v>2106</v>
      </c>
      <c r="I48" s="18">
        <v>1158</v>
      </c>
      <c r="J48" s="18">
        <v>948</v>
      </c>
      <c r="K48" s="17">
        <v>2402</v>
      </c>
      <c r="L48" s="51">
        <v>1286</v>
      </c>
      <c r="M48" s="52">
        <v>1116</v>
      </c>
    </row>
    <row r="49" spans="1:13">
      <c r="A49" s="20" t="s">
        <v>56</v>
      </c>
      <c r="B49" s="21">
        <v>-59</v>
      </c>
      <c r="C49" s="22">
        <v>-31</v>
      </c>
      <c r="D49" s="22">
        <v>-28</v>
      </c>
      <c r="E49" s="21">
        <v>2</v>
      </c>
      <c r="F49" s="22">
        <v>2</v>
      </c>
      <c r="G49" s="23">
        <v>0</v>
      </c>
      <c r="H49" s="22">
        <v>551</v>
      </c>
      <c r="I49" s="22">
        <v>299</v>
      </c>
      <c r="J49" s="22">
        <v>252</v>
      </c>
      <c r="K49" s="21">
        <v>608</v>
      </c>
      <c r="L49" s="53">
        <v>328</v>
      </c>
      <c r="M49" s="54">
        <v>280</v>
      </c>
    </row>
    <row r="50" spans="1:13">
      <c r="A50" s="20" t="s">
        <v>57</v>
      </c>
      <c r="B50" s="21">
        <v>-49</v>
      </c>
      <c r="C50" s="22">
        <v>-47</v>
      </c>
      <c r="D50" s="22">
        <v>-2</v>
      </c>
      <c r="E50" s="21">
        <v>2</v>
      </c>
      <c r="F50" s="22">
        <v>1</v>
      </c>
      <c r="G50" s="23">
        <v>1</v>
      </c>
      <c r="H50" s="22">
        <v>488</v>
      </c>
      <c r="I50" s="22">
        <v>250</v>
      </c>
      <c r="J50" s="22">
        <v>238</v>
      </c>
      <c r="K50" s="21">
        <v>535</v>
      </c>
      <c r="L50" s="53">
        <v>296</v>
      </c>
      <c r="M50" s="54">
        <v>239</v>
      </c>
    </row>
    <row r="51" spans="1:13">
      <c r="A51" s="20" t="s">
        <v>58</v>
      </c>
      <c r="B51" s="21">
        <v>-64</v>
      </c>
      <c r="C51" s="22">
        <v>-14</v>
      </c>
      <c r="D51" s="22">
        <v>-50</v>
      </c>
      <c r="E51" s="21">
        <v>1</v>
      </c>
      <c r="F51" s="22">
        <v>1</v>
      </c>
      <c r="G51" s="23">
        <v>0</v>
      </c>
      <c r="H51" s="22">
        <v>414</v>
      </c>
      <c r="I51" s="22">
        <v>238</v>
      </c>
      <c r="J51" s="22">
        <v>176</v>
      </c>
      <c r="K51" s="21">
        <v>477</v>
      </c>
      <c r="L51" s="53">
        <v>251</v>
      </c>
      <c r="M51" s="54">
        <v>226</v>
      </c>
    </row>
    <row r="52" spans="1:13">
      <c r="A52" s="20" t="s">
        <v>59</v>
      </c>
      <c r="B52" s="21">
        <v>-71</v>
      </c>
      <c r="C52" s="22">
        <v>-36</v>
      </c>
      <c r="D52" s="22">
        <v>-35</v>
      </c>
      <c r="E52" s="21">
        <v>1</v>
      </c>
      <c r="F52" s="22">
        <v>1</v>
      </c>
      <c r="G52" s="23">
        <v>0</v>
      </c>
      <c r="H52" s="22">
        <v>340</v>
      </c>
      <c r="I52" s="22">
        <v>185</v>
      </c>
      <c r="J52" s="22">
        <v>155</v>
      </c>
      <c r="K52" s="21">
        <v>410</v>
      </c>
      <c r="L52" s="53">
        <v>220</v>
      </c>
      <c r="M52" s="54">
        <v>190</v>
      </c>
    </row>
    <row r="53" spans="1:13">
      <c r="A53" s="20" t="s">
        <v>60</v>
      </c>
      <c r="B53" s="21">
        <v>-62</v>
      </c>
      <c r="C53" s="22">
        <v>-6</v>
      </c>
      <c r="D53" s="22">
        <v>-56</v>
      </c>
      <c r="E53" s="21">
        <v>3</v>
      </c>
      <c r="F53" s="22">
        <v>1</v>
      </c>
      <c r="G53" s="23">
        <v>2</v>
      </c>
      <c r="H53" s="22">
        <v>313</v>
      </c>
      <c r="I53" s="22">
        <v>186</v>
      </c>
      <c r="J53" s="22">
        <v>127</v>
      </c>
      <c r="K53" s="21">
        <v>372</v>
      </c>
      <c r="L53" s="53">
        <v>191</v>
      </c>
      <c r="M53" s="54">
        <v>181</v>
      </c>
    </row>
    <row r="54" spans="1:13" ht="20.100000000000001" customHeight="1">
      <c r="A54" s="16" t="s">
        <v>61</v>
      </c>
      <c r="B54" s="17">
        <v>-121</v>
      </c>
      <c r="C54" s="18">
        <v>-70</v>
      </c>
      <c r="D54" s="18">
        <v>-51</v>
      </c>
      <c r="E54" s="17">
        <v>13</v>
      </c>
      <c r="F54" s="18">
        <v>6</v>
      </c>
      <c r="G54" s="19">
        <v>7</v>
      </c>
      <c r="H54" s="18">
        <v>1216</v>
      </c>
      <c r="I54" s="18">
        <v>693</v>
      </c>
      <c r="J54" s="18">
        <v>523</v>
      </c>
      <c r="K54" s="17">
        <v>1324</v>
      </c>
      <c r="L54" s="51">
        <v>757</v>
      </c>
      <c r="M54" s="52">
        <v>567</v>
      </c>
    </row>
    <row r="55" spans="1:13">
      <c r="A55" s="20" t="s">
        <v>62</v>
      </c>
      <c r="B55" s="21">
        <v>-46</v>
      </c>
      <c r="C55" s="22">
        <v>-47</v>
      </c>
      <c r="D55" s="22">
        <v>1</v>
      </c>
      <c r="E55" s="21">
        <v>3</v>
      </c>
      <c r="F55" s="22">
        <v>1</v>
      </c>
      <c r="G55" s="23">
        <v>2</v>
      </c>
      <c r="H55" s="22">
        <v>298</v>
      </c>
      <c r="I55" s="22">
        <v>153</v>
      </c>
      <c r="J55" s="22">
        <v>145</v>
      </c>
      <c r="K55" s="21">
        <v>341</v>
      </c>
      <c r="L55" s="53">
        <v>199</v>
      </c>
      <c r="M55" s="54">
        <v>142</v>
      </c>
    </row>
    <row r="56" spans="1:13">
      <c r="A56" s="20" t="s">
        <v>63</v>
      </c>
      <c r="B56" s="21">
        <v>-8</v>
      </c>
      <c r="C56" s="22">
        <v>8</v>
      </c>
      <c r="D56" s="22">
        <v>-16</v>
      </c>
      <c r="E56" s="21">
        <v>3</v>
      </c>
      <c r="F56" s="22">
        <v>2</v>
      </c>
      <c r="G56" s="23">
        <v>1</v>
      </c>
      <c r="H56" s="22">
        <v>262</v>
      </c>
      <c r="I56" s="22">
        <v>153</v>
      </c>
      <c r="J56" s="22">
        <v>109</v>
      </c>
      <c r="K56" s="21">
        <v>267</v>
      </c>
      <c r="L56" s="53">
        <v>143</v>
      </c>
      <c r="M56" s="54">
        <v>124</v>
      </c>
    </row>
    <row r="57" spans="1:13">
      <c r="A57" s="20" t="s">
        <v>64</v>
      </c>
      <c r="B57" s="21">
        <v>-18</v>
      </c>
      <c r="C57" s="22">
        <v>-10</v>
      </c>
      <c r="D57" s="22">
        <v>-8</v>
      </c>
      <c r="E57" s="21">
        <v>2</v>
      </c>
      <c r="F57" s="22">
        <v>1</v>
      </c>
      <c r="G57" s="23">
        <v>1</v>
      </c>
      <c r="H57" s="22">
        <v>239</v>
      </c>
      <c r="I57" s="22">
        <v>139</v>
      </c>
      <c r="J57" s="22">
        <v>100</v>
      </c>
      <c r="K57" s="21">
        <v>255</v>
      </c>
      <c r="L57" s="53">
        <v>148</v>
      </c>
      <c r="M57" s="54">
        <v>107</v>
      </c>
    </row>
    <row r="58" spans="1:13">
      <c r="A58" s="20" t="s">
        <v>65</v>
      </c>
      <c r="B58" s="21">
        <v>-26</v>
      </c>
      <c r="C58" s="22">
        <v>-12</v>
      </c>
      <c r="D58" s="22">
        <v>-14</v>
      </c>
      <c r="E58" s="21">
        <v>3</v>
      </c>
      <c r="F58" s="22">
        <v>1</v>
      </c>
      <c r="G58" s="23">
        <v>2</v>
      </c>
      <c r="H58" s="22">
        <v>218</v>
      </c>
      <c r="I58" s="22">
        <v>128</v>
      </c>
      <c r="J58" s="22">
        <v>90</v>
      </c>
      <c r="K58" s="21">
        <v>241</v>
      </c>
      <c r="L58" s="53">
        <v>139</v>
      </c>
      <c r="M58" s="54">
        <v>102</v>
      </c>
    </row>
    <row r="59" spans="1:13">
      <c r="A59" s="20" t="s">
        <v>66</v>
      </c>
      <c r="B59" s="21">
        <v>-23</v>
      </c>
      <c r="C59" s="22">
        <v>-9</v>
      </c>
      <c r="D59" s="22">
        <v>-14</v>
      </c>
      <c r="E59" s="21">
        <v>2</v>
      </c>
      <c r="F59" s="22">
        <v>1</v>
      </c>
      <c r="G59" s="23">
        <v>1</v>
      </c>
      <c r="H59" s="22">
        <v>199</v>
      </c>
      <c r="I59" s="22">
        <v>120</v>
      </c>
      <c r="J59" s="22">
        <v>79</v>
      </c>
      <c r="K59" s="21">
        <v>220</v>
      </c>
      <c r="L59" s="53">
        <v>128</v>
      </c>
      <c r="M59" s="54">
        <v>92</v>
      </c>
    </row>
    <row r="60" spans="1:13" ht="20.100000000000001" customHeight="1">
      <c r="A60" s="16" t="s">
        <v>67</v>
      </c>
      <c r="B60" s="17">
        <v>-119</v>
      </c>
      <c r="C60" s="18">
        <v>-77</v>
      </c>
      <c r="D60" s="18">
        <v>-42</v>
      </c>
      <c r="E60" s="17">
        <v>22</v>
      </c>
      <c r="F60" s="18">
        <v>13</v>
      </c>
      <c r="G60" s="19">
        <v>9</v>
      </c>
      <c r="H60" s="18">
        <v>812</v>
      </c>
      <c r="I60" s="18">
        <v>463</v>
      </c>
      <c r="J60" s="18">
        <v>349</v>
      </c>
      <c r="K60" s="17">
        <v>909</v>
      </c>
      <c r="L60" s="51">
        <v>527</v>
      </c>
      <c r="M60" s="52">
        <v>382</v>
      </c>
    </row>
    <row r="61" spans="1:13">
      <c r="A61" s="20" t="s">
        <v>68</v>
      </c>
      <c r="B61" s="21">
        <v>-24</v>
      </c>
      <c r="C61" s="22">
        <v>-12</v>
      </c>
      <c r="D61" s="22">
        <v>-12</v>
      </c>
      <c r="E61" s="21">
        <v>4</v>
      </c>
      <c r="F61" s="22">
        <v>2</v>
      </c>
      <c r="G61" s="23">
        <v>2</v>
      </c>
      <c r="H61" s="22">
        <v>171</v>
      </c>
      <c r="I61" s="22">
        <v>101</v>
      </c>
      <c r="J61" s="22">
        <v>70</v>
      </c>
      <c r="K61" s="21">
        <v>191</v>
      </c>
      <c r="L61" s="53">
        <v>111</v>
      </c>
      <c r="M61" s="54">
        <v>80</v>
      </c>
    </row>
    <row r="62" spans="1:13">
      <c r="A62" s="20" t="s">
        <v>69</v>
      </c>
      <c r="B62" s="21">
        <v>-40</v>
      </c>
      <c r="C62" s="22">
        <v>-26</v>
      </c>
      <c r="D62" s="22">
        <v>-14</v>
      </c>
      <c r="E62" s="21">
        <v>4</v>
      </c>
      <c r="F62" s="22">
        <v>3</v>
      </c>
      <c r="G62" s="23">
        <v>1</v>
      </c>
      <c r="H62" s="22">
        <v>163</v>
      </c>
      <c r="I62" s="22">
        <v>94</v>
      </c>
      <c r="J62" s="22">
        <v>69</v>
      </c>
      <c r="K62" s="21">
        <v>199</v>
      </c>
      <c r="L62" s="53">
        <v>117</v>
      </c>
      <c r="M62" s="54">
        <v>82</v>
      </c>
    </row>
    <row r="63" spans="1:13">
      <c r="A63" s="20" t="s">
        <v>70</v>
      </c>
      <c r="B63" s="21">
        <v>0</v>
      </c>
      <c r="C63" s="22">
        <v>-7</v>
      </c>
      <c r="D63" s="22">
        <v>7</v>
      </c>
      <c r="E63" s="21">
        <v>4</v>
      </c>
      <c r="F63" s="22">
        <v>2</v>
      </c>
      <c r="G63" s="23">
        <v>2</v>
      </c>
      <c r="H63" s="22">
        <v>176</v>
      </c>
      <c r="I63" s="22">
        <v>93</v>
      </c>
      <c r="J63" s="22">
        <v>83</v>
      </c>
      <c r="K63" s="21">
        <v>172</v>
      </c>
      <c r="L63" s="53">
        <v>98</v>
      </c>
      <c r="M63" s="54">
        <v>74</v>
      </c>
    </row>
    <row r="64" spans="1:13">
      <c r="A64" s="20" t="s">
        <v>71</v>
      </c>
      <c r="B64" s="21">
        <v>-45</v>
      </c>
      <c r="C64" s="22">
        <v>-21</v>
      </c>
      <c r="D64" s="22">
        <v>-24</v>
      </c>
      <c r="E64" s="21">
        <v>4</v>
      </c>
      <c r="F64" s="22">
        <v>2</v>
      </c>
      <c r="G64" s="23">
        <v>2</v>
      </c>
      <c r="H64" s="22">
        <v>146</v>
      </c>
      <c r="I64" s="22">
        <v>79</v>
      </c>
      <c r="J64" s="22">
        <v>67</v>
      </c>
      <c r="K64" s="21">
        <v>187</v>
      </c>
      <c r="L64" s="53">
        <v>98</v>
      </c>
      <c r="M64" s="54">
        <v>89</v>
      </c>
    </row>
    <row r="65" spans="1:13">
      <c r="A65" s="24" t="s">
        <v>72</v>
      </c>
      <c r="B65" s="25">
        <v>-10</v>
      </c>
      <c r="C65" s="26">
        <v>-11</v>
      </c>
      <c r="D65" s="26">
        <v>1</v>
      </c>
      <c r="E65" s="25">
        <v>6</v>
      </c>
      <c r="F65" s="26">
        <v>4</v>
      </c>
      <c r="G65" s="27">
        <v>2</v>
      </c>
      <c r="H65" s="26">
        <v>156</v>
      </c>
      <c r="I65" s="26">
        <v>96</v>
      </c>
      <c r="J65" s="26">
        <v>60</v>
      </c>
      <c r="K65" s="25">
        <v>160</v>
      </c>
      <c r="L65" s="55">
        <v>103</v>
      </c>
      <c r="M65" s="56">
        <v>5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848</v>
      </c>
      <c r="C69" s="58">
        <v>1471</v>
      </c>
      <c r="D69" s="59">
        <v>137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848</v>
      </c>
      <c r="C70" s="61">
        <v>1471</v>
      </c>
      <c r="D70" s="62">
        <v>1377</v>
      </c>
    </row>
    <row r="71" spans="1:13">
      <c r="A71" s="24" t="s">
        <v>14</v>
      </c>
      <c r="B71" s="63">
        <v>2848</v>
      </c>
      <c r="C71" s="64">
        <v>1471</v>
      </c>
      <c r="D71" s="65">
        <v>1377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7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33</v>
      </c>
      <c r="C77" s="18">
        <v>-121</v>
      </c>
      <c r="D77" s="18">
        <v>-12</v>
      </c>
      <c r="E77" s="17">
        <v>34</v>
      </c>
      <c r="F77" s="18">
        <v>23</v>
      </c>
      <c r="G77" s="19">
        <v>11</v>
      </c>
      <c r="H77" s="18">
        <v>586</v>
      </c>
      <c r="I77" s="18">
        <v>319</v>
      </c>
      <c r="J77" s="18">
        <v>267</v>
      </c>
      <c r="K77" s="17">
        <v>685</v>
      </c>
      <c r="L77" s="51">
        <v>417</v>
      </c>
      <c r="M77" s="52">
        <v>268</v>
      </c>
    </row>
    <row r="78" spans="1:13">
      <c r="A78" s="40" t="s">
        <v>81</v>
      </c>
      <c r="B78" s="21">
        <v>-19</v>
      </c>
      <c r="C78" s="22">
        <v>-21</v>
      </c>
      <c r="D78" s="22">
        <v>2</v>
      </c>
      <c r="E78" s="21">
        <v>4</v>
      </c>
      <c r="F78" s="22">
        <v>3</v>
      </c>
      <c r="G78" s="23">
        <v>1</v>
      </c>
      <c r="H78" s="22">
        <v>142</v>
      </c>
      <c r="I78" s="22">
        <v>75</v>
      </c>
      <c r="J78" s="22">
        <v>67</v>
      </c>
      <c r="K78" s="21">
        <v>157</v>
      </c>
      <c r="L78" s="53">
        <v>93</v>
      </c>
      <c r="M78" s="54">
        <v>64</v>
      </c>
    </row>
    <row r="79" spans="1:13">
      <c r="A79" s="40" t="s">
        <v>82</v>
      </c>
      <c r="B79" s="21">
        <v>-17</v>
      </c>
      <c r="C79" s="22">
        <v>-15</v>
      </c>
      <c r="D79" s="22">
        <v>-2</v>
      </c>
      <c r="E79" s="21">
        <v>8</v>
      </c>
      <c r="F79" s="22">
        <v>5</v>
      </c>
      <c r="G79" s="23">
        <v>3</v>
      </c>
      <c r="H79" s="22">
        <v>127</v>
      </c>
      <c r="I79" s="22">
        <v>76</v>
      </c>
      <c r="J79" s="22">
        <v>51</v>
      </c>
      <c r="K79" s="21">
        <v>136</v>
      </c>
      <c r="L79" s="53">
        <v>86</v>
      </c>
      <c r="M79" s="54">
        <v>50</v>
      </c>
    </row>
    <row r="80" spans="1:13">
      <c r="A80" s="40" t="s">
        <v>83</v>
      </c>
      <c r="B80" s="21">
        <v>-49</v>
      </c>
      <c r="C80" s="22">
        <v>-37</v>
      </c>
      <c r="D80" s="22">
        <v>-12</v>
      </c>
      <c r="E80" s="21">
        <v>8</v>
      </c>
      <c r="F80" s="22">
        <v>5</v>
      </c>
      <c r="G80" s="23">
        <v>3</v>
      </c>
      <c r="H80" s="22">
        <v>118</v>
      </c>
      <c r="I80" s="22">
        <v>69</v>
      </c>
      <c r="J80" s="22">
        <v>49</v>
      </c>
      <c r="K80" s="21">
        <v>159</v>
      </c>
      <c r="L80" s="53">
        <v>101</v>
      </c>
      <c r="M80" s="54">
        <v>58</v>
      </c>
    </row>
    <row r="81" spans="1:13">
      <c r="A81" s="40" t="s">
        <v>84</v>
      </c>
      <c r="B81" s="21">
        <v>-10</v>
      </c>
      <c r="C81" s="22">
        <v>-22</v>
      </c>
      <c r="D81" s="22">
        <v>12</v>
      </c>
      <c r="E81" s="21">
        <v>4</v>
      </c>
      <c r="F81" s="22">
        <v>4</v>
      </c>
      <c r="G81" s="23">
        <v>0</v>
      </c>
      <c r="H81" s="22">
        <v>97</v>
      </c>
      <c r="I81" s="22">
        <v>44</v>
      </c>
      <c r="J81" s="22">
        <v>53</v>
      </c>
      <c r="K81" s="21">
        <v>103</v>
      </c>
      <c r="L81" s="53">
        <v>62</v>
      </c>
      <c r="M81" s="54">
        <v>41</v>
      </c>
    </row>
    <row r="82" spans="1:13">
      <c r="A82" s="40" t="s">
        <v>85</v>
      </c>
      <c r="B82" s="21">
        <v>-38</v>
      </c>
      <c r="C82" s="22">
        <v>-26</v>
      </c>
      <c r="D82" s="22">
        <v>-12</v>
      </c>
      <c r="E82" s="21">
        <v>10</v>
      </c>
      <c r="F82" s="22">
        <v>6</v>
      </c>
      <c r="G82" s="23">
        <v>4</v>
      </c>
      <c r="H82" s="22">
        <v>102</v>
      </c>
      <c r="I82" s="22">
        <v>55</v>
      </c>
      <c r="J82" s="22">
        <v>47</v>
      </c>
      <c r="K82" s="21">
        <v>130</v>
      </c>
      <c r="L82" s="53">
        <v>75</v>
      </c>
      <c r="M82" s="54">
        <v>55</v>
      </c>
    </row>
    <row r="83" spans="1:13" ht="19.5" customHeight="1">
      <c r="A83" s="34" t="s">
        <v>86</v>
      </c>
      <c r="B83" s="17">
        <v>-98</v>
      </c>
      <c r="C83" s="18">
        <v>-50</v>
      </c>
      <c r="D83" s="18">
        <v>-48</v>
      </c>
      <c r="E83" s="17">
        <v>50</v>
      </c>
      <c r="F83" s="18">
        <v>28</v>
      </c>
      <c r="G83" s="19">
        <v>22</v>
      </c>
      <c r="H83" s="18">
        <v>416</v>
      </c>
      <c r="I83" s="18">
        <v>248</v>
      </c>
      <c r="J83" s="18">
        <v>168</v>
      </c>
      <c r="K83" s="17">
        <v>464</v>
      </c>
      <c r="L83" s="51">
        <v>270</v>
      </c>
      <c r="M83" s="52">
        <v>194</v>
      </c>
    </row>
    <row r="84" spans="1:13">
      <c r="A84" s="40" t="s">
        <v>87</v>
      </c>
      <c r="B84" s="21">
        <v>-18</v>
      </c>
      <c r="C84" s="22">
        <v>-11</v>
      </c>
      <c r="D84" s="22">
        <v>-7</v>
      </c>
      <c r="E84" s="21">
        <v>16</v>
      </c>
      <c r="F84" s="22">
        <v>10</v>
      </c>
      <c r="G84" s="23">
        <v>6</v>
      </c>
      <c r="H84" s="22">
        <v>96</v>
      </c>
      <c r="I84" s="22">
        <v>52</v>
      </c>
      <c r="J84" s="22">
        <v>44</v>
      </c>
      <c r="K84" s="21">
        <v>98</v>
      </c>
      <c r="L84" s="53">
        <v>53</v>
      </c>
      <c r="M84" s="54">
        <v>45</v>
      </c>
    </row>
    <row r="85" spans="1:13">
      <c r="A85" s="40" t="s">
        <v>88</v>
      </c>
      <c r="B85" s="21">
        <v>-21</v>
      </c>
      <c r="C85" s="22">
        <v>-10</v>
      </c>
      <c r="D85" s="22">
        <v>-11</v>
      </c>
      <c r="E85" s="21">
        <v>10</v>
      </c>
      <c r="F85" s="22">
        <v>6</v>
      </c>
      <c r="G85" s="23">
        <v>4</v>
      </c>
      <c r="H85" s="22">
        <v>87</v>
      </c>
      <c r="I85" s="22">
        <v>54</v>
      </c>
      <c r="J85" s="22">
        <v>33</v>
      </c>
      <c r="K85" s="21">
        <v>98</v>
      </c>
      <c r="L85" s="53">
        <v>58</v>
      </c>
      <c r="M85" s="54">
        <v>40</v>
      </c>
    </row>
    <row r="86" spans="1:13">
      <c r="A86" s="40" t="s">
        <v>89</v>
      </c>
      <c r="B86" s="21">
        <v>-20</v>
      </c>
      <c r="C86" s="22">
        <v>-23</v>
      </c>
      <c r="D86" s="22">
        <v>3</v>
      </c>
      <c r="E86" s="21">
        <v>6</v>
      </c>
      <c r="F86" s="22">
        <v>4</v>
      </c>
      <c r="G86" s="23">
        <v>2</v>
      </c>
      <c r="H86" s="22">
        <v>80</v>
      </c>
      <c r="I86" s="22">
        <v>47</v>
      </c>
      <c r="J86" s="22">
        <v>33</v>
      </c>
      <c r="K86" s="21">
        <v>94</v>
      </c>
      <c r="L86" s="53">
        <v>66</v>
      </c>
      <c r="M86" s="54">
        <v>28</v>
      </c>
    </row>
    <row r="87" spans="1:13">
      <c r="A87" s="40" t="s">
        <v>90</v>
      </c>
      <c r="B87" s="21">
        <v>-10</v>
      </c>
      <c r="C87" s="22">
        <v>-2</v>
      </c>
      <c r="D87" s="22">
        <v>-8</v>
      </c>
      <c r="E87" s="21">
        <v>9</v>
      </c>
      <c r="F87" s="22">
        <v>6</v>
      </c>
      <c r="G87" s="23">
        <v>3</v>
      </c>
      <c r="H87" s="22">
        <v>81</v>
      </c>
      <c r="I87" s="22">
        <v>46</v>
      </c>
      <c r="J87" s="22">
        <v>35</v>
      </c>
      <c r="K87" s="21">
        <v>82</v>
      </c>
      <c r="L87" s="53">
        <v>42</v>
      </c>
      <c r="M87" s="54">
        <v>40</v>
      </c>
    </row>
    <row r="88" spans="1:13">
      <c r="A88" s="40" t="s">
        <v>91</v>
      </c>
      <c r="B88" s="21">
        <v>-29</v>
      </c>
      <c r="C88" s="22">
        <v>-4</v>
      </c>
      <c r="D88" s="22">
        <v>-25</v>
      </c>
      <c r="E88" s="21">
        <v>9</v>
      </c>
      <c r="F88" s="22">
        <v>2</v>
      </c>
      <c r="G88" s="23">
        <v>7</v>
      </c>
      <c r="H88" s="22">
        <v>72</v>
      </c>
      <c r="I88" s="22">
        <v>49</v>
      </c>
      <c r="J88" s="22">
        <v>23</v>
      </c>
      <c r="K88" s="21">
        <v>92</v>
      </c>
      <c r="L88" s="53">
        <v>51</v>
      </c>
      <c r="M88" s="54">
        <v>41</v>
      </c>
    </row>
    <row r="89" spans="1:13" ht="19.5" customHeight="1">
      <c r="A89" s="34" t="s">
        <v>92</v>
      </c>
      <c r="B89" s="17">
        <v>-107</v>
      </c>
      <c r="C89" s="18">
        <v>-77</v>
      </c>
      <c r="D89" s="18">
        <v>-30</v>
      </c>
      <c r="E89" s="17">
        <v>53</v>
      </c>
      <c r="F89" s="18">
        <v>32</v>
      </c>
      <c r="G89" s="19">
        <v>21</v>
      </c>
      <c r="H89" s="18">
        <v>254</v>
      </c>
      <c r="I89" s="18">
        <v>141</v>
      </c>
      <c r="J89" s="18">
        <v>113</v>
      </c>
      <c r="K89" s="17">
        <v>308</v>
      </c>
      <c r="L89" s="51">
        <v>186</v>
      </c>
      <c r="M89" s="52">
        <v>122</v>
      </c>
    </row>
    <row r="90" spans="1:13">
      <c r="A90" s="40" t="s">
        <v>93</v>
      </c>
      <c r="B90" s="21">
        <v>-34</v>
      </c>
      <c r="C90" s="22">
        <v>-28</v>
      </c>
      <c r="D90" s="22">
        <v>-6</v>
      </c>
      <c r="E90" s="21">
        <v>10</v>
      </c>
      <c r="F90" s="22">
        <v>3</v>
      </c>
      <c r="G90" s="23">
        <v>7</v>
      </c>
      <c r="H90" s="22">
        <v>66</v>
      </c>
      <c r="I90" s="22">
        <v>40</v>
      </c>
      <c r="J90" s="22">
        <v>26</v>
      </c>
      <c r="K90" s="21">
        <v>90</v>
      </c>
      <c r="L90" s="53">
        <v>65</v>
      </c>
      <c r="M90" s="54">
        <v>25</v>
      </c>
    </row>
    <row r="91" spans="1:13">
      <c r="A91" s="40" t="s">
        <v>94</v>
      </c>
      <c r="B91" s="21">
        <v>-9</v>
      </c>
      <c r="C91" s="22">
        <v>-1</v>
      </c>
      <c r="D91" s="22">
        <v>-8</v>
      </c>
      <c r="E91" s="21">
        <v>10</v>
      </c>
      <c r="F91" s="22">
        <v>5</v>
      </c>
      <c r="G91" s="23">
        <v>5</v>
      </c>
      <c r="H91" s="22">
        <v>59</v>
      </c>
      <c r="I91" s="22">
        <v>33</v>
      </c>
      <c r="J91" s="22">
        <v>26</v>
      </c>
      <c r="K91" s="21">
        <v>58</v>
      </c>
      <c r="L91" s="53">
        <v>29</v>
      </c>
      <c r="M91" s="54">
        <v>29</v>
      </c>
    </row>
    <row r="92" spans="1:13">
      <c r="A92" s="40" t="s">
        <v>95</v>
      </c>
      <c r="B92" s="21">
        <v>-9</v>
      </c>
      <c r="C92" s="22">
        <v>-12</v>
      </c>
      <c r="D92" s="22">
        <v>3</v>
      </c>
      <c r="E92" s="21">
        <v>8</v>
      </c>
      <c r="F92" s="22">
        <v>7</v>
      </c>
      <c r="G92" s="23">
        <v>1</v>
      </c>
      <c r="H92" s="22">
        <v>50</v>
      </c>
      <c r="I92" s="22">
        <v>25</v>
      </c>
      <c r="J92" s="22">
        <v>25</v>
      </c>
      <c r="K92" s="21">
        <v>51</v>
      </c>
      <c r="L92" s="53">
        <v>30</v>
      </c>
      <c r="M92" s="54">
        <v>21</v>
      </c>
    </row>
    <row r="93" spans="1:13">
      <c r="A93" s="40" t="s">
        <v>96</v>
      </c>
      <c r="B93" s="21">
        <v>-29</v>
      </c>
      <c r="C93" s="22">
        <v>-23</v>
      </c>
      <c r="D93" s="22">
        <v>-6</v>
      </c>
      <c r="E93" s="21">
        <v>7</v>
      </c>
      <c r="F93" s="22">
        <v>3</v>
      </c>
      <c r="G93" s="23">
        <v>4</v>
      </c>
      <c r="H93" s="22">
        <v>44</v>
      </c>
      <c r="I93" s="22">
        <v>21</v>
      </c>
      <c r="J93" s="22">
        <v>23</v>
      </c>
      <c r="K93" s="21">
        <v>66</v>
      </c>
      <c r="L93" s="53">
        <v>41</v>
      </c>
      <c r="M93" s="54">
        <v>25</v>
      </c>
    </row>
    <row r="94" spans="1:13">
      <c r="A94" s="40" t="s">
        <v>97</v>
      </c>
      <c r="B94" s="21">
        <v>-26</v>
      </c>
      <c r="C94" s="22">
        <v>-13</v>
      </c>
      <c r="D94" s="22">
        <v>-13</v>
      </c>
      <c r="E94" s="21">
        <v>18</v>
      </c>
      <c r="F94" s="22">
        <v>14</v>
      </c>
      <c r="G94" s="23">
        <v>4</v>
      </c>
      <c r="H94" s="22">
        <v>35</v>
      </c>
      <c r="I94" s="22">
        <v>22</v>
      </c>
      <c r="J94" s="22">
        <v>13</v>
      </c>
      <c r="K94" s="21">
        <v>43</v>
      </c>
      <c r="L94" s="53">
        <v>21</v>
      </c>
      <c r="M94" s="54">
        <v>22</v>
      </c>
    </row>
    <row r="95" spans="1:13" ht="19.5" customHeight="1">
      <c r="A95" s="34" t="s">
        <v>98</v>
      </c>
      <c r="B95" s="17">
        <v>-90</v>
      </c>
      <c r="C95" s="18">
        <v>-59</v>
      </c>
      <c r="D95" s="18">
        <v>-31</v>
      </c>
      <c r="E95" s="17">
        <v>81</v>
      </c>
      <c r="F95" s="18">
        <v>52</v>
      </c>
      <c r="G95" s="19">
        <v>29</v>
      </c>
      <c r="H95" s="18">
        <v>213</v>
      </c>
      <c r="I95" s="18">
        <v>113</v>
      </c>
      <c r="J95" s="18">
        <v>100</v>
      </c>
      <c r="K95" s="17">
        <v>222</v>
      </c>
      <c r="L95" s="51">
        <v>120</v>
      </c>
      <c r="M95" s="52">
        <v>102</v>
      </c>
    </row>
    <row r="96" spans="1:13">
      <c r="A96" s="40" t="s">
        <v>99</v>
      </c>
      <c r="B96" s="21">
        <v>-30</v>
      </c>
      <c r="C96" s="22">
        <v>-14</v>
      </c>
      <c r="D96" s="22">
        <v>-16</v>
      </c>
      <c r="E96" s="21">
        <v>15</v>
      </c>
      <c r="F96" s="22">
        <v>8</v>
      </c>
      <c r="G96" s="23">
        <v>7</v>
      </c>
      <c r="H96" s="22">
        <v>47</v>
      </c>
      <c r="I96" s="22">
        <v>27</v>
      </c>
      <c r="J96" s="22">
        <v>20</v>
      </c>
      <c r="K96" s="21">
        <v>62</v>
      </c>
      <c r="L96" s="53">
        <v>33</v>
      </c>
      <c r="M96" s="54">
        <v>29</v>
      </c>
    </row>
    <row r="97" spans="1:13">
      <c r="A97" s="40" t="s">
        <v>100</v>
      </c>
      <c r="B97" s="21">
        <v>-10</v>
      </c>
      <c r="C97" s="22">
        <v>-7</v>
      </c>
      <c r="D97" s="22">
        <v>-3</v>
      </c>
      <c r="E97" s="21">
        <v>11</v>
      </c>
      <c r="F97" s="22">
        <v>7</v>
      </c>
      <c r="G97" s="23">
        <v>4</v>
      </c>
      <c r="H97" s="22">
        <v>42</v>
      </c>
      <c r="I97" s="22">
        <v>21</v>
      </c>
      <c r="J97" s="22">
        <v>21</v>
      </c>
      <c r="K97" s="21">
        <v>41</v>
      </c>
      <c r="L97" s="53">
        <v>21</v>
      </c>
      <c r="M97" s="54">
        <v>20</v>
      </c>
    </row>
    <row r="98" spans="1:13">
      <c r="A98" s="40" t="s">
        <v>101</v>
      </c>
      <c r="B98" s="21">
        <v>-26</v>
      </c>
      <c r="C98" s="22">
        <v>-11</v>
      </c>
      <c r="D98" s="22">
        <v>-15</v>
      </c>
      <c r="E98" s="21">
        <v>15</v>
      </c>
      <c r="F98" s="22">
        <v>10</v>
      </c>
      <c r="G98" s="23">
        <v>5</v>
      </c>
      <c r="H98" s="22">
        <v>37</v>
      </c>
      <c r="I98" s="22">
        <v>22</v>
      </c>
      <c r="J98" s="22">
        <v>15</v>
      </c>
      <c r="K98" s="21">
        <v>48</v>
      </c>
      <c r="L98" s="53">
        <v>23</v>
      </c>
      <c r="M98" s="54">
        <v>25</v>
      </c>
    </row>
    <row r="99" spans="1:13">
      <c r="A99" s="40" t="s">
        <v>102</v>
      </c>
      <c r="B99" s="21">
        <v>-10</v>
      </c>
      <c r="C99" s="22">
        <v>-16</v>
      </c>
      <c r="D99" s="22">
        <v>6</v>
      </c>
      <c r="E99" s="21">
        <v>19</v>
      </c>
      <c r="F99" s="22">
        <v>15</v>
      </c>
      <c r="G99" s="23">
        <v>4</v>
      </c>
      <c r="H99" s="22">
        <v>41</v>
      </c>
      <c r="I99" s="22">
        <v>18</v>
      </c>
      <c r="J99" s="22">
        <v>23</v>
      </c>
      <c r="K99" s="21">
        <v>32</v>
      </c>
      <c r="L99" s="53">
        <v>19</v>
      </c>
      <c r="M99" s="54">
        <v>13</v>
      </c>
    </row>
    <row r="100" spans="1:13">
      <c r="A100" s="40" t="s">
        <v>103</v>
      </c>
      <c r="B100" s="21">
        <v>-14</v>
      </c>
      <c r="C100" s="22">
        <v>-11</v>
      </c>
      <c r="D100" s="22">
        <v>-3</v>
      </c>
      <c r="E100" s="21">
        <v>21</v>
      </c>
      <c r="F100" s="22">
        <v>12</v>
      </c>
      <c r="G100" s="23">
        <v>9</v>
      </c>
      <c r="H100" s="22">
        <v>46</v>
      </c>
      <c r="I100" s="22">
        <v>25</v>
      </c>
      <c r="J100" s="22">
        <v>21</v>
      </c>
      <c r="K100" s="21">
        <v>39</v>
      </c>
      <c r="L100" s="53">
        <v>24</v>
      </c>
      <c r="M100" s="54">
        <v>15</v>
      </c>
    </row>
    <row r="101" spans="1:13" ht="19.5" customHeight="1">
      <c r="A101" s="34" t="s">
        <v>104</v>
      </c>
      <c r="B101" s="17">
        <v>-169</v>
      </c>
      <c r="C101" s="18">
        <v>-116</v>
      </c>
      <c r="D101" s="18">
        <v>-53</v>
      </c>
      <c r="E101" s="17">
        <v>132</v>
      </c>
      <c r="F101" s="18">
        <v>103</v>
      </c>
      <c r="G101" s="19">
        <v>29</v>
      </c>
      <c r="H101" s="18">
        <v>135</v>
      </c>
      <c r="I101" s="18">
        <v>68</v>
      </c>
      <c r="J101" s="18">
        <v>67</v>
      </c>
      <c r="K101" s="17">
        <v>172</v>
      </c>
      <c r="L101" s="51">
        <v>81</v>
      </c>
      <c r="M101" s="52">
        <v>91</v>
      </c>
    </row>
    <row r="102" spans="1:13">
      <c r="A102" s="40" t="s">
        <v>105</v>
      </c>
      <c r="B102" s="21">
        <v>-53</v>
      </c>
      <c r="C102" s="22">
        <v>-36</v>
      </c>
      <c r="D102" s="22">
        <v>-17</v>
      </c>
      <c r="E102" s="21">
        <v>33</v>
      </c>
      <c r="F102" s="22">
        <v>26</v>
      </c>
      <c r="G102" s="23">
        <v>7</v>
      </c>
      <c r="H102" s="22">
        <v>41</v>
      </c>
      <c r="I102" s="22">
        <v>20</v>
      </c>
      <c r="J102" s="22">
        <v>21</v>
      </c>
      <c r="K102" s="21">
        <v>61</v>
      </c>
      <c r="L102" s="53">
        <v>30</v>
      </c>
      <c r="M102" s="54">
        <v>31</v>
      </c>
    </row>
    <row r="103" spans="1:13">
      <c r="A103" s="40" t="s">
        <v>106</v>
      </c>
      <c r="B103" s="21">
        <v>-25</v>
      </c>
      <c r="C103" s="22">
        <v>-19</v>
      </c>
      <c r="D103" s="22">
        <v>-6</v>
      </c>
      <c r="E103" s="21">
        <v>25</v>
      </c>
      <c r="F103" s="22">
        <v>17</v>
      </c>
      <c r="G103" s="23">
        <v>8</v>
      </c>
      <c r="H103" s="22">
        <v>37</v>
      </c>
      <c r="I103" s="22">
        <v>17</v>
      </c>
      <c r="J103" s="22">
        <v>20</v>
      </c>
      <c r="K103" s="21">
        <v>37</v>
      </c>
      <c r="L103" s="53">
        <v>19</v>
      </c>
      <c r="M103" s="54">
        <v>18</v>
      </c>
    </row>
    <row r="104" spans="1:13">
      <c r="A104" s="40" t="s">
        <v>107</v>
      </c>
      <c r="B104" s="21">
        <v>-42</v>
      </c>
      <c r="C104" s="22">
        <v>-27</v>
      </c>
      <c r="D104" s="22">
        <v>-15</v>
      </c>
      <c r="E104" s="21">
        <v>30</v>
      </c>
      <c r="F104" s="22">
        <v>22</v>
      </c>
      <c r="G104" s="23">
        <v>8</v>
      </c>
      <c r="H104" s="22">
        <v>24</v>
      </c>
      <c r="I104" s="22">
        <v>11</v>
      </c>
      <c r="J104" s="22">
        <v>13</v>
      </c>
      <c r="K104" s="21">
        <v>36</v>
      </c>
      <c r="L104" s="53">
        <v>16</v>
      </c>
      <c r="M104" s="54">
        <v>20</v>
      </c>
    </row>
    <row r="105" spans="1:13">
      <c r="A105" s="40" t="s">
        <v>108</v>
      </c>
      <c r="B105" s="21">
        <v>-23</v>
      </c>
      <c r="C105" s="22">
        <v>-13</v>
      </c>
      <c r="D105" s="22">
        <v>-10</v>
      </c>
      <c r="E105" s="21">
        <v>18</v>
      </c>
      <c r="F105" s="22">
        <v>16</v>
      </c>
      <c r="G105" s="23">
        <v>2</v>
      </c>
      <c r="H105" s="22">
        <v>16</v>
      </c>
      <c r="I105" s="22">
        <v>12</v>
      </c>
      <c r="J105" s="22">
        <v>4</v>
      </c>
      <c r="K105" s="21">
        <v>21</v>
      </c>
      <c r="L105" s="53">
        <v>9</v>
      </c>
      <c r="M105" s="54">
        <v>12</v>
      </c>
    </row>
    <row r="106" spans="1:13">
      <c r="A106" s="40" t="s">
        <v>109</v>
      </c>
      <c r="B106" s="21">
        <v>-26</v>
      </c>
      <c r="C106" s="22">
        <v>-21</v>
      </c>
      <c r="D106" s="22">
        <v>-5</v>
      </c>
      <c r="E106" s="21">
        <v>26</v>
      </c>
      <c r="F106" s="22">
        <v>22</v>
      </c>
      <c r="G106" s="23">
        <v>4</v>
      </c>
      <c r="H106" s="22">
        <v>17</v>
      </c>
      <c r="I106" s="22">
        <v>8</v>
      </c>
      <c r="J106" s="22">
        <v>9</v>
      </c>
      <c r="K106" s="21">
        <v>17</v>
      </c>
      <c r="L106" s="53">
        <v>7</v>
      </c>
      <c r="M106" s="54">
        <v>10</v>
      </c>
    </row>
    <row r="107" spans="1:13" ht="19.5" customHeight="1">
      <c r="A107" s="34" t="s">
        <v>110</v>
      </c>
      <c r="B107" s="17">
        <v>-189</v>
      </c>
      <c r="C107" s="18">
        <v>-135</v>
      </c>
      <c r="D107" s="18">
        <v>-54</v>
      </c>
      <c r="E107" s="17">
        <v>166</v>
      </c>
      <c r="F107" s="18">
        <v>112</v>
      </c>
      <c r="G107" s="19">
        <v>54</v>
      </c>
      <c r="H107" s="18">
        <v>105</v>
      </c>
      <c r="I107" s="18">
        <v>43</v>
      </c>
      <c r="J107" s="18">
        <v>62</v>
      </c>
      <c r="K107" s="17">
        <v>128</v>
      </c>
      <c r="L107" s="51">
        <v>66</v>
      </c>
      <c r="M107" s="52">
        <v>62</v>
      </c>
    </row>
    <row r="108" spans="1:13">
      <c r="A108" s="40" t="s">
        <v>111</v>
      </c>
      <c r="B108" s="21">
        <v>-38</v>
      </c>
      <c r="C108" s="22">
        <v>-20</v>
      </c>
      <c r="D108" s="22">
        <v>-18</v>
      </c>
      <c r="E108" s="21">
        <v>30</v>
      </c>
      <c r="F108" s="22">
        <v>18</v>
      </c>
      <c r="G108" s="23">
        <v>12</v>
      </c>
      <c r="H108" s="22">
        <v>17</v>
      </c>
      <c r="I108" s="22">
        <v>10</v>
      </c>
      <c r="J108" s="22">
        <v>7</v>
      </c>
      <c r="K108" s="21">
        <v>25</v>
      </c>
      <c r="L108" s="53">
        <v>12</v>
      </c>
      <c r="M108" s="54">
        <v>13</v>
      </c>
    </row>
    <row r="109" spans="1:13">
      <c r="A109" s="40" t="s">
        <v>112</v>
      </c>
      <c r="B109" s="21">
        <v>-33</v>
      </c>
      <c r="C109" s="22">
        <v>-24</v>
      </c>
      <c r="D109" s="22">
        <v>-9</v>
      </c>
      <c r="E109" s="21">
        <v>30</v>
      </c>
      <c r="F109" s="22">
        <v>20</v>
      </c>
      <c r="G109" s="23">
        <v>10</v>
      </c>
      <c r="H109" s="22">
        <v>24</v>
      </c>
      <c r="I109" s="22">
        <v>13</v>
      </c>
      <c r="J109" s="22">
        <v>11</v>
      </c>
      <c r="K109" s="21">
        <v>27</v>
      </c>
      <c r="L109" s="53">
        <v>17</v>
      </c>
      <c r="M109" s="54">
        <v>10</v>
      </c>
    </row>
    <row r="110" spans="1:13">
      <c r="A110" s="40" t="s">
        <v>113</v>
      </c>
      <c r="B110" s="21">
        <v>-34</v>
      </c>
      <c r="C110" s="22">
        <v>-21</v>
      </c>
      <c r="D110" s="22">
        <v>-13</v>
      </c>
      <c r="E110" s="21">
        <v>30</v>
      </c>
      <c r="F110" s="22">
        <v>19</v>
      </c>
      <c r="G110" s="23">
        <v>11</v>
      </c>
      <c r="H110" s="22">
        <v>19</v>
      </c>
      <c r="I110" s="22">
        <v>5</v>
      </c>
      <c r="J110" s="22">
        <v>14</v>
      </c>
      <c r="K110" s="21">
        <v>23</v>
      </c>
      <c r="L110" s="53">
        <v>7</v>
      </c>
      <c r="M110" s="54">
        <v>16</v>
      </c>
    </row>
    <row r="111" spans="1:13">
      <c r="A111" s="40" t="s">
        <v>114</v>
      </c>
      <c r="B111" s="21">
        <v>-38</v>
      </c>
      <c r="C111" s="22">
        <v>-36</v>
      </c>
      <c r="D111" s="22">
        <v>-2</v>
      </c>
      <c r="E111" s="21">
        <v>40</v>
      </c>
      <c r="F111" s="22">
        <v>31</v>
      </c>
      <c r="G111" s="23">
        <v>9</v>
      </c>
      <c r="H111" s="22">
        <v>26</v>
      </c>
      <c r="I111" s="22">
        <v>7</v>
      </c>
      <c r="J111" s="22">
        <v>19</v>
      </c>
      <c r="K111" s="21">
        <v>24</v>
      </c>
      <c r="L111" s="53">
        <v>12</v>
      </c>
      <c r="M111" s="54">
        <v>12</v>
      </c>
    </row>
    <row r="112" spans="1:13">
      <c r="A112" s="40" t="s">
        <v>115</v>
      </c>
      <c r="B112" s="21">
        <v>-46</v>
      </c>
      <c r="C112" s="22">
        <v>-34</v>
      </c>
      <c r="D112" s="22">
        <v>-12</v>
      </c>
      <c r="E112" s="21">
        <v>36</v>
      </c>
      <c r="F112" s="22">
        <v>24</v>
      </c>
      <c r="G112" s="23">
        <v>12</v>
      </c>
      <c r="H112" s="22">
        <v>19</v>
      </c>
      <c r="I112" s="22">
        <v>8</v>
      </c>
      <c r="J112" s="22">
        <v>11</v>
      </c>
      <c r="K112" s="21">
        <v>29</v>
      </c>
      <c r="L112" s="53">
        <v>18</v>
      </c>
      <c r="M112" s="54">
        <v>11</v>
      </c>
    </row>
    <row r="113" spans="1:13" ht="19.5" customHeight="1">
      <c r="A113" s="34" t="s">
        <v>116</v>
      </c>
      <c r="B113" s="17">
        <v>-263</v>
      </c>
      <c r="C113" s="18">
        <v>-154</v>
      </c>
      <c r="D113" s="18">
        <v>-109</v>
      </c>
      <c r="E113" s="17">
        <v>233</v>
      </c>
      <c r="F113" s="18">
        <v>134</v>
      </c>
      <c r="G113" s="19">
        <v>99</v>
      </c>
      <c r="H113" s="18">
        <v>92</v>
      </c>
      <c r="I113" s="18">
        <v>30</v>
      </c>
      <c r="J113" s="18">
        <v>62</v>
      </c>
      <c r="K113" s="17">
        <v>122</v>
      </c>
      <c r="L113" s="51">
        <v>50</v>
      </c>
      <c r="M113" s="52">
        <v>72</v>
      </c>
    </row>
    <row r="114" spans="1:13">
      <c r="A114" s="40" t="s">
        <v>117</v>
      </c>
      <c r="B114" s="21">
        <v>-41</v>
      </c>
      <c r="C114" s="22">
        <v>-25</v>
      </c>
      <c r="D114" s="22">
        <v>-16</v>
      </c>
      <c r="E114" s="21">
        <v>41</v>
      </c>
      <c r="F114" s="22">
        <v>26</v>
      </c>
      <c r="G114" s="23">
        <v>15</v>
      </c>
      <c r="H114" s="22">
        <v>19</v>
      </c>
      <c r="I114" s="22">
        <v>8</v>
      </c>
      <c r="J114" s="22">
        <v>11</v>
      </c>
      <c r="K114" s="21">
        <v>19</v>
      </c>
      <c r="L114" s="53">
        <v>7</v>
      </c>
      <c r="M114" s="54">
        <v>12</v>
      </c>
    </row>
    <row r="115" spans="1:13">
      <c r="A115" s="40" t="s">
        <v>118</v>
      </c>
      <c r="B115" s="21">
        <v>-52</v>
      </c>
      <c r="C115" s="22">
        <v>-30</v>
      </c>
      <c r="D115" s="22">
        <v>-22</v>
      </c>
      <c r="E115" s="21">
        <v>36</v>
      </c>
      <c r="F115" s="22">
        <v>23</v>
      </c>
      <c r="G115" s="23">
        <v>13</v>
      </c>
      <c r="H115" s="22">
        <v>19</v>
      </c>
      <c r="I115" s="22">
        <v>10</v>
      </c>
      <c r="J115" s="22">
        <v>9</v>
      </c>
      <c r="K115" s="21">
        <v>35</v>
      </c>
      <c r="L115" s="53">
        <v>17</v>
      </c>
      <c r="M115" s="54">
        <v>18</v>
      </c>
    </row>
    <row r="116" spans="1:13">
      <c r="A116" s="40" t="s">
        <v>119</v>
      </c>
      <c r="B116" s="21">
        <v>-48</v>
      </c>
      <c r="C116" s="22">
        <v>-37</v>
      </c>
      <c r="D116" s="22">
        <v>-11</v>
      </c>
      <c r="E116" s="21">
        <v>48</v>
      </c>
      <c r="F116" s="22">
        <v>29</v>
      </c>
      <c r="G116" s="23">
        <v>19</v>
      </c>
      <c r="H116" s="22">
        <v>23</v>
      </c>
      <c r="I116" s="22">
        <v>3</v>
      </c>
      <c r="J116" s="22">
        <v>20</v>
      </c>
      <c r="K116" s="21">
        <v>23</v>
      </c>
      <c r="L116" s="53">
        <v>11</v>
      </c>
      <c r="M116" s="54">
        <v>12</v>
      </c>
    </row>
    <row r="117" spans="1:13">
      <c r="A117" s="40" t="s">
        <v>120</v>
      </c>
      <c r="B117" s="21">
        <v>-57</v>
      </c>
      <c r="C117" s="22">
        <v>-30</v>
      </c>
      <c r="D117" s="22">
        <v>-27</v>
      </c>
      <c r="E117" s="21">
        <v>48</v>
      </c>
      <c r="F117" s="22">
        <v>27</v>
      </c>
      <c r="G117" s="23">
        <v>21</v>
      </c>
      <c r="H117" s="22">
        <v>13</v>
      </c>
      <c r="I117" s="22">
        <v>5</v>
      </c>
      <c r="J117" s="22">
        <v>8</v>
      </c>
      <c r="K117" s="21">
        <v>22</v>
      </c>
      <c r="L117" s="53">
        <v>8</v>
      </c>
      <c r="M117" s="54">
        <v>14</v>
      </c>
    </row>
    <row r="118" spans="1:13">
      <c r="A118" s="40" t="s">
        <v>121</v>
      </c>
      <c r="B118" s="21">
        <v>-65</v>
      </c>
      <c r="C118" s="22">
        <v>-32</v>
      </c>
      <c r="D118" s="22">
        <v>-33</v>
      </c>
      <c r="E118" s="21">
        <v>60</v>
      </c>
      <c r="F118" s="22">
        <v>29</v>
      </c>
      <c r="G118" s="23">
        <v>31</v>
      </c>
      <c r="H118" s="22">
        <v>18</v>
      </c>
      <c r="I118" s="22">
        <v>4</v>
      </c>
      <c r="J118" s="22">
        <v>14</v>
      </c>
      <c r="K118" s="21">
        <v>23</v>
      </c>
      <c r="L118" s="53">
        <v>7</v>
      </c>
      <c r="M118" s="54">
        <v>16</v>
      </c>
    </row>
    <row r="119" spans="1:13" ht="19.5" customHeight="1">
      <c r="A119" s="34" t="s">
        <v>122</v>
      </c>
      <c r="B119" s="17">
        <v>-274</v>
      </c>
      <c r="C119" s="18">
        <v>-121</v>
      </c>
      <c r="D119" s="18">
        <v>-153</v>
      </c>
      <c r="E119" s="17">
        <v>271</v>
      </c>
      <c r="F119" s="18">
        <v>123</v>
      </c>
      <c r="G119" s="19">
        <v>148</v>
      </c>
      <c r="H119" s="18">
        <v>74</v>
      </c>
      <c r="I119" s="18">
        <v>20</v>
      </c>
      <c r="J119" s="18">
        <v>54</v>
      </c>
      <c r="K119" s="17">
        <v>77</v>
      </c>
      <c r="L119" s="51">
        <v>18</v>
      </c>
      <c r="M119" s="52">
        <v>59</v>
      </c>
    </row>
    <row r="120" spans="1:13">
      <c r="A120" s="40" t="s">
        <v>123</v>
      </c>
      <c r="B120" s="21">
        <v>-53</v>
      </c>
      <c r="C120" s="22">
        <v>-29</v>
      </c>
      <c r="D120" s="22">
        <v>-24</v>
      </c>
      <c r="E120" s="21">
        <v>54</v>
      </c>
      <c r="F120" s="22">
        <v>30</v>
      </c>
      <c r="G120" s="23">
        <v>24</v>
      </c>
      <c r="H120" s="22">
        <v>13</v>
      </c>
      <c r="I120" s="22">
        <v>5</v>
      </c>
      <c r="J120" s="22">
        <v>8</v>
      </c>
      <c r="K120" s="21">
        <v>12</v>
      </c>
      <c r="L120" s="53">
        <v>4</v>
      </c>
      <c r="M120" s="54">
        <v>8</v>
      </c>
    </row>
    <row r="121" spans="1:13">
      <c r="A121" s="40" t="s">
        <v>124</v>
      </c>
      <c r="B121" s="21">
        <v>-55</v>
      </c>
      <c r="C121" s="22">
        <v>-23</v>
      </c>
      <c r="D121" s="22">
        <v>-32</v>
      </c>
      <c r="E121" s="21">
        <v>48</v>
      </c>
      <c r="F121" s="22">
        <v>22</v>
      </c>
      <c r="G121" s="23">
        <v>26</v>
      </c>
      <c r="H121" s="22">
        <v>14</v>
      </c>
      <c r="I121" s="22">
        <v>3</v>
      </c>
      <c r="J121" s="22">
        <v>11</v>
      </c>
      <c r="K121" s="21">
        <v>21</v>
      </c>
      <c r="L121" s="53">
        <v>4</v>
      </c>
      <c r="M121" s="54">
        <v>17</v>
      </c>
    </row>
    <row r="122" spans="1:13">
      <c r="A122" s="40" t="s">
        <v>125</v>
      </c>
      <c r="B122" s="21">
        <v>-53</v>
      </c>
      <c r="C122" s="22">
        <v>-20</v>
      </c>
      <c r="D122" s="22">
        <v>-33</v>
      </c>
      <c r="E122" s="21">
        <v>60</v>
      </c>
      <c r="F122" s="22">
        <v>25</v>
      </c>
      <c r="G122" s="23">
        <v>35</v>
      </c>
      <c r="H122" s="22">
        <v>19</v>
      </c>
      <c r="I122" s="22">
        <v>6</v>
      </c>
      <c r="J122" s="22">
        <v>13</v>
      </c>
      <c r="K122" s="21">
        <v>12</v>
      </c>
      <c r="L122" s="53">
        <v>1</v>
      </c>
      <c r="M122" s="54">
        <v>11</v>
      </c>
    </row>
    <row r="123" spans="1:13">
      <c r="A123" s="40" t="s">
        <v>126</v>
      </c>
      <c r="B123" s="21">
        <v>-57</v>
      </c>
      <c r="C123" s="22">
        <v>-22</v>
      </c>
      <c r="D123" s="22">
        <v>-35</v>
      </c>
      <c r="E123" s="21">
        <v>50</v>
      </c>
      <c r="F123" s="22">
        <v>18</v>
      </c>
      <c r="G123" s="23">
        <v>32</v>
      </c>
      <c r="H123" s="22">
        <v>14</v>
      </c>
      <c r="I123" s="22">
        <v>2</v>
      </c>
      <c r="J123" s="22">
        <v>12</v>
      </c>
      <c r="K123" s="21">
        <v>21</v>
      </c>
      <c r="L123" s="53">
        <v>6</v>
      </c>
      <c r="M123" s="54">
        <v>15</v>
      </c>
    </row>
    <row r="124" spans="1:13">
      <c r="A124" s="40" t="s">
        <v>127</v>
      </c>
      <c r="B124" s="21">
        <v>-56</v>
      </c>
      <c r="C124" s="22">
        <v>-27</v>
      </c>
      <c r="D124" s="22">
        <v>-29</v>
      </c>
      <c r="E124" s="21">
        <v>59</v>
      </c>
      <c r="F124" s="22">
        <v>28</v>
      </c>
      <c r="G124" s="23">
        <v>31</v>
      </c>
      <c r="H124" s="22">
        <v>14</v>
      </c>
      <c r="I124" s="22">
        <v>4</v>
      </c>
      <c r="J124" s="22">
        <v>10</v>
      </c>
      <c r="K124" s="21">
        <v>11</v>
      </c>
      <c r="L124" s="53">
        <v>3</v>
      </c>
      <c r="M124" s="54">
        <v>8</v>
      </c>
    </row>
    <row r="125" spans="1:13" ht="19.5" customHeight="1">
      <c r="A125" s="34" t="s">
        <v>128</v>
      </c>
      <c r="B125" s="17">
        <v>-291</v>
      </c>
      <c r="C125" s="18">
        <v>-109</v>
      </c>
      <c r="D125" s="18">
        <v>-182</v>
      </c>
      <c r="E125" s="17">
        <v>286</v>
      </c>
      <c r="F125" s="18">
        <v>111</v>
      </c>
      <c r="G125" s="19">
        <v>175</v>
      </c>
      <c r="H125" s="18">
        <v>40</v>
      </c>
      <c r="I125" s="18">
        <v>13</v>
      </c>
      <c r="J125" s="18">
        <v>27</v>
      </c>
      <c r="K125" s="17">
        <v>45</v>
      </c>
      <c r="L125" s="51">
        <v>11</v>
      </c>
      <c r="M125" s="52">
        <v>34</v>
      </c>
    </row>
    <row r="126" spans="1:13">
      <c r="A126" s="40" t="s">
        <v>129</v>
      </c>
      <c r="B126" s="21">
        <v>-74</v>
      </c>
      <c r="C126" s="22">
        <v>-29</v>
      </c>
      <c r="D126" s="22">
        <v>-45</v>
      </c>
      <c r="E126" s="21">
        <v>66</v>
      </c>
      <c r="F126" s="22">
        <v>28</v>
      </c>
      <c r="G126" s="23">
        <v>38</v>
      </c>
      <c r="H126" s="22">
        <v>7</v>
      </c>
      <c r="I126" s="22">
        <v>3</v>
      </c>
      <c r="J126" s="22">
        <v>4</v>
      </c>
      <c r="K126" s="21">
        <v>15</v>
      </c>
      <c r="L126" s="53">
        <v>4</v>
      </c>
      <c r="M126" s="54">
        <v>11</v>
      </c>
    </row>
    <row r="127" spans="1:13">
      <c r="A127" s="40" t="s">
        <v>130</v>
      </c>
      <c r="B127" s="21">
        <v>-62</v>
      </c>
      <c r="C127" s="22">
        <v>-17</v>
      </c>
      <c r="D127" s="22">
        <v>-45</v>
      </c>
      <c r="E127" s="21">
        <v>64</v>
      </c>
      <c r="F127" s="22">
        <v>18</v>
      </c>
      <c r="G127" s="23">
        <v>46</v>
      </c>
      <c r="H127" s="22">
        <v>8</v>
      </c>
      <c r="I127" s="22">
        <v>2</v>
      </c>
      <c r="J127" s="22">
        <v>6</v>
      </c>
      <c r="K127" s="21">
        <v>6</v>
      </c>
      <c r="L127" s="53">
        <v>1</v>
      </c>
      <c r="M127" s="54">
        <v>5</v>
      </c>
    </row>
    <row r="128" spans="1:13">
      <c r="A128" s="40" t="s">
        <v>131</v>
      </c>
      <c r="B128" s="21">
        <v>-59</v>
      </c>
      <c r="C128" s="22">
        <v>-26</v>
      </c>
      <c r="D128" s="22">
        <v>-33</v>
      </c>
      <c r="E128" s="21">
        <v>61</v>
      </c>
      <c r="F128" s="22">
        <v>25</v>
      </c>
      <c r="G128" s="23">
        <v>36</v>
      </c>
      <c r="H128" s="22">
        <v>10</v>
      </c>
      <c r="I128" s="22">
        <v>2</v>
      </c>
      <c r="J128" s="22">
        <v>8</v>
      </c>
      <c r="K128" s="21">
        <v>8</v>
      </c>
      <c r="L128" s="53">
        <v>3</v>
      </c>
      <c r="M128" s="54">
        <v>5</v>
      </c>
    </row>
    <row r="129" spans="1:13">
      <c r="A129" s="40" t="s">
        <v>132</v>
      </c>
      <c r="B129" s="21">
        <v>-58</v>
      </c>
      <c r="C129" s="22">
        <v>-19</v>
      </c>
      <c r="D129" s="22">
        <v>-39</v>
      </c>
      <c r="E129" s="21">
        <v>52</v>
      </c>
      <c r="F129" s="22">
        <v>21</v>
      </c>
      <c r="G129" s="23">
        <v>31</v>
      </c>
      <c r="H129" s="22">
        <v>4</v>
      </c>
      <c r="I129" s="22">
        <v>3</v>
      </c>
      <c r="J129" s="22">
        <v>1</v>
      </c>
      <c r="K129" s="21">
        <v>10</v>
      </c>
      <c r="L129" s="53">
        <v>1</v>
      </c>
      <c r="M129" s="54">
        <v>9</v>
      </c>
    </row>
    <row r="130" spans="1:13">
      <c r="A130" s="40" t="s">
        <v>133</v>
      </c>
      <c r="B130" s="21">
        <v>-38</v>
      </c>
      <c r="C130" s="22">
        <v>-18</v>
      </c>
      <c r="D130" s="22">
        <v>-20</v>
      </c>
      <c r="E130" s="21">
        <v>43</v>
      </c>
      <c r="F130" s="22">
        <v>19</v>
      </c>
      <c r="G130" s="23">
        <v>24</v>
      </c>
      <c r="H130" s="22">
        <v>11</v>
      </c>
      <c r="I130" s="22">
        <v>3</v>
      </c>
      <c r="J130" s="22">
        <v>8</v>
      </c>
      <c r="K130" s="21">
        <v>6</v>
      </c>
      <c r="L130" s="53">
        <v>2</v>
      </c>
      <c r="M130" s="54">
        <v>4</v>
      </c>
    </row>
    <row r="131" spans="1:13" ht="19.5" customHeight="1">
      <c r="A131" s="34" t="s">
        <v>134</v>
      </c>
      <c r="B131" s="17">
        <v>-140</v>
      </c>
      <c r="C131" s="18">
        <v>-30</v>
      </c>
      <c r="D131" s="18">
        <v>-110</v>
      </c>
      <c r="E131" s="17">
        <v>144</v>
      </c>
      <c r="F131" s="18">
        <v>27</v>
      </c>
      <c r="G131" s="19">
        <v>117</v>
      </c>
      <c r="H131" s="18">
        <v>14</v>
      </c>
      <c r="I131" s="18">
        <v>1</v>
      </c>
      <c r="J131" s="18">
        <v>13</v>
      </c>
      <c r="K131" s="17">
        <v>10</v>
      </c>
      <c r="L131" s="51">
        <v>4</v>
      </c>
      <c r="M131" s="52">
        <v>6</v>
      </c>
    </row>
    <row r="132" spans="1:13">
      <c r="A132" s="40" t="s">
        <v>135</v>
      </c>
      <c r="B132" s="21">
        <v>-30</v>
      </c>
      <c r="C132" s="22">
        <v>-9</v>
      </c>
      <c r="D132" s="22">
        <v>-21</v>
      </c>
      <c r="E132" s="21">
        <v>26</v>
      </c>
      <c r="F132" s="22">
        <v>7</v>
      </c>
      <c r="G132" s="23">
        <v>19</v>
      </c>
      <c r="H132" s="22">
        <v>0</v>
      </c>
      <c r="I132" s="22">
        <v>0</v>
      </c>
      <c r="J132" s="22">
        <v>0</v>
      </c>
      <c r="K132" s="21">
        <v>4</v>
      </c>
      <c r="L132" s="53">
        <v>2</v>
      </c>
      <c r="M132" s="54">
        <v>2</v>
      </c>
    </row>
    <row r="133" spans="1:13">
      <c r="A133" s="40" t="s">
        <v>136</v>
      </c>
      <c r="B133" s="21">
        <v>-28</v>
      </c>
      <c r="C133" s="22">
        <v>-4</v>
      </c>
      <c r="D133" s="22">
        <v>-24</v>
      </c>
      <c r="E133" s="21">
        <v>31</v>
      </c>
      <c r="F133" s="22">
        <v>4</v>
      </c>
      <c r="G133" s="23">
        <v>27</v>
      </c>
      <c r="H133" s="22">
        <v>6</v>
      </c>
      <c r="I133" s="22">
        <v>0</v>
      </c>
      <c r="J133" s="22">
        <v>6</v>
      </c>
      <c r="K133" s="21">
        <v>3</v>
      </c>
      <c r="L133" s="53">
        <v>0</v>
      </c>
      <c r="M133" s="54">
        <v>3</v>
      </c>
    </row>
    <row r="134" spans="1:13">
      <c r="A134" s="40" t="s">
        <v>137</v>
      </c>
      <c r="B134" s="21">
        <v>-31</v>
      </c>
      <c r="C134" s="22">
        <v>-7</v>
      </c>
      <c r="D134" s="22">
        <v>-24</v>
      </c>
      <c r="E134" s="21">
        <v>35</v>
      </c>
      <c r="F134" s="22">
        <v>6</v>
      </c>
      <c r="G134" s="23">
        <v>29</v>
      </c>
      <c r="H134" s="22">
        <v>5</v>
      </c>
      <c r="I134" s="22">
        <v>0</v>
      </c>
      <c r="J134" s="22">
        <v>5</v>
      </c>
      <c r="K134" s="21">
        <v>1</v>
      </c>
      <c r="L134" s="53">
        <v>1</v>
      </c>
      <c r="M134" s="54">
        <v>0</v>
      </c>
    </row>
    <row r="135" spans="1:13">
      <c r="A135" s="40" t="s">
        <v>138</v>
      </c>
      <c r="B135" s="21">
        <v>-27</v>
      </c>
      <c r="C135" s="22">
        <v>-5</v>
      </c>
      <c r="D135" s="22">
        <v>-22</v>
      </c>
      <c r="E135" s="21">
        <v>27</v>
      </c>
      <c r="F135" s="22">
        <v>5</v>
      </c>
      <c r="G135" s="23">
        <v>22</v>
      </c>
      <c r="H135" s="22">
        <v>2</v>
      </c>
      <c r="I135" s="22">
        <v>1</v>
      </c>
      <c r="J135" s="22">
        <v>1</v>
      </c>
      <c r="K135" s="21">
        <v>2</v>
      </c>
      <c r="L135" s="53">
        <v>1</v>
      </c>
      <c r="M135" s="54">
        <v>1</v>
      </c>
    </row>
    <row r="136" spans="1:13">
      <c r="A136" s="40" t="s">
        <v>139</v>
      </c>
      <c r="B136" s="21">
        <v>-24</v>
      </c>
      <c r="C136" s="22">
        <v>-5</v>
      </c>
      <c r="D136" s="22">
        <v>-19</v>
      </c>
      <c r="E136" s="21">
        <v>25</v>
      </c>
      <c r="F136" s="22">
        <v>5</v>
      </c>
      <c r="G136" s="23">
        <v>20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51</v>
      </c>
      <c r="C137" s="43">
        <v>-8</v>
      </c>
      <c r="D137" s="43">
        <v>-43</v>
      </c>
      <c r="E137" s="42">
        <v>52</v>
      </c>
      <c r="F137" s="43">
        <v>8</v>
      </c>
      <c r="G137" s="44">
        <v>44</v>
      </c>
      <c r="H137" s="43">
        <v>3</v>
      </c>
      <c r="I137" s="43">
        <v>0</v>
      </c>
      <c r="J137" s="43">
        <v>3</v>
      </c>
      <c r="K137" s="42">
        <v>2</v>
      </c>
      <c r="L137" s="67">
        <v>0</v>
      </c>
      <c r="M137" s="68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7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204</v>
      </c>
      <c r="C5" s="14">
        <v>387</v>
      </c>
      <c r="D5" s="14">
        <v>817</v>
      </c>
      <c r="E5" s="13">
        <v>1532</v>
      </c>
      <c r="F5" s="14">
        <v>847</v>
      </c>
      <c r="G5" s="15">
        <v>685</v>
      </c>
      <c r="H5" s="14">
        <v>16468</v>
      </c>
      <c r="I5" s="14">
        <v>8553</v>
      </c>
      <c r="J5" s="14">
        <v>7915</v>
      </c>
      <c r="K5" s="13">
        <v>15850</v>
      </c>
      <c r="L5" s="49">
        <v>8403</v>
      </c>
      <c r="M5" s="50">
        <v>7447</v>
      </c>
    </row>
    <row r="6" spans="1:13" ht="19.5" customHeight="1">
      <c r="A6" s="16" t="s">
        <v>13</v>
      </c>
      <c r="B6" s="17">
        <v>1744</v>
      </c>
      <c r="C6" s="18">
        <v>885</v>
      </c>
      <c r="D6" s="18">
        <v>859</v>
      </c>
      <c r="E6" s="17">
        <v>1</v>
      </c>
      <c r="F6" s="18">
        <v>1</v>
      </c>
      <c r="G6" s="19">
        <v>0</v>
      </c>
      <c r="H6" s="18">
        <v>653</v>
      </c>
      <c r="I6" s="18">
        <v>331</v>
      </c>
      <c r="J6" s="18">
        <v>322</v>
      </c>
      <c r="K6" s="17">
        <v>1026</v>
      </c>
      <c r="L6" s="51">
        <v>529</v>
      </c>
      <c r="M6" s="52">
        <v>497</v>
      </c>
    </row>
    <row r="7" spans="1:13">
      <c r="A7" s="20" t="s">
        <v>14</v>
      </c>
      <c r="B7" s="21">
        <v>2102</v>
      </c>
      <c r="C7" s="22">
        <v>1073</v>
      </c>
      <c r="D7" s="22">
        <v>1029</v>
      </c>
      <c r="E7" s="21">
        <v>1</v>
      </c>
      <c r="F7" s="22">
        <v>1</v>
      </c>
      <c r="G7" s="23">
        <v>0</v>
      </c>
      <c r="H7" s="22">
        <v>113</v>
      </c>
      <c r="I7" s="22">
        <v>60</v>
      </c>
      <c r="J7" s="22">
        <v>53</v>
      </c>
      <c r="K7" s="21">
        <v>128</v>
      </c>
      <c r="L7" s="53">
        <v>70</v>
      </c>
      <c r="M7" s="54">
        <v>58</v>
      </c>
    </row>
    <row r="8" spans="1:13">
      <c r="A8" s="20" t="s">
        <v>15</v>
      </c>
      <c r="B8" s="21">
        <v>-110</v>
      </c>
      <c r="C8" s="22">
        <v>-70</v>
      </c>
      <c r="D8" s="22">
        <v>-40</v>
      </c>
      <c r="E8" s="21">
        <v>0</v>
      </c>
      <c r="F8" s="22">
        <v>0</v>
      </c>
      <c r="G8" s="23">
        <v>0</v>
      </c>
      <c r="H8" s="22">
        <v>207</v>
      </c>
      <c r="I8" s="22">
        <v>96</v>
      </c>
      <c r="J8" s="22">
        <v>111</v>
      </c>
      <c r="K8" s="21">
        <v>317</v>
      </c>
      <c r="L8" s="53">
        <v>166</v>
      </c>
      <c r="M8" s="54">
        <v>151</v>
      </c>
    </row>
    <row r="9" spans="1:13">
      <c r="A9" s="20" t="s">
        <v>16</v>
      </c>
      <c r="B9" s="21">
        <v>-81</v>
      </c>
      <c r="C9" s="22">
        <v>-39</v>
      </c>
      <c r="D9" s="22">
        <v>-42</v>
      </c>
      <c r="E9" s="21">
        <v>0</v>
      </c>
      <c r="F9" s="22">
        <v>0</v>
      </c>
      <c r="G9" s="23">
        <v>0</v>
      </c>
      <c r="H9" s="22">
        <v>144</v>
      </c>
      <c r="I9" s="22">
        <v>77</v>
      </c>
      <c r="J9" s="22">
        <v>67</v>
      </c>
      <c r="K9" s="21">
        <v>225</v>
      </c>
      <c r="L9" s="53">
        <v>116</v>
      </c>
      <c r="M9" s="54">
        <v>109</v>
      </c>
    </row>
    <row r="10" spans="1:13">
      <c r="A10" s="20" t="s">
        <v>17</v>
      </c>
      <c r="B10" s="21">
        <v>-88</v>
      </c>
      <c r="C10" s="22">
        <v>-39</v>
      </c>
      <c r="D10" s="22">
        <v>-49</v>
      </c>
      <c r="E10" s="21">
        <v>0</v>
      </c>
      <c r="F10" s="22">
        <v>0</v>
      </c>
      <c r="G10" s="23">
        <v>0</v>
      </c>
      <c r="H10" s="22">
        <v>101</v>
      </c>
      <c r="I10" s="22">
        <v>54</v>
      </c>
      <c r="J10" s="22">
        <v>47</v>
      </c>
      <c r="K10" s="21">
        <v>189</v>
      </c>
      <c r="L10" s="53">
        <v>93</v>
      </c>
      <c r="M10" s="54">
        <v>96</v>
      </c>
    </row>
    <row r="11" spans="1:13">
      <c r="A11" s="20" t="s">
        <v>18</v>
      </c>
      <c r="B11" s="21">
        <v>-79</v>
      </c>
      <c r="C11" s="22">
        <v>-40</v>
      </c>
      <c r="D11" s="22">
        <v>-39</v>
      </c>
      <c r="E11" s="21">
        <v>0</v>
      </c>
      <c r="F11" s="22">
        <v>0</v>
      </c>
      <c r="G11" s="23">
        <v>0</v>
      </c>
      <c r="H11" s="22">
        <v>88</v>
      </c>
      <c r="I11" s="22">
        <v>44</v>
      </c>
      <c r="J11" s="22">
        <v>44</v>
      </c>
      <c r="K11" s="21">
        <v>167</v>
      </c>
      <c r="L11" s="53">
        <v>84</v>
      </c>
      <c r="M11" s="54">
        <v>83</v>
      </c>
    </row>
    <row r="12" spans="1:13" ht="20.100000000000001" customHeight="1">
      <c r="A12" s="16" t="s">
        <v>19</v>
      </c>
      <c r="B12" s="17">
        <v>-172</v>
      </c>
      <c r="C12" s="18">
        <v>-76</v>
      </c>
      <c r="D12" s="18">
        <v>-96</v>
      </c>
      <c r="E12" s="17">
        <v>1</v>
      </c>
      <c r="F12" s="18">
        <v>0</v>
      </c>
      <c r="G12" s="19">
        <v>1</v>
      </c>
      <c r="H12" s="18">
        <v>267</v>
      </c>
      <c r="I12" s="18">
        <v>128</v>
      </c>
      <c r="J12" s="18">
        <v>139</v>
      </c>
      <c r="K12" s="17">
        <v>438</v>
      </c>
      <c r="L12" s="51">
        <v>204</v>
      </c>
      <c r="M12" s="52">
        <v>234</v>
      </c>
    </row>
    <row r="13" spans="1:13">
      <c r="A13" s="20" t="s">
        <v>20</v>
      </c>
      <c r="B13" s="21">
        <v>-63</v>
      </c>
      <c r="C13" s="22">
        <v>-27</v>
      </c>
      <c r="D13" s="22">
        <v>-36</v>
      </c>
      <c r="E13" s="21">
        <v>0</v>
      </c>
      <c r="F13" s="22">
        <v>0</v>
      </c>
      <c r="G13" s="23">
        <v>0</v>
      </c>
      <c r="H13" s="22">
        <v>65</v>
      </c>
      <c r="I13" s="22">
        <v>32</v>
      </c>
      <c r="J13" s="22">
        <v>33</v>
      </c>
      <c r="K13" s="21">
        <v>128</v>
      </c>
      <c r="L13" s="53">
        <v>59</v>
      </c>
      <c r="M13" s="54">
        <v>69</v>
      </c>
    </row>
    <row r="14" spans="1:13">
      <c r="A14" s="20" t="s">
        <v>21</v>
      </c>
      <c r="B14" s="21">
        <v>-32</v>
      </c>
      <c r="C14" s="22">
        <v>-16</v>
      </c>
      <c r="D14" s="22">
        <v>-16</v>
      </c>
      <c r="E14" s="21">
        <v>0</v>
      </c>
      <c r="F14" s="22">
        <v>0</v>
      </c>
      <c r="G14" s="23">
        <v>0</v>
      </c>
      <c r="H14" s="22">
        <v>65</v>
      </c>
      <c r="I14" s="22">
        <v>27</v>
      </c>
      <c r="J14" s="22">
        <v>38</v>
      </c>
      <c r="K14" s="21">
        <v>97</v>
      </c>
      <c r="L14" s="53">
        <v>43</v>
      </c>
      <c r="M14" s="54">
        <v>54</v>
      </c>
    </row>
    <row r="15" spans="1:13">
      <c r="A15" s="20" t="s">
        <v>22</v>
      </c>
      <c r="B15" s="21">
        <v>-35</v>
      </c>
      <c r="C15" s="22">
        <v>-5</v>
      </c>
      <c r="D15" s="22">
        <v>-30</v>
      </c>
      <c r="E15" s="21">
        <v>0</v>
      </c>
      <c r="F15" s="22">
        <v>0</v>
      </c>
      <c r="G15" s="23">
        <v>0</v>
      </c>
      <c r="H15" s="22">
        <v>64</v>
      </c>
      <c r="I15" s="22">
        <v>39</v>
      </c>
      <c r="J15" s="22">
        <v>25</v>
      </c>
      <c r="K15" s="21">
        <v>99</v>
      </c>
      <c r="L15" s="53">
        <v>44</v>
      </c>
      <c r="M15" s="54">
        <v>55</v>
      </c>
    </row>
    <row r="16" spans="1:13">
      <c r="A16" s="20" t="s">
        <v>23</v>
      </c>
      <c r="B16" s="21">
        <v>-35</v>
      </c>
      <c r="C16" s="22">
        <v>-19</v>
      </c>
      <c r="D16" s="22">
        <v>-16</v>
      </c>
      <c r="E16" s="21">
        <v>1</v>
      </c>
      <c r="F16" s="22">
        <v>0</v>
      </c>
      <c r="G16" s="23">
        <v>1</v>
      </c>
      <c r="H16" s="22">
        <v>34</v>
      </c>
      <c r="I16" s="22">
        <v>13</v>
      </c>
      <c r="J16" s="22">
        <v>21</v>
      </c>
      <c r="K16" s="21">
        <v>68</v>
      </c>
      <c r="L16" s="53">
        <v>32</v>
      </c>
      <c r="M16" s="54">
        <v>36</v>
      </c>
    </row>
    <row r="17" spans="1:13">
      <c r="A17" s="20" t="s">
        <v>24</v>
      </c>
      <c r="B17" s="21">
        <v>-7</v>
      </c>
      <c r="C17" s="22">
        <v>-9</v>
      </c>
      <c r="D17" s="22">
        <v>2</v>
      </c>
      <c r="E17" s="21">
        <v>0</v>
      </c>
      <c r="F17" s="22">
        <v>0</v>
      </c>
      <c r="G17" s="23">
        <v>0</v>
      </c>
      <c r="H17" s="22">
        <v>39</v>
      </c>
      <c r="I17" s="22">
        <v>17</v>
      </c>
      <c r="J17" s="22">
        <v>22</v>
      </c>
      <c r="K17" s="21">
        <v>46</v>
      </c>
      <c r="L17" s="53">
        <v>26</v>
      </c>
      <c r="M17" s="54">
        <v>20</v>
      </c>
    </row>
    <row r="18" spans="1:13" ht="20.100000000000001" customHeight="1">
      <c r="A18" s="16" t="s">
        <v>25</v>
      </c>
      <c r="B18" s="17">
        <v>8</v>
      </c>
      <c r="C18" s="18">
        <v>12</v>
      </c>
      <c r="D18" s="18">
        <v>-4</v>
      </c>
      <c r="E18" s="17">
        <v>1</v>
      </c>
      <c r="F18" s="18">
        <v>1</v>
      </c>
      <c r="G18" s="19">
        <v>0</v>
      </c>
      <c r="H18" s="18">
        <v>190</v>
      </c>
      <c r="I18" s="18">
        <v>96</v>
      </c>
      <c r="J18" s="18">
        <v>94</v>
      </c>
      <c r="K18" s="17">
        <v>181</v>
      </c>
      <c r="L18" s="51">
        <v>83</v>
      </c>
      <c r="M18" s="52">
        <v>98</v>
      </c>
    </row>
    <row r="19" spans="1:13">
      <c r="A19" s="20" t="s">
        <v>26</v>
      </c>
      <c r="B19" s="21">
        <v>-5</v>
      </c>
      <c r="C19" s="22">
        <v>-2</v>
      </c>
      <c r="D19" s="22">
        <v>-3</v>
      </c>
      <c r="E19" s="21">
        <v>0</v>
      </c>
      <c r="F19" s="22">
        <v>0</v>
      </c>
      <c r="G19" s="23">
        <v>0</v>
      </c>
      <c r="H19" s="22">
        <v>45</v>
      </c>
      <c r="I19" s="22">
        <v>19</v>
      </c>
      <c r="J19" s="22">
        <v>26</v>
      </c>
      <c r="K19" s="21">
        <v>50</v>
      </c>
      <c r="L19" s="53">
        <v>21</v>
      </c>
      <c r="M19" s="54">
        <v>29</v>
      </c>
    </row>
    <row r="20" spans="1:13">
      <c r="A20" s="20" t="s">
        <v>27</v>
      </c>
      <c r="B20" s="21">
        <v>8</v>
      </c>
      <c r="C20" s="22">
        <v>0</v>
      </c>
      <c r="D20" s="22">
        <v>8</v>
      </c>
      <c r="E20" s="21">
        <v>0</v>
      </c>
      <c r="F20" s="22">
        <v>0</v>
      </c>
      <c r="G20" s="23">
        <v>0</v>
      </c>
      <c r="H20" s="22">
        <v>39</v>
      </c>
      <c r="I20" s="22">
        <v>18</v>
      </c>
      <c r="J20" s="22">
        <v>21</v>
      </c>
      <c r="K20" s="21">
        <v>31</v>
      </c>
      <c r="L20" s="53">
        <v>18</v>
      </c>
      <c r="M20" s="54">
        <v>13</v>
      </c>
    </row>
    <row r="21" spans="1:13">
      <c r="A21" s="20" t="s">
        <v>28</v>
      </c>
      <c r="B21" s="21">
        <v>-7</v>
      </c>
      <c r="C21" s="22">
        <v>-2</v>
      </c>
      <c r="D21" s="22">
        <v>-5</v>
      </c>
      <c r="E21" s="21">
        <v>0</v>
      </c>
      <c r="F21" s="22">
        <v>0</v>
      </c>
      <c r="G21" s="23">
        <v>0</v>
      </c>
      <c r="H21" s="22">
        <v>26</v>
      </c>
      <c r="I21" s="22">
        <v>11</v>
      </c>
      <c r="J21" s="22">
        <v>15</v>
      </c>
      <c r="K21" s="21">
        <v>33</v>
      </c>
      <c r="L21" s="53">
        <v>13</v>
      </c>
      <c r="M21" s="54">
        <v>20</v>
      </c>
    </row>
    <row r="22" spans="1:13">
      <c r="A22" s="20" t="s">
        <v>29</v>
      </c>
      <c r="B22" s="21">
        <v>3</v>
      </c>
      <c r="C22" s="22">
        <v>6</v>
      </c>
      <c r="D22" s="22">
        <v>-3</v>
      </c>
      <c r="E22" s="21">
        <v>1</v>
      </c>
      <c r="F22" s="22">
        <v>1</v>
      </c>
      <c r="G22" s="23">
        <v>0</v>
      </c>
      <c r="H22" s="22">
        <v>44</v>
      </c>
      <c r="I22" s="22">
        <v>27</v>
      </c>
      <c r="J22" s="22">
        <v>17</v>
      </c>
      <c r="K22" s="21">
        <v>40</v>
      </c>
      <c r="L22" s="53">
        <v>20</v>
      </c>
      <c r="M22" s="54">
        <v>20</v>
      </c>
    </row>
    <row r="23" spans="1:13">
      <c r="A23" s="20" t="s">
        <v>30</v>
      </c>
      <c r="B23" s="21">
        <v>9</v>
      </c>
      <c r="C23" s="22">
        <v>10</v>
      </c>
      <c r="D23" s="22">
        <v>-1</v>
      </c>
      <c r="E23" s="21">
        <v>0</v>
      </c>
      <c r="F23" s="22">
        <v>0</v>
      </c>
      <c r="G23" s="23">
        <v>0</v>
      </c>
      <c r="H23" s="22">
        <v>36</v>
      </c>
      <c r="I23" s="22">
        <v>21</v>
      </c>
      <c r="J23" s="22">
        <v>15</v>
      </c>
      <c r="K23" s="21">
        <v>27</v>
      </c>
      <c r="L23" s="53">
        <v>11</v>
      </c>
      <c r="M23" s="54">
        <v>16</v>
      </c>
    </row>
    <row r="24" spans="1:13" ht="20.100000000000001" customHeight="1">
      <c r="A24" s="16" t="s">
        <v>31</v>
      </c>
      <c r="B24" s="17">
        <v>184</v>
      </c>
      <c r="C24" s="18">
        <v>101</v>
      </c>
      <c r="D24" s="18">
        <v>83</v>
      </c>
      <c r="E24" s="17">
        <v>2</v>
      </c>
      <c r="F24" s="18">
        <v>2</v>
      </c>
      <c r="G24" s="19">
        <v>0</v>
      </c>
      <c r="H24" s="18">
        <v>509</v>
      </c>
      <c r="I24" s="18">
        <v>274</v>
      </c>
      <c r="J24" s="18">
        <v>235</v>
      </c>
      <c r="K24" s="17">
        <v>323</v>
      </c>
      <c r="L24" s="51">
        <v>171</v>
      </c>
      <c r="M24" s="52">
        <v>152</v>
      </c>
    </row>
    <row r="25" spans="1:13">
      <c r="A25" s="20" t="s">
        <v>32</v>
      </c>
      <c r="B25" s="21">
        <v>10</v>
      </c>
      <c r="C25" s="22">
        <v>11</v>
      </c>
      <c r="D25" s="22">
        <v>-1</v>
      </c>
      <c r="E25" s="21">
        <v>0</v>
      </c>
      <c r="F25" s="22">
        <v>0</v>
      </c>
      <c r="G25" s="23">
        <v>0</v>
      </c>
      <c r="H25" s="22">
        <v>40</v>
      </c>
      <c r="I25" s="22">
        <v>24</v>
      </c>
      <c r="J25" s="22">
        <v>16</v>
      </c>
      <c r="K25" s="21">
        <v>30</v>
      </c>
      <c r="L25" s="53">
        <v>13</v>
      </c>
      <c r="M25" s="54">
        <v>17</v>
      </c>
    </row>
    <row r="26" spans="1:13">
      <c r="A26" s="20" t="s">
        <v>33</v>
      </c>
      <c r="B26" s="21">
        <v>-2</v>
      </c>
      <c r="C26" s="22">
        <v>3</v>
      </c>
      <c r="D26" s="22">
        <v>-5</v>
      </c>
      <c r="E26" s="21">
        <v>0</v>
      </c>
      <c r="F26" s="22">
        <v>0</v>
      </c>
      <c r="G26" s="23">
        <v>0</v>
      </c>
      <c r="H26" s="22">
        <v>48</v>
      </c>
      <c r="I26" s="22">
        <v>27</v>
      </c>
      <c r="J26" s="22">
        <v>21</v>
      </c>
      <c r="K26" s="21">
        <v>50</v>
      </c>
      <c r="L26" s="53">
        <v>24</v>
      </c>
      <c r="M26" s="54">
        <v>26</v>
      </c>
    </row>
    <row r="27" spans="1:13">
      <c r="A27" s="20" t="s">
        <v>34</v>
      </c>
      <c r="B27" s="21">
        <v>-1</v>
      </c>
      <c r="C27" s="22">
        <v>1</v>
      </c>
      <c r="D27" s="22">
        <v>-2</v>
      </c>
      <c r="E27" s="21">
        <v>1</v>
      </c>
      <c r="F27" s="22">
        <v>1</v>
      </c>
      <c r="G27" s="23">
        <v>0</v>
      </c>
      <c r="H27" s="22">
        <v>38</v>
      </c>
      <c r="I27" s="22">
        <v>20</v>
      </c>
      <c r="J27" s="22">
        <v>18</v>
      </c>
      <c r="K27" s="21">
        <v>38</v>
      </c>
      <c r="L27" s="53">
        <v>18</v>
      </c>
      <c r="M27" s="54">
        <v>20</v>
      </c>
    </row>
    <row r="28" spans="1:13">
      <c r="A28" s="20" t="s">
        <v>35</v>
      </c>
      <c r="B28" s="21">
        <v>30</v>
      </c>
      <c r="C28" s="22">
        <v>8</v>
      </c>
      <c r="D28" s="22">
        <v>22</v>
      </c>
      <c r="E28" s="21">
        <v>0</v>
      </c>
      <c r="F28" s="22">
        <v>0</v>
      </c>
      <c r="G28" s="23">
        <v>0</v>
      </c>
      <c r="H28" s="22">
        <v>91</v>
      </c>
      <c r="I28" s="22">
        <v>39</v>
      </c>
      <c r="J28" s="22">
        <v>52</v>
      </c>
      <c r="K28" s="21">
        <v>61</v>
      </c>
      <c r="L28" s="53">
        <v>31</v>
      </c>
      <c r="M28" s="54">
        <v>30</v>
      </c>
    </row>
    <row r="29" spans="1:13">
      <c r="A29" s="20" t="s">
        <v>36</v>
      </c>
      <c r="B29" s="21">
        <v>147</v>
      </c>
      <c r="C29" s="22">
        <v>78</v>
      </c>
      <c r="D29" s="22">
        <v>69</v>
      </c>
      <c r="E29" s="21">
        <v>1</v>
      </c>
      <c r="F29" s="22">
        <v>1</v>
      </c>
      <c r="G29" s="23">
        <v>0</v>
      </c>
      <c r="H29" s="22">
        <v>292</v>
      </c>
      <c r="I29" s="22">
        <v>164</v>
      </c>
      <c r="J29" s="22">
        <v>128</v>
      </c>
      <c r="K29" s="21">
        <v>144</v>
      </c>
      <c r="L29" s="53">
        <v>85</v>
      </c>
      <c r="M29" s="54">
        <v>59</v>
      </c>
    </row>
    <row r="30" spans="1:13" ht="20.100000000000001" customHeight="1">
      <c r="A30" s="16" t="s">
        <v>37</v>
      </c>
      <c r="B30" s="17">
        <v>1305</v>
      </c>
      <c r="C30" s="18">
        <v>620</v>
      </c>
      <c r="D30" s="18">
        <v>685</v>
      </c>
      <c r="E30" s="17">
        <v>2</v>
      </c>
      <c r="F30" s="18">
        <v>1</v>
      </c>
      <c r="G30" s="19">
        <v>1</v>
      </c>
      <c r="H30" s="18">
        <v>3136</v>
      </c>
      <c r="I30" s="18">
        <v>1552</v>
      </c>
      <c r="J30" s="18">
        <v>1584</v>
      </c>
      <c r="K30" s="17">
        <v>1829</v>
      </c>
      <c r="L30" s="51">
        <v>931</v>
      </c>
      <c r="M30" s="52">
        <v>898</v>
      </c>
    </row>
    <row r="31" spans="1:13">
      <c r="A31" s="20" t="s">
        <v>38</v>
      </c>
      <c r="B31" s="21">
        <v>115</v>
      </c>
      <c r="C31" s="22">
        <v>63</v>
      </c>
      <c r="D31" s="22">
        <v>52</v>
      </c>
      <c r="E31" s="21">
        <v>0</v>
      </c>
      <c r="F31" s="22">
        <v>0</v>
      </c>
      <c r="G31" s="23">
        <v>0</v>
      </c>
      <c r="H31" s="22">
        <v>241</v>
      </c>
      <c r="I31" s="22">
        <v>126</v>
      </c>
      <c r="J31" s="22">
        <v>115</v>
      </c>
      <c r="K31" s="21">
        <v>126</v>
      </c>
      <c r="L31" s="53">
        <v>63</v>
      </c>
      <c r="M31" s="54">
        <v>63</v>
      </c>
    </row>
    <row r="32" spans="1:13">
      <c r="A32" s="20" t="s">
        <v>39</v>
      </c>
      <c r="B32" s="21">
        <v>247</v>
      </c>
      <c r="C32" s="22">
        <v>127</v>
      </c>
      <c r="D32" s="22">
        <v>120</v>
      </c>
      <c r="E32" s="21">
        <v>0</v>
      </c>
      <c r="F32" s="22">
        <v>0</v>
      </c>
      <c r="G32" s="23">
        <v>0</v>
      </c>
      <c r="H32" s="22">
        <v>454</v>
      </c>
      <c r="I32" s="22">
        <v>224</v>
      </c>
      <c r="J32" s="22">
        <v>230</v>
      </c>
      <c r="K32" s="21">
        <v>207</v>
      </c>
      <c r="L32" s="53">
        <v>97</v>
      </c>
      <c r="M32" s="54">
        <v>110</v>
      </c>
    </row>
    <row r="33" spans="1:13">
      <c r="A33" s="20" t="s">
        <v>40</v>
      </c>
      <c r="B33" s="21">
        <v>215</v>
      </c>
      <c r="C33" s="22">
        <v>91</v>
      </c>
      <c r="D33" s="22">
        <v>124</v>
      </c>
      <c r="E33" s="21">
        <v>0</v>
      </c>
      <c r="F33" s="22">
        <v>0</v>
      </c>
      <c r="G33" s="23">
        <v>0</v>
      </c>
      <c r="H33" s="22">
        <v>553</v>
      </c>
      <c r="I33" s="22">
        <v>249</v>
      </c>
      <c r="J33" s="22">
        <v>304</v>
      </c>
      <c r="K33" s="21">
        <v>338</v>
      </c>
      <c r="L33" s="53">
        <v>158</v>
      </c>
      <c r="M33" s="54">
        <v>180</v>
      </c>
    </row>
    <row r="34" spans="1:13">
      <c r="A34" s="20" t="s">
        <v>41</v>
      </c>
      <c r="B34" s="21">
        <v>462</v>
      </c>
      <c r="C34" s="22">
        <v>187</v>
      </c>
      <c r="D34" s="22">
        <v>275</v>
      </c>
      <c r="E34" s="21">
        <v>1</v>
      </c>
      <c r="F34" s="22">
        <v>0</v>
      </c>
      <c r="G34" s="23">
        <v>1</v>
      </c>
      <c r="H34" s="22">
        <v>1064</v>
      </c>
      <c r="I34" s="22">
        <v>514</v>
      </c>
      <c r="J34" s="22">
        <v>550</v>
      </c>
      <c r="K34" s="21">
        <v>601</v>
      </c>
      <c r="L34" s="53">
        <v>327</v>
      </c>
      <c r="M34" s="54">
        <v>274</v>
      </c>
    </row>
    <row r="35" spans="1:13">
      <c r="A35" s="20" t="s">
        <v>42</v>
      </c>
      <c r="B35" s="21">
        <v>266</v>
      </c>
      <c r="C35" s="22">
        <v>152</v>
      </c>
      <c r="D35" s="22">
        <v>114</v>
      </c>
      <c r="E35" s="21">
        <v>1</v>
      </c>
      <c r="F35" s="22">
        <v>1</v>
      </c>
      <c r="G35" s="23">
        <v>0</v>
      </c>
      <c r="H35" s="22">
        <v>824</v>
      </c>
      <c r="I35" s="22">
        <v>439</v>
      </c>
      <c r="J35" s="22">
        <v>385</v>
      </c>
      <c r="K35" s="21">
        <v>557</v>
      </c>
      <c r="L35" s="53">
        <v>286</v>
      </c>
      <c r="M35" s="54">
        <v>271</v>
      </c>
    </row>
    <row r="36" spans="1:13" ht="20.100000000000001" customHeight="1">
      <c r="A36" s="16" t="s">
        <v>43</v>
      </c>
      <c r="B36" s="17">
        <v>578</v>
      </c>
      <c r="C36" s="18">
        <v>347</v>
      </c>
      <c r="D36" s="18">
        <v>231</v>
      </c>
      <c r="E36" s="17">
        <v>6</v>
      </c>
      <c r="F36" s="18">
        <v>5</v>
      </c>
      <c r="G36" s="19">
        <v>1</v>
      </c>
      <c r="H36" s="18">
        <v>4072</v>
      </c>
      <c r="I36" s="18">
        <v>2149</v>
      </c>
      <c r="J36" s="18">
        <v>1923</v>
      </c>
      <c r="K36" s="17">
        <v>3488</v>
      </c>
      <c r="L36" s="51">
        <v>1797</v>
      </c>
      <c r="M36" s="52">
        <v>1691</v>
      </c>
    </row>
    <row r="37" spans="1:13">
      <c r="A37" s="20" t="s">
        <v>44</v>
      </c>
      <c r="B37" s="21">
        <v>213</v>
      </c>
      <c r="C37" s="22">
        <v>128</v>
      </c>
      <c r="D37" s="22">
        <v>85</v>
      </c>
      <c r="E37" s="21">
        <v>0</v>
      </c>
      <c r="F37" s="22">
        <v>0</v>
      </c>
      <c r="G37" s="23">
        <v>0</v>
      </c>
      <c r="H37" s="22">
        <v>942</v>
      </c>
      <c r="I37" s="22">
        <v>508</v>
      </c>
      <c r="J37" s="22">
        <v>434</v>
      </c>
      <c r="K37" s="21">
        <v>729</v>
      </c>
      <c r="L37" s="53">
        <v>380</v>
      </c>
      <c r="M37" s="54">
        <v>349</v>
      </c>
    </row>
    <row r="38" spans="1:13">
      <c r="A38" s="20" t="s">
        <v>45</v>
      </c>
      <c r="B38" s="21">
        <v>139</v>
      </c>
      <c r="C38" s="22">
        <v>101</v>
      </c>
      <c r="D38" s="22">
        <v>38</v>
      </c>
      <c r="E38" s="21">
        <v>0</v>
      </c>
      <c r="F38" s="22">
        <v>0</v>
      </c>
      <c r="G38" s="23">
        <v>0</v>
      </c>
      <c r="H38" s="22">
        <v>847</v>
      </c>
      <c r="I38" s="22">
        <v>455</v>
      </c>
      <c r="J38" s="22">
        <v>392</v>
      </c>
      <c r="K38" s="21">
        <v>708</v>
      </c>
      <c r="L38" s="53">
        <v>354</v>
      </c>
      <c r="M38" s="54">
        <v>354</v>
      </c>
    </row>
    <row r="39" spans="1:13">
      <c r="A39" s="20" t="s">
        <v>46</v>
      </c>
      <c r="B39" s="21">
        <v>135</v>
      </c>
      <c r="C39" s="22">
        <v>78</v>
      </c>
      <c r="D39" s="22">
        <v>57</v>
      </c>
      <c r="E39" s="21">
        <v>3</v>
      </c>
      <c r="F39" s="22">
        <v>3</v>
      </c>
      <c r="G39" s="23">
        <v>0</v>
      </c>
      <c r="H39" s="22">
        <v>801</v>
      </c>
      <c r="I39" s="22">
        <v>422</v>
      </c>
      <c r="J39" s="22">
        <v>379</v>
      </c>
      <c r="K39" s="21">
        <v>663</v>
      </c>
      <c r="L39" s="53">
        <v>341</v>
      </c>
      <c r="M39" s="54">
        <v>322</v>
      </c>
    </row>
    <row r="40" spans="1:13">
      <c r="A40" s="20" t="s">
        <v>47</v>
      </c>
      <c r="B40" s="21">
        <v>27</v>
      </c>
      <c r="C40" s="22">
        <v>19</v>
      </c>
      <c r="D40" s="22">
        <v>8</v>
      </c>
      <c r="E40" s="21">
        <v>0</v>
      </c>
      <c r="F40" s="22">
        <v>0</v>
      </c>
      <c r="G40" s="23">
        <v>0</v>
      </c>
      <c r="H40" s="22">
        <v>770</v>
      </c>
      <c r="I40" s="22">
        <v>404</v>
      </c>
      <c r="J40" s="22">
        <v>366</v>
      </c>
      <c r="K40" s="21">
        <v>743</v>
      </c>
      <c r="L40" s="53">
        <v>385</v>
      </c>
      <c r="M40" s="54">
        <v>358</v>
      </c>
    </row>
    <row r="41" spans="1:13">
      <c r="A41" s="20" t="s">
        <v>48</v>
      </c>
      <c r="B41" s="21">
        <v>64</v>
      </c>
      <c r="C41" s="22">
        <v>21</v>
      </c>
      <c r="D41" s="22">
        <v>43</v>
      </c>
      <c r="E41" s="21">
        <v>3</v>
      </c>
      <c r="F41" s="22">
        <v>2</v>
      </c>
      <c r="G41" s="23">
        <v>1</v>
      </c>
      <c r="H41" s="22">
        <v>712</v>
      </c>
      <c r="I41" s="22">
        <v>360</v>
      </c>
      <c r="J41" s="22">
        <v>352</v>
      </c>
      <c r="K41" s="21">
        <v>645</v>
      </c>
      <c r="L41" s="53">
        <v>337</v>
      </c>
      <c r="M41" s="54">
        <v>308</v>
      </c>
    </row>
    <row r="42" spans="1:13" ht="20.100000000000001" customHeight="1">
      <c r="A42" s="16" t="s">
        <v>49</v>
      </c>
      <c r="B42" s="17">
        <v>-166</v>
      </c>
      <c r="C42" s="18">
        <v>-134</v>
      </c>
      <c r="D42" s="18">
        <v>-32</v>
      </c>
      <c r="E42" s="17">
        <v>7</v>
      </c>
      <c r="F42" s="18">
        <v>5</v>
      </c>
      <c r="G42" s="19">
        <v>2</v>
      </c>
      <c r="H42" s="18">
        <v>2659</v>
      </c>
      <c r="I42" s="18">
        <v>1345</v>
      </c>
      <c r="J42" s="18">
        <v>1314</v>
      </c>
      <c r="K42" s="17">
        <v>2818</v>
      </c>
      <c r="L42" s="51">
        <v>1474</v>
      </c>
      <c r="M42" s="52">
        <v>1344</v>
      </c>
    </row>
    <row r="43" spans="1:13">
      <c r="A43" s="20" t="s">
        <v>50</v>
      </c>
      <c r="B43" s="21">
        <v>-11</v>
      </c>
      <c r="C43" s="22">
        <v>-44</v>
      </c>
      <c r="D43" s="22">
        <v>33</v>
      </c>
      <c r="E43" s="21">
        <v>3</v>
      </c>
      <c r="F43" s="22">
        <v>2</v>
      </c>
      <c r="G43" s="23">
        <v>1</v>
      </c>
      <c r="H43" s="22">
        <v>649</v>
      </c>
      <c r="I43" s="22">
        <v>305</v>
      </c>
      <c r="J43" s="22">
        <v>344</v>
      </c>
      <c r="K43" s="21">
        <v>657</v>
      </c>
      <c r="L43" s="53">
        <v>347</v>
      </c>
      <c r="M43" s="54">
        <v>310</v>
      </c>
    </row>
    <row r="44" spans="1:13">
      <c r="A44" s="20" t="s">
        <v>51</v>
      </c>
      <c r="B44" s="21">
        <v>2</v>
      </c>
      <c r="C44" s="22">
        <v>10</v>
      </c>
      <c r="D44" s="22">
        <v>-8</v>
      </c>
      <c r="E44" s="21">
        <v>1</v>
      </c>
      <c r="F44" s="22">
        <v>1</v>
      </c>
      <c r="G44" s="23">
        <v>0</v>
      </c>
      <c r="H44" s="22">
        <v>620</v>
      </c>
      <c r="I44" s="22">
        <v>324</v>
      </c>
      <c r="J44" s="22">
        <v>296</v>
      </c>
      <c r="K44" s="21">
        <v>617</v>
      </c>
      <c r="L44" s="53">
        <v>313</v>
      </c>
      <c r="M44" s="54">
        <v>304</v>
      </c>
    </row>
    <row r="45" spans="1:13">
      <c r="A45" s="20" t="s">
        <v>52</v>
      </c>
      <c r="B45" s="21">
        <v>-37</v>
      </c>
      <c r="C45" s="22">
        <v>-22</v>
      </c>
      <c r="D45" s="22">
        <v>-15</v>
      </c>
      <c r="E45" s="21">
        <v>0</v>
      </c>
      <c r="F45" s="22">
        <v>0</v>
      </c>
      <c r="G45" s="23">
        <v>0</v>
      </c>
      <c r="H45" s="22">
        <v>525</v>
      </c>
      <c r="I45" s="22">
        <v>267</v>
      </c>
      <c r="J45" s="22">
        <v>258</v>
      </c>
      <c r="K45" s="21">
        <v>562</v>
      </c>
      <c r="L45" s="53">
        <v>289</v>
      </c>
      <c r="M45" s="54">
        <v>273</v>
      </c>
    </row>
    <row r="46" spans="1:13">
      <c r="A46" s="20" t="s">
        <v>53</v>
      </c>
      <c r="B46" s="21">
        <v>-72</v>
      </c>
      <c r="C46" s="22">
        <v>-24</v>
      </c>
      <c r="D46" s="22">
        <v>-48</v>
      </c>
      <c r="E46" s="21">
        <v>2</v>
      </c>
      <c r="F46" s="22">
        <v>1</v>
      </c>
      <c r="G46" s="23">
        <v>1</v>
      </c>
      <c r="H46" s="22">
        <v>454</v>
      </c>
      <c r="I46" s="22">
        <v>244</v>
      </c>
      <c r="J46" s="22">
        <v>210</v>
      </c>
      <c r="K46" s="21">
        <v>524</v>
      </c>
      <c r="L46" s="53">
        <v>267</v>
      </c>
      <c r="M46" s="54">
        <v>257</v>
      </c>
    </row>
    <row r="47" spans="1:13">
      <c r="A47" s="20" t="s">
        <v>54</v>
      </c>
      <c r="B47" s="21">
        <v>-48</v>
      </c>
      <c r="C47" s="22">
        <v>-54</v>
      </c>
      <c r="D47" s="22">
        <v>6</v>
      </c>
      <c r="E47" s="21">
        <v>1</v>
      </c>
      <c r="F47" s="22">
        <v>1</v>
      </c>
      <c r="G47" s="23">
        <v>0</v>
      </c>
      <c r="H47" s="22">
        <v>411</v>
      </c>
      <c r="I47" s="22">
        <v>205</v>
      </c>
      <c r="J47" s="22">
        <v>206</v>
      </c>
      <c r="K47" s="21">
        <v>458</v>
      </c>
      <c r="L47" s="53">
        <v>258</v>
      </c>
      <c r="M47" s="54">
        <v>200</v>
      </c>
    </row>
    <row r="48" spans="1:13" ht="20.100000000000001" customHeight="1">
      <c r="A48" s="16" t="s">
        <v>55</v>
      </c>
      <c r="B48" s="17">
        <v>-306</v>
      </c>
      <c r="C48" s="18">
        <v>-194</v>
      </c>
      <c r="D48" s="18">
        <v>-112</v>
      </c>
      <c r="E48" s="17">
        <v>2</v>
      </c>
      <c r="F48" s="18">
        <v>2</v>
      </c>
      <c r="G48" s="19">
        <v>0</v>
      </c>
      <c r="H48" s="18">
        <v>1503</v>
      </c>
      <c r="I48" s="18">
        <v>816</v>
      </c>
      <c r="J48" s="18">
        <v>687</v>
      </c>
      <c r="K48" s="17">
        <v>1807</v>
      </c>
      <c r="L48" s="51">
        <v>1008</v>
      </c>
      <c r="M48" s="52">
        <v>799</v>
      </c>
    </row>
    <row r="49" spans="1:13">
      <c r="A49" s="20" t="s">
        <v>56</v>
      </c>
      <c r="B49" s="21">
        <v>-9</v>
      </c>
      <c r="C49" s="22">
        <v>-34</v>
      </c>
      <c r="D49" s="22">
        <v>25</v>
      </c>
      <c r="E49" s="21">
        <v>0</v>
      </c>
      <c r="F49" s="22">
        <v>0</v>
      </c>
      <c r="G49" s="23">
        <v>0</v>
      </c>
      <c r="H49" s="22">
        <v>410</v>
      </c>
      <c r="I49" s="22">
        <v>191</v>
      </c>
      <c r="J49" s="22">
        <v>219</v>
      </c>
      <c r="K49" s="21">
        <v>419</v>
      </c>
      <c r="L49" s="53">
        <v>225</v>
      </c>
      <c r="M49" s="54">
        <v>194</v>
      </c>
    </row>
    <row r="50" spans="1:13">
      <c r="A50" s="20" t="s">
        <v>57</v>
      </c>
      <c r="B50" s="21">
        <v>-72</v>
      </c>
      <c r="C50" s="22">
        <v>-42</v>
      </c>
      <c r="D50" s="22">
        <v>-30</v>
      </c>
      <c r="E50" s="21">
        <v>1</v>
      </c>
      <c r="F50" s="22">
        <v>1</v>
      </c>
      <c r="G50" s="23">
        <v>0</v>
      </c>
      <c r="H50" s="22">
        <v>347</v>
      </c>
      <c r="I50" s="22">
        <v>198</v>
      </c>
      <c r="J50" s="22">
        <v>149</v>
      </c>
      <c r="K50" s="21">
        <v>418</v>
      </c>
      <c r="L50" s="53">
        <v>239</v>
      </c>
      <c r="M50" s="54">
        <v>179</v>
      </c>
    </row>
    <row r="51" spans="1:13">
      <c r="A51" s="20" t="s">
        <v>58</v>
      </c>
      <c r="B51" s="21">
        <v>-109</v>
      </c>
      <c r="C51" s="22">
        <v>-62</v>
      </c>
      <c r="D51" s="22">
        <v>-47</v>
      </c>
      <c r="E51" s="21">
        <v>0</v>
      </c>
      <c r="F51" s="22">
        <v>0</v>
      </c>
      <c r="G51" s="23">
        <v>0</v>
      </c>
      <c r="H51" s="22">
        <v>270</v>
      </c>
      <c r="I51" s="22">
        <v>149</v>
      </c>
      <c r="J51" s="22">
        <v>121</v>
      </c>
      <c r="K51" s="21">
        <v>379</v>
      </c>
      <c r="L51" s="53">
        <v>211</v>
      </c>
      <c r="M51" s="54">
        <v>168</v>
      </c>
    </row>
    <row r="52" spans="1:13">
      <c r="A52" s="20" t="s">
        <v>59</v>
      </c>
      <c r="B52" s="21">
        <v>-18</v>
      </c>
      <c r="C52" s="22">
        <v>7</v>
      </c>
      <c r="D52" s="22">
        <v>-25</v>
      </c>
      <c r="E52" s="21">
        <v>0</v>
      </c>
      <c r="F52" s="22">
        <v>0</v>
      </c>
      <c r="G52" s="23">
        <v>0</v>
      </c>
      <c r="H52" s="22">
        <v>278</v>
      </c>
      <c r="I52" s="22">
        <v>154</v>
      </c>
      <c r="J52" s="22">
        <v>124</v>
      </c>
      <c r="K52" s="21">
        <v>296</v>
      </c>
      <c r="L52" s="53">
        <v>147</v>
      </c>
      <c r="M52" s="54">
        <v>149</v>
      </c>
    </row>
    <row r="53" spans="1:13">
      <c r="A53" s="20" t="s">
        <v>60</v>
      </c>
      <c r="B53" s="21">
        <v>-98</v>
      </c>
      <c r="C53" s="22">
        <v>-63</v>
      </c>
      <c r="D53" s="22">
        <v>-35</v>
      </c>
      <c r="E53" s="21">
        <v>1</v>
      </c>
      <c r="F53" s="22">
        <v>1</v>
      </c>
      <c r="G53" s="23">
        <v>0</v>
      </c>
      <c r="H53" s="22">
        <v>198</v>
      </c>
      <c r="I53" s="22">
        <v>124</v>
      </c>
      <c r="J53" s="22">
        <v>74</v>
      </c>
      <c r="K53" s="21">
        <v>295</v>
      </c>
      <c r="L53" s="53">
        <v>186</v>
      </c>
      <c r="M53" s="54">
        <v>109</v>
      </c>
    </row>
    <row r="54" spans="1:13" ht="20.100000000000001" customHeight="1">
      <c r="A54" s="16" t="s">
        <v>61</v>
      </c>
      <c r="B54" s="17">
        <v>-199</v>
      </c>
      <c r="C54" s="18">
        <v>-124</v>
      </c>
      <c r="D54" s="18">
        <v>-75</v>
      </c>
      <c r="E54" s="17">
        <v>16</v>
      </c>
      <c r="F54" s="18">
        <v>9</v>
      </c>
      <c r="G54" s="19">
        <v>7</v>
      </c>
      <c r="H54" s="18">
        <v>919</v>
      </c>
      <c r="I54" s="18">
        <v>533</v>
      </c>
      <c r="J54" s="18">
        <v>386</v>
      </c>
      <c r="K54" s="17">
        <v>1102</v>
      </c>
      <c r="L54" s="51">
        <v>648</v>
      </c>
      <c r="M54" s="52">
        <v>454</v>
      </c>
    </row>
    <row r="55" spans="1:13">
      <c r="A55" s="20" t="s">
        <v>62</v>
      </c>
      <c r="B55" s="21">
        <v>-65</v>
      </c>
      <c r="C55" s="22">
        <v>-45</v>
      </c>
      <c r="D55" s="22">
        <v>-20</v>
      </c>
      <c r="E55" s="21">
        <v>6</v>
      </c>
      <c r="F55" s="22">
        <v>5</v>
      </c>
      <c r="G55" s="23">
        <v>1</v>
      </c>
      <c r="H55" s="22">
        <v>211</v>
      </c>
      <c r="I55" s="22">
        <v>119</v>
      </c>
      <c r="J55" s="22">
        <v>92</v>
      </c>
      <c r="K55" s="21">
        <v>270</v>
      </c>
      <c r="L55" s="53">
        <v>159</v>
      </c>
      <c r="M55" s="54">
        <v>111</v>
      </c>
    </row>
    <row r="56" spans="1:13">
      <c r="A56" s="20" t="s">
        <v>63</v>
      </c>
      <c r="B56" s="21">
        <v>-40</v>
      </c>
      <c r="C56" s="22">
        <v>-11</v>
      </c>
      <c r="D56" s="22">
        <v>-29</v>
      </c>
      <c r="E56" s="21">
        <v>1</v>
      </c>
      <c r="F56" s="22">
        <v>0</v>
      </c>
      <c r="G56" s="23">
        <v>1</v>
      </c>
      <c r="H56" s="22">
        <v>185</v>
      </c>
      <c r="I56" s="22">
        <v>115</v>
      </c>
      <c r="J56" s="22">
        <v>70</v>
      </c>
      <c r="K56" s="21">
        <v>224</v>
      </c>
      <c r="L56" s="53">
        <v>126</v>
      </c>
      <c r="M56" s="54">
        <v>98</v>
      </c>
    </row>
    <row r="57" spans="1:13">
      <c r="A57" s="20" t="s">
        <v>64</v>
      </c>
      <c r="B57" s="21">
        <v>-58</v>
      </c>
      <c r="C57" s="22">
        <v>-35</v>
      </c>
      <c r="D57" s="22">
        <v>-23</v>
      </c>
      <c r="E57" s="21">
        <v>2</v>
      </c>
      <c r="F57" s="22">
        <v>1</v>
      </c>
      <c r="G57" s="23">
        <v>1</v>
      </c>
      <c r="H57" s="22">
        <v>174</v>
      </c>
      <c r="I57" s="22">
        <v>106</v>
      </c>
      <c r="J57" s="22">
        <v>68</v>
      </c>
      <c r="K57" s="21">
        <v>230</v>
      </c>
      <c r="L57" s="53">
        <v>140</v>
      </c>
      <c r="M57" s="54">
        <v>90</v>
      </c>
    </row>
    <row r="58" spans="1:13">
      <c r="A58" s="20" t="s">
        <v>65</v>
      </c>
      <c r="B58" s="21">
        <v>-21</v>
      </c>
      <c r="C58" s="22">
        <v>-21</v>
      </c>
      <c r="D58" s="22">
        <v>0</v>
      </c>
      <c r="E58" s="21">
        <v>2</v>
      </c>
      <c r="F58" s="22">
        <v>1</v>
      </c>
      <c r="G58" s="23">
        <v>1</v>
      </c>
      <c r="H58" s="22">
        <v>185</v>
      </c>
      <c r="I58" s="22">
        <v>99</v>
      </c>
      <c r="J58" s="22">
        <v>86</v>
      </c>
      <c r="K58" s="21">
        <v>204</v>
      </c>
      <c r="L58" s="53">
        <v>119</v>
      </c>
      <c r="M58" s="54">
        <v>85</v>
      </c>
    </row>
    <row r="59" spans="1:13">
      <c r="A59" s="20" t="s">
        <v>66</v>
      </c>
      <c r="B59" s="21">
        <v>-15</v>
      </c>
      <c r="C59" s="22">
        <v>-12</v>
      </c>
      <c r="D59" s="22">
        <v>-3</v>
      </c>
      <c r="E59" s="21">
        <v>5</v>
      </c>
      <c r="F59" s="22">
        <v>2</v>
      </c>
      <c r="G59" s="23">
        <v>3</v>
      </c>
      <c r="H59" s="22">
        <v>164</v>
      </c>
      <c r="I59" s="22">
        <v>94</v>
      </c>
      <c r="J59" s="22">
        <v>70</v>
      </c>
      <c r="K59" s="21">
        <v>174</v>
      </c>
      <c r="L59" s="53">
        <v>104</v>
      </c>
      <c r="M59" s="54">
        <v>70</v>
      </c>
    </row>
    <row r="60" spans="1:13" ht="20.100000000000001" customHeight="1">
      <c r="A60" s="16" t="s">
        <v>67</v>
      </c>
      <c r="B60" s="17">
        <v>-165</v>
      </c>
      <c r="C60" s="18">
        <v>-86</v>
      </c>
      <c r="D60" s="18">
        <v>-79</v>
      </c>
      <c r="E60" s="17">
        <v>20</v>
      </c>
      <c r="F60" s="18">
        <v>13</v>
      </c>
      <c r="G60" s="19">
        <v>7</v>
      </c>
      <c r="H60" s="18">
        <v>685</v>
      </c>
      <c r="I60" s="18">
        <v>393</v>
      </c>
      <c r="J60" s="18">
        <v>292</v>
      </c>
      <c r="K60" s="17">
        <v>830</v>
      </c>
      <c r="L60" s="51">
        <v>466</v>
      </c>
      <c r="M60" s="52">
        <v>364</v>
      </c>
    </row>
    <row r="61" spans="1:13">
      <c r="A61" s="20" t="s">
        <v>68</v>
      </c>
      <c r="B61" s="21">
        <v>-40</v>
      </c>
      <c r="C61" s="22">
        <v>-25</v>
      </c>
      <c r="D61" s="22">
        <v>-15</v>
      </c>
      <c r="E61" s="21">
        <v>4</v>
      </c>
      <c r="F61" s="22">
        <v>3</v>
      </c>
      <c r="G61" s="23">
        <v>1</v>
      </c>
      <c r="H61" s="22">
        <v>135</v>
      </c>
      <c r="I61" s="22">
        <v>74</v>
      </c>
      <c r="J61" s="22">
        <v>61</v>
      </c>
      <c r="K61" s="21">
        <v>171</v>
      </c>
      <c r="L61" s="53">
        <v>96</v>
      </c>
      <c r="M61" s="54">
        <v>75</v>
      </c>
    </row>
    <row r="62" spans="1:13">
      <c r="A62" s="20" t="s">
        <v>69</v>
      </c>
      <c r="B62" s="21">
        <v>-11</v>
      </c>
      <c r="C62" s="22">
        <v>-16</v>
      </c>
      <c r="D62" s="22">
        <v>5</v>
      </c>
      <c r="E62" s="21">
        <v>4</v>
      </c>
      <c r="F62" s="22">
        <v>2</v>
      </c>
      <c r="G62" s="23">
        <v>2</v>
      </c>
      <c r="H62" s="22">
        <v>150</v>
      </c>
      <c r="I62" s="22">
        <v>77</v>
      </c>
      <c r="J62" s="22">
        <v>73</v>
      </c>
      <c r="K62" s="21">
        <v>157</v>
      </c>
      <c r="L62" s="53">
        <v>91</v>
      </c>
      <c r="M62" s="54">
        <v>66</v>
      </c>
    </row>
    <row r="63" spans="1:13">
      <c r="A63" s="20" t="s">
        <v>70</v>
      </c>
      <c r="B63" s="21">
        <v>-30</v>
      </c>
      <c r="C63" s="22">
        <v>-8</v>
      </c>
      <c r="D63" s="22">
        <v>-22</v>
      </c>
      <c r="E63" s="21">
        <v>6</v>
      </c>
      <c r="F63" s="22">
        <v>3</v>
      </c>
      <c r="G63" s="23">
        <v>3</v>
      </c>
      <c r="H63" s="22">
        <v>130</v>
      </c>
      <c r="I63" s="22">
        <v>77</v>
      </c>
      <c r="J63" s="22">
        <v>53</v>
      </c>
      <c r="K63" s="21">
        <v>154</v>
      </c>
      <c r="L63" s="53">
        <v>82</v>
      </c>
      <c r="M63" s="54">
        <v>72</v>
      </c>
    </row>
    <row r="64" spans="1:13">
      <c r="A64" s="20" t="s">
        <v>71</v>
      </c>
      <c r="B64" s="21">
        <v>-41</v>
      </c>
      <c r="C64" s="22">
        <v>-14</v>
      </c>
      <c r="D64" s="22">
        <v>-27</v>
      </c>
      <c r="E64" s="21">
        <v>0</v>
      </c>
      <c r="F64" s="22">
        <v>0</v>
      </c>
      <c r="G64" s="23">
        <v>0</v>
      </c>
      <c r="H64" s="22">
        <v>127</v>
      </c>
      <c r="I64" s="22">
        <v>77</v>
      </c>
      <c r="J64" s="22">
        <v>50</v>
      </c>
      <c r="K64" s="21">
        <v>168</v>
      </c>
      <c r="L64" s="53">
        <v>91</v>
      </c>
      <c r="M64" s="54">
        <v>77</v>
      </c>
    </row>
    <row r="65" spans="1:13">
      <c r="A65" s="24" t="s">
        <v>72</v>
      </c>
      <c r="B65" s="25">
        <v>-43</v>
      </c>
      <c r="C65" s="26">
        <v>-23</v>
      </c>
      <c r="D65" s="26">
        <v>-20</v>
      </c>
      <c r="E65" s="25">
        <v>6</v>
      </c>
      <c r="F65" s="26">
        <v>5</v>
      </c>
      <c r="G65" s="27">
        <v>1</v>
      </c>
      <c r="H65" s="26">
        <v>143</v>
      </c>
      <c r="I65" s="26">
        <v>88</v>
      </c>
      <c r="J65" s="26">
        <v>55</v>
      </c>
      <c r="K65" s="25">
        <v>180</v>
      </c>
      <c r="L65" s="55">
        <v>106</v>
      </c>
      <c r="M65" s="56">
        <v>74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118</v>
      </c>
      <c r="C69" s="58">
        <v>1084</v>
      </c>
      <c r="D69" s="59">
        <v>1034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118</v>
      </c>
      <c r="C70" s="61">
        <v>1084</v>
      </c>
      <c r="D70" s="62">
        <v>1034</v>
      </c>
    </row>
    <row r="71" spans="1:13">
      <c r="A71" s="24" t="s">
        <v>14</v>
      </c>
      <c r="B71" s="63">
        <v>2118</v>
      </c>
      <c r="C71" s="64">
        <v>1084</v>
      </c>
      <c r="D71" s="65">
        <v>1034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7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92</v>
      </c>
      <c r="C77" s="18">
        <v>-61</v>
      </c>
      <c r="D77" s="18">
        <v>-31</v>
      </c>
      <c r="E77" s="17">
        <v>34</v>
      </c>
      <c r="F77" s="18">
        <v>18</v>
      </c>
      <c r="G77" s="19">
        <v>16</v>
      </c>
      <c r="H77" s="18">
        <v>492</v>
      </c>
      <c r="I77" s="18">
        <v>279</v>
      </c>
      <c r="J77" s="18">
        <v>213</v>
      </c>
      <c r="K77" s="17">
        <v>550</v>
      </c>
      <c r="L77" s="51">
        <v>322</v>
      </c>
      <c r="M77" s="52">
        <v>228</v>
      </c>
    </row>
    <row r="78" spans="1:13">
      <c r="A78" s="40" t="s">
        <v>81</v>
      </c>
      <c r="B78" s="21">
        <v>-36</v>
      </c>
      <c r="C78" s="22">
        <v>-37</v>
      </c>
      <c r="D78" s="22">
        <v>1</v>
      </c>
      <c r="E78" s="21">
        <v>6</v>
      </c>
      <c r="F78" s="22">
        <v>4</v>
      </c>
      <c r="G78" s="23">
        <v>2</v>
      </c>
      <c r="H78" s="22">
        <v>117</v>
      </c>
      <c r="I78" s="22">
        <v>60</v>
      </c>
      <c r="J78" s="22">
        <v>57</v>
      </c>
      <c r="K78" s="21">
        <v>147</v>
      </c>
      <c r="L78" s="53">
        <v>93</v>
      </c>
      <c r="M78" s="54">
        <v>54</v>
      </c>
    </row>
    <row r="79" spans="1:13">
      <c r="A79" s="40" t="s">
        <v>82</v>
      </c>
      <c r="B79" s="21">
        <v>-17</v>
      </c>
      <c r="C79" s="22">
        <v>-8</v>
      </c>
      <c r="D79" s="22">
        <v>-9</v>
      </c>
      <c r="E79" s="21">
        <v>5</v>
      </c>
      <c r="F79" s="22">
        <v>3</v>
      </c>
      <c r="G79" s="23">
        <v>2</v>
      </c>
      <c r="H79" s="22">
        <v>104</v>
      </c>
      <c r="I79" s="22">
        <v>63</v>
      </c>
      <c r="J79" s="22">
        <v>41</v>
      </c>
      <c r="K79" s="21">
        <v>116</v>
      </c>
      <c r="L79" s="53">
        <v>68</v>
      </c>
      <c r="M79" s="54">
        <v>48</v>
      </c>
    </row>
    <row r="80" spans="1:13">
      <c r="A80" s="40" t="s">
        <v>83</v>
      </c>
      <c r="B80" s="21">
        <v>6</v>
      </c>
      <c r="C80" s="22">
        <v>9</v>
      </c>
      <c r="D80" s="22">
        <v>-3</v>
      </c>
      <c r="E80" s="21">
        <v>10</v>
      </c>
      <c r="F80" s="22">
        <v>4</v>
      </c>
      <c r="G80" s="23">
        <v>6</v>
      </c>
      <c r="H80" s="22">
        <v>119</v>
      </c>
      <c r="I80" s="22">
        <v>73</v>
      </c>
      <c r="J80" s="22">
        <v>46</v>
      </c>
      <c r="K80" s="21">
        <v>103</v>
      </c>
      <c r="L80" s="53">
        <v>60</v>
      </c>
      <c r="M80" s="54">
        <v>43</v>
      </c>
    </row>
    <row r="81" spans="1:13">
      <c r="A81" s="40" t="s">
        <v>84</v>
      </c>
      <c r="B81" s="21">
        <v>-24</v>
      </c>
      <c r="C81" s="22">
        <v>-10</v>
      </c>
      <c r="D81" s="22">
        <v>-14</v>
      </c>
      <c r="E81" s="21">
        <v>7</v>
      </c>
      <c r="F81" s="22">
        <v>2</v>
      </c>
      <c r="G81" s="23">
        <v>5</v>
      </c>
      <c r="H81" s="22">
        <v>59</v>
      </c>
      <c r="I81" s="22">
        <v>31</v>
      </c>
      <c r="J81" s="22">
        <v>28</v>
      </c>
      <c r="K81" s="21">
        <v>76</v>
      </c>
      <c r="L81" s="53">
        <v>39</v>
      </c>
      <c r="M81" s="54">
        <v>37</v>
      </c>
    </row>
    <row r="82" spans="1:13">
      <c r="A82" s="40" t="s">
        <v>85</v>
      </c>
      <c r="B82" s="21">
        <v>-21</v>
      </c>
      <c r="C82" s="22">
        <v>-15</v>
      </c>
      <c r="D82" s="22">
        <v>-6</v>
      </c>
      <c r="E82" s="21">
        <v>6</v>
      </c>
      <c r="F82" s="22">
        <v>5</v>
      </c>
      <c r="G82" s="23">
        <v>1</v>
      </c>
      <c r="H82" s="22">
        <v>93</v>
      </c>
      <c r="I82" s="22">
        <v>52</v>
      </c>
      <c r="J82" s="22">
        <v>41</v>
      </c>
      <c r="K82" s="21">
        <v>108</v>
      </c>
      <c r="L82" s="53">
        <v>62</v>
      </c>
      <c r="M82" s="54">
        <v>46</v>
      </c>
    </row>
    <row r="83" spans="1:13" ht="19.5" customHeight="1">
      <c r="A83" s="34" t="s">
        <v>86</v>
      </c>
      <c r="B83" s="17">
        <v>-140</v>
      </c>
      <c r="C83" s="18">
        <v>-96</v>
      </c>
      <c r="D83" s="18">
        <v>-44</v>
      </c>
      <c r="E83" s="17">
        <v>37</v>
      </c>
      <c r="F83" s="18">
        <v>27</v>
      </c>
      <c r="G83" s="19">
        <v>10</v>
      </c>
      <c r="H83" s="18">
        <v>306</v>
      </c>
      <c r="I83" s="18">
        <v>165</v>
      </c>
      <c r="J83" s="18">
        <v>141</v>
      </c>
      <c r="K83" s="17">
        <v>409</v>
      </c>
      <c r="L83" s="51">
        <v>234</v>
      </c>
      <c r="M83" s="52">
        <v>175</v>
      </c>
    </row>
    <row r="84" spans="1:13">
      <c r="A84" s="40" t="s">
        <v>87</v>
      </c>
      <c r="B84" s="21">
        <v>-23</v>
      </c>
      <c r="C84" s="22">
        <v>-18</v>
      </c>
      <c r="D84" s="22">
        <v>-5</v>
      </c>
      <c r="E84" s="21">
        <v>8</v>
      </c>
      <c r="F84" s="22">
        <v>6</v>
      </c>
      <c r="G84" s="23">
        <v>2</v>
      </c>
      <c r="H84" s="22">
        <v>79</v>
      </c>
      <c r="I84" s="22">
        <v>46</v>
      </c>
      <c r="J84" s="22">
        <v>33</v>
      </c>
      <c r="K84" s="21">
        <v>94</v>
      </c>
      <c r="L84" s="53">
        <v>58</v>
      </c>
      <c r="M84" s="54">
        <v>36</v>
      </c>
    </row>
    <row r="85" spans="1:13">
      <c r="A85" s="40" t="s">
        <v>88</v>
      </c>
      <c r="B85" s="21">
        <v>-51</v>
      </c>
      <c r="C85" s="22">
        <v>-41</v>
      </c>
      <c r="D85" s="22">
        <v>-10</v>
      </c>
      <c r="E85" s="21">
        <v>9</v>
      </c>
      <c r="F85" s="22">
        <v>7</v>
      </c>
      <c r="G85" s="23">
        <v>2</v>
      </c>
      <c r="H85" s="22">
        <v>55</v>
      </c>
      <c r="I85" s="22">
        <v>27</v>
      </c>
      <c r="J85" s="22">
        <v>28</v>
      </c>
      <c r="K85" s="21">
        <v>97</v>
      </c>
      <c r="L85" s="53">
        <v>61</v>
      </c>
      <c r="M85" s="54">
        <v>36</v>
      </c>
    </row>
    <row r="86" spans="1:13">
      <c r="A86" s="40" t="s">
        <v>89</v>
      </c>
      <c r="B86" s="21">
        <v>-22</v>
      </c>
      <c r="C86" s="22">
        <v>-18</v>
      </c>
      <c r="D86" s="22">
        <v>-4</v>
      </c>
      <c r="E86" s="21">
        <v>7</v>
      </c>
      <c r="F86" s="22">
        <v>6</v>
      </c>
      <c r="G86" s="23">
        <v>1</v>
      </c>
      <c r="H86" s="22">
        <v>62</v>
      </c>
      <c r="I86" s="22">
        <v>32</v>
      </c>
      <c r="J86" s="22">
        <v>30</v>
      </c>
      <c r="K86" s="21">
        <v>77</v>
      </c>
      <c r="L86" s="53">
        <v>44</v>
      </c>
      <c r="M86" s="54">
        <v>33</v>
      </c>
    </row>
    <row r="87" spans="1:13">
      <c r="A87" s="40" t="s">
        <v>90</v>
      </c>
      <c r="B87" s="21">
        <v>-21</v>
      </c>
      <c r="C87" s="22">
        <v>-11</v>
      </c>
      <c r="D87" s="22">
        <v>-10</v>
      </c>
      <c r="E87" s="21">
        <v>8</v>
      </c>
      <c r="F87" s="22">
        <v>5</v>
      </c>
      <c r="G87" s="23">
        <v>3</v>
      </c>
      <c r="H87" s="22">
        <v>55</v>
      </c>
      <c r="I87" s="22">
        <v>30</v>
      </c>
      <c r="J87" s="22">
        <v>25</v>
      </c>
      <c r="K87" s="21">
        <v>68</v>
      </c>
      <c r="L87" s="53">
        <v>36</v>
      </c>
      <c r="M87" s="54">
        <v>32</v>
      </c>
    </row>
    <row r="88" spans="1:13">
      <c r="A88" s="40" t="s">
        <v>91</v>
      </c>
      <c r="B88" s="21">
        <v>-23</v>
      </c>
      <c r="C88" s="22">
        <v>-8</v>
      </c>
      <c r="D88" s="22">
        <v>-15</v>
      </c>
      <c r="E88" s="21">
        <v>5</v>
      </c>
      <c r="F88" s="22">
        <v>3</v>
      </c>
      <c r="G88" s="23">
        <v>2</v>
      </c>
      <c r="H88" s="22">
        <v>55</v>
      </c>
      <c r="I88" s="22">
        <v>30</v>
      </c>
      <c r="J88" s="22">
        <v>25</v>
      </c>
      <c r="K88" s="21">
        <v>73</v>
      </c>
      <c r="L88" s="53">
        <v>35</v>
      </c>
      <c r="M88" s="54">
        <v>38</v>
      </c>
    </row>
    <row r="89" spans="1:13" ht="19.5" customHeight="1">
      <c r="A89" s="34" t="s">
        <v>92</v>
      </c>
      <c r="B89" s="17">
        <v>-138</v>
      </c>
      <c r="C89" s="18">
        <v>-98</v>
      </c>
      <c r="D89" s="18">
        <v>-40</v>
      </c>
      <c r="E89" s="17">
        <v>49</v>
      </c>
      <c r="F89" s="18">
        <v>37</v>
      </c>
      <c r="G89" s="19">
        <v>12</v>
      </c>
      <c r="H89" s="18">
        <v>204</v>
      </c>
      <c r="I89" s="18">
        <v>115</v>
      </c>
      <c r="J89" s="18">
        <v>89</v>
      </c>
      <c r="K89" s="17">
        <v>293</v>
      </c>
      <c r="L89" s="51">
        <v>176</v>
      </c>
      <c r="M89" s="52">
        <v>117</v>
      </c>
    </row>
    <row r="90" spans="1:13">
      <c r="A90" s="40" t="s">
        <v>93</v>
      </c>
      <c r="B90" s="21">
        <v>-19</v>
      </c>
      <c r="C90" s="22">
        <v>-15</v>
      </c>
      <c r="D90" s="22">
        <v>-4</v>
      </c>
      <c r="E90" s="21">
        <v>8</v>
      </c>
      <c r="F90" s="22">
        <v>7</v>
      </c>
      <c r="G90" s="23">
        <v>1</v>
      </c>
      <c r="H90" s="22">
        <v>58</v>
      </c>
      <c r="I90" s="22">
        <v>35</v>
      </c>
      <c r="J90" s="22">
        <v>23</v>
      </c>
      <c r="K90" s="21">
        <v>69</v>
      </c>
      <c r="L90" s="53">
        <v>43</v>
      </c>
      <c r="M90" s="54">
        <v>26</v>
      </c>
    </row>
    <row r="91" spans="1:13">
      <c r="A91" s="40" t="s">
        <v>94</v>
      </c>
      <c r="B91" s="21">
        <v>-17</v>
      </c>
      <c r="C91" s="22">
        <v>-9</v>
      </c>
      <c r="D91" s="22">
        <v>-8</v>
      </c>
      <c r="E91" s="21">
        <v>7</v>
      </c>
      <c r="F91" s="22">
        <v>5</v>
      </c>
      <c r="G91" s="23">
        <v>2</v>
      </c>
      <c r="H91" s="22">
        <v>45</v>
      </c>
      <c r="I91" s="22">
        <v>28</v>
      </c>
      <c r="J91" s="22">
        <v>17</v>
      </c>
      <c r="K91" s="21">
        <v>55</v>
      </c>
      <c r="L91" s="53">
        <v>32</v>
      </c>
      <c r="M91" s="54">
        <v>23</v>
      </c>
    </row>
    <row r="92" spans="1:13">
      <c r="A92" s="40" t="s">
        <v>95</v>
      </c>
      <c r="B92" s="21">
        <v>-37</v>
      </c>
      <c r="C92" s="22">
        <v>-16</v>
      </c>
      <c r="D92" s="22">
        <v>-21</v>
      </c>
      <c r="E92" s="21">
        <v>12</v>
      </c>
      <c r="F92" s="22">
        <v>10</v>
      </c>
      <c r="G92" s="23">
        <v>2</v>
      </c>
      <c r="H92" s="22">
        <v>34</v>
      </c>
      <c r="I92" s="22">
        <v>22</v>
      </c>
      <c r="J92" s="22">
        <v>12</v>
      </c>
      <c r="K92" s="21">
        <v>59</v>
      </c>
      <c r="L92" s="53">
        <v>28</v>
      </c>
      <c r="M92" s="54">
        <v>31</v>
      </c>
    </row>
    <row r="93" spans="1:13">
      <c r="A93" s="40" t="s">
        <v>96</v>
      </c>
      <c r="B93" s="21">
        <v>-27</v>
      </c>
      <c r="C93" s="22">
        <v>-22</v>
      </c>
      <c r="D93" s="22">
        <v>-5</v>
      </c>
      <c r="E93" s="21">
        <v>10</v>
      </c>
      <c r="F93" s="22">
        <v>5</v>
      </c>
      <c r="G93" s="23">
        <v>5</v>
      </c>
      <c r="H93" s="22">
        <v>32</v>
      </c>
      <c r="I93" s="22">
        <v>13</v>
      </c>
      <c r="J93" s="22">
        <v>19</v>
      </c>
      <c r="K93" s="21">
        <v>49</v>
      </c>
      <c r="L93" s="53">
        <v>30</v>
      </c>
      <c r="M93" s="54">
        <v>19</v>
      </c>
    </row>
    <row r="94" spans="1:13">
      <c r="A94" s="40" t="s">
        <v>97</v>
      </c>
      <c r="B94" s="21">
        <v>-38</v>
      </c>
      <c r="C94" s="22">
        <v>-36</v>
      </c>
      <c r="D94" s="22">
        <v>-2</v>
      </c>
      <c r="E94" s="21">
        <v>12</v>
      </c>
      <c r="F94" s="22">
        <v>10</v>
      </c>
      <c r="G94" s="23">
        <v>2</v>
      </c>
      <c r="H94" s="22">
        <v>35</v>
      </c>
      <c r="I94" s="22">
        <v>17</v>
      </c>
      <c r="J94" s="22">
        <v>18</v>
      </c>
      <c r="K94" s="21">
        <v>61</v>
      </c>
      <c r="L94" s="53">
        <v>43</v>
      </c>
      <c r="M94" s="54">
        <v>18</v>
      </c>
    </row>
    <row r="95" spans="1:13" ht="19.5" customHeight="1">
      <c r="A95" s="34" t="s">
        <v>98</v>
      </c>
      <c r="B95" s="17">
        <v>-123</v>
      </c>
      <c r="C95" s="18">
        <v>-101</v>
      </c>
      <c r="D95" s="18">
        <v>-22</v>
      </c>
      <c r="E95" s="17">
        <v>92</v>
      </c>
      <c r="F95" s="18">
        <v>69</v>
      </c>
      <c r="G95" s="19">
        <v>23</v>
      </c>
      <c r="H95" s="18">
        <v>193</v>
      </c>
      <c r="I95" s="18">
        <v>106</v>
      </c>
      <c r="J95" s="18">
        <v>87</v>
      </c>
      <c r="K95" s="17">
        <v>224</v>
      </c>
      <c r="L95" s="51">
        <v>138</v>
      </c>
      <c r="M95" s="52">
        <v>86</v>
      </c>
    </row>
    <row r="96" spans="1:13">
      <c r="A96" s="40" t="s">
        <v>99</v>
      </c>
      <c r="B96" s="21">
        <v>-17</v>
      </c>
      <c r="C96" s="22">
        <v>-20</v>
      </c>
      <c r="D96" s="22">
        <v>3</v>
      </c>
      <c r="E96" s="21">
        <v>14</v>
      </c>
      <c r="F96" s="22">
        <v>11</v>
      </c>
      <c r="G96" s="23">
        <v>3</v>
      </c>
      <c r="H96" s="22">
        <v>42</v>
      </c>
      <c r="I96" s="22">
        <v>21</v>
      </c>
      <c r="J96" s="22">
        <v>21</v>
      </c>
      <c r="K96" s="21">
        <v>45</v>
      </c>
      <c r="L96" s="53">
        <v>30</v>
      </c>
      <c r="M96" s="54">
        <v>15</v>
      </c>
    </row>
    <row r="97" spans="1:13">
      <c r="A97" s="40" t="s">
        <v>100</v>
      </c>
      <c r="B97" s="21">
        <v>-22</v>
      </c>
      <c r="C97" s="22">
        <v>-16</v>
      </c>
      <c r="D97" s="22">
        <v>-6</v>
      </c>
      <c r="E97" s="21">
        <v>16</v>
      </c>
      <c r="F97" s="22">
        <v>9</v>
      </c>
      <c r="G97" s="23">
        <v>7</v>
      </c>
      <c r="H97" s="22">
        <v>34</v>
      </c>
      <c r="I97" s="22">
        <v>17</v>
      </c>
      <c r="J97" s="22">
        <v>17</v>
      </c>
      <c r="K97" s="21">
        <v>40</v>
      </c>
      <c r="L97" s="53">
        <v>24</v>
      </c>
      <c r="M97" s="54">
        <v>16</v>
      </c>
    </row>
    <row r="98" spans="1:13">
      <c r="A98" s="40" t="s">
        <v>101</v>
      </c>
      <c r="B98" s="21">
        <v>-20</v>
      </c>
      <c r="C98" s="22">
        <v>-21</v>
      </c>
      <c r="D98" s="22">
        <v>1</v>
      </c>
      <c r="E98" s="21">
        <v>15</v>
      </c>
      <c r="F98" s="22">
        <v>14</v>
      </c>
      <c r="G98" s="23">
        <v>1</v>
      </c>
      <c r="H98" s="22">
        <v>38</v>
      </c>
      <c r="I98" s="22">
        <v>22</v>
      </c>
      <c r="J98" s="22">
        <v>16</v>
      </c>
      <c r="K98" s="21">
        <v>43</v>
      </c>
      <c r="L98" s="53">
        <v>29</v>
      </c>
      <c r="M98" s="54">
        <v>14</v>
      </c>
    </row>
    <row r="99" spans="1:13">
      <c r="A99" s="40" t="s">
        <v>102</v>
      </c>
      <c r="B99" s="21">
        <v>-29</v>
      </c>
      <c r="C99" s="22">
        <v>-16</v>
      </c>
      <c r="D99" s="22">
        <v>-13</v>
      </c>
      <c r="E99" s="21">
        <v>17</v>
      </c>
      <c r="F99" s="22">
        <v>9</v>
      </c>
      <c r="G99" s="23">
        <v>8</v>
      </c>
      <c r="H99" s="22">
        <v>34</v>
      </c>
      <c r="I99" s="22">
        <v>22</v>
      </c>
      <c r="J99" s="22">
        <v>12</v>
      </c>
      <c r="K99" s="21">
        <v>46</v>
      </c>
      <c r="L99" s="53">
        <v>29</v>
      </c>
      <c r="M99" s="54">
        <v>17</v>
      </c>
    </row>
    <row r="100" spans="1:13">
      <c r="A100" s="40" t="s">
        <v>103</v>
      </c>
      <c r="B100" s="21">
        <v>-35</v>
      </c>
      <c r="C100" s="22">
        <v>-28</v>
      </c>
      <c r="D100" s="22">
        <v>-7</v>
      </c>
      <c r="E100" s="21">
        <v>30</v>
      </c>
      <c r="F100" s="22">
        <v>26</v>
      </c>
      <c r="G100" s="23">
        <v>4</v>
      </c>
      <c r="H100" s="22">
        <v>45</v>
      </c>
      <c r="I100" s="22">
        <v>24</v>
      </c>
      <c r="J100" s="22">
        <v>21</v>
      </c>
      <c r="K100" s="21">
        <v>50</v>
      </c>
      <c r="L100" s="53">
        <v>26</v>
      </c>
      <c r="M100" s="54">
        <v>24</v>
      </c>
    </row>
    <row r="101" spans="1:13" ht="19.5" customHeight="1">
      <c r="A101" s="34" t="s">
        <v>104</v>
      </c>
      <c r="B101" s="17">
        <v>-164</v>
      </c>
      <c r="C101" s="18">
        <v>-105</v>
      </c>
      <c r="D101" s="18">
        <v>-59</v>
      </c>
      <c r="E101" s="17">
        <v>166</v>
      </c>
      <c r="F101" s="18">
        <v>109</v>
      </c>
      <c r="G101" s="19">
        <v>57</v>
      </c>
      <c r="H101" s="18">
        <v>186</v>
      </c>
      <c r="I101" s="18">
        <v>93</v>
      </c>
      <c r="J101" s="18">
        <v>93</v>
      </c>
      <c r="K101" s="17">
        <v>184</v>
      </c>
      <c r="L101" s="51">
        <v>89</v>
      </c>
      <c r="M101" s="52">
        <v>95</v>
      </c>
    </row>
    <row r="102" spans="1:13">
      <c r="A102" s="40" t="s">
        <v>105</v>
      </c>
      <c r="B102" s="21">
        <v>-51</v>
      </c>
      <c r="C102" s="22">
        <v>-38</v>
      </c>
      <c r="D102" s="22">
        <v>-13</v>
      </c>
      <c r="E102" s="21">
        <v>41</v>
      </c>
      <c r="F102" s="22">
        <v>27</v>
      </c>
      <c r="G102" s="23">
        <v>14</v>
      </c>
      <c r="H102" s="22">
        <v>42</v>
      </c>
      <c r="I102" s="22">
        <v>21</v>
      </c>
      <c r="J102" s="22">
        <v>21</v>
      </c>
      <c r="K102" s="21">
        <v>52</v>
      </c>
      <c r="L102" s="53">
        <v>32</v>
      </c>
      <c r="M102" s="54">
        <v>20</v>
      </c>
    </row>
    <row r="103" spans="1:13">
      <c r="A103" s="40" t="s">
        <v>106</v>
      </c>
      <c r="B103" s="21">
        <v>-39</v>
      </c>
      <c r="C103" s="22">
        <v>-23</v>
      </c>
      <c r="D103" s="22">
        <v>-16</v>
      </c>
      <c r="E103" s="21">
        <v>37</v>
      </c>
      <c r="F103" s="22">
        <v>21</v>
      </c>
      <c r="G103" s="23">
        <v>16</v>
      </c>
      <c r="H103" s="22">
        <v>43</v>
      </c>
      <c r="I103" s="22">
        <v>18</v>
      </c>
      <c r="J103" s="22">
        <v>25</v>
      </c>
      <c r="K103" s="21">
        <v>45</v>
      </c>
      <c r="L103" s="53">
        <v>20</v>
      </c>
      <c r="M103" s="54">
        <v>25</v>
      </c>
    </row>
    <row r="104" spans="1:13">
      <c r="A104" s="40" t="s">
        <v>107</v>
      </c>
      <c r="B104" s="21">
        <v>-29</v>
      </c>
      <c r="C104" s="22">
        <v>-18</v>
      </c>
      <c r="D104" s="22">
        <v>-11</v>
      </c>
      <c r="E104" s="21">
        <v>41</v>
      </c>
      <c r="F104" s="22">
        <v>27</v>
      </c>
      <c r="G104" s="23">
        <v>14</v>
      </c>
      <c r="H104" s="22">
        <v>49</v>
      </c>
      <c r="I104" s="22">
        <v>28</v>
      </c>
      <c r="J104" s="22">
        <v>21</v>
      </c>
      <c r="K104" s="21">
        <v>37</v>
      </c>
      <c r="L104" s="53">
        <v>19</v>
      </c>
      <c r="M104" s="54">
        <v>18</v>
      </c>
    </row>
    <row r="105" spans="1:13">
      <c r="A105" s="40" t="s">
        <v>108</v>
      </c>
      <c r="B105" s="21">
        <v>-25</v>
      </c>
      <c r="C105" s="22">
        <v>-13</v>
      </c>
      <c r="D105" s="22">
        <v>-12</v>
      </c>
      <c r="E105" s="21">
        <v>23</v>
      </c>
      <c r="F105" s="22">
        <v>15</v>
      </c>
      <c r="G105" s="23">
        <v>8</v>
      </c>
      <c r="H105" s="22">
        <v>34</v>
      </c>
      <c r="I105" s="22">
        <v>16</v>
      </c>
      <c r="J105" s="22">
        <v>18</v>
      </c>
      <c r="K105" s="21">
        <v>36</v>
      </c>
      <c r="L105" s="53">
        <v>14</v>
      </c>
      <c r="M105" s="54">
        <v>22</v>
      </c>
    </row>
    <row r="106" spans="1:13">
      <c r="A106" s="40" t="s">
        <v>109</v>
      </c>
      <c r="B106" s="21">
        <v>-20</v>
      </c>
      <c r="C106" s="22">
        <v>-13</v>
      </c>
      <c r="D106" s="22">
        <v>-7</v>
      </c>
      <c r="E106" s="21">
        <v>24</v>
      </c>
      <c r="F106" s="22">
        <v>19</v>
      </c>
      <c r="G106" s="23">
        <v>5</v>
      </c>
      <c r="H106" s="22">
        <v>18</v>
      </c>
      <c r="I106" s="22">
        <v>10</v>
      </c>
      <c r="J106" s="22">
        <v>8</v>
      </c>
      <c r="K106" s="21">
        <v>14</v>
      </c>
      <c r="L106" s="53">
        <v>4</v>
      </c>
      <c r="M106" s="54">
        <v>10</v>
      </c>
    </row>
    <row r="107" spans="1:13" ht="19.5" customHeight="1">
      <c r="A107" s="34" t="s">
        <v>110</v>
      </c>
      <c r="B107" s="17">
        <v>-169</v>
      </c>
      <c r="C107" s="18">
        <v>-127</v>
      </c>
      <c r="D107" s="18">
        <v>-42</v>
      </c>
      <c r="E107" s="17">
        <v>199</v>
      </c>
      <c r="F107" s="18">
        <v>140</v>
      </c>
      <c r="G107" s="19">
        <v>59</v>
      </c>
      <c r="H107" s="18">
        <v>163</v>
      </c>
      <c r="I107" s="18">
        <v>70</v>
      </c>
      <c r="J107" s="18">
        <v>93</v>
      </c>
      <c r="K107" s="17">
        <v>133</v>
      </c>
      <c r="L107" s="51">
        <v>57</v>
      </c>
      <c r="M107" s="52">
        <v>76</v>
      </c>
    </row>
    <row r="108" spans="1:13">
      <c r="A108" s="40" t="s">
        <v>111</v>
      </c>
      <c r="B108" s="21">
        <v>-44</v>
      </c>
      <c r="C108" s="22">
        <v>-29</v>
      </c>
      <c r="D108" s="22">
        <v>-15</v>
      </c>
      <c r="E108" s="21">
        <v>50</v>
      </c>
      <c r="F108" s="22">
        <v>35</v>
      </c>
      <c r="G108" s="23">
        <v>15</v>
      </c>
      <c r="H108" s="22">
        <v>36</v>
      </c>
      <c r="I108" s="22">
        <v>19</v>
      </c>
      <c r="J108" s="22">
        <v>17</v>
      </c>
      <c r="K108" s="21">
        <v>30</v>
      </c>
      <c r="L108" s="53">
        <v>13</v>
      </c>
      <c r="M108" s="54">
        <v>17</v>
      </c>
    </row>
    <row r="109" spans="1:13">
      <c r="A109" s="40" t="s">
        <v>112</v>
      </c>
      <c r="B109" s="21">
        <v>-33</v>
      </c>
      <c r="C109" s="22">
        <v>-34</v>
      </c>
      <c r="D109" s="22">
        <v>1</v>
      </c>
      <c r="E109" s="21">
        <v>35</v>
      </c>
      <c r="F109" s="22">
        <v>25</v>
      </c>
      <c r="G109" s="23">
        <v>10</v>
      </c>
      <c r="H109" s="22">
        <v>26</v>
      </c>
      <c r="I109" s="22">
        <v>5</v>
      </c>
      <c r="J109" s="22">
        <v>21</v>
      </c>
      <c r="K109" s="21">
        <v>24</v>
      </c>
      <c r="L109" s="53">
        <v>14</v>
      </c>
      <c r="M109" s="54">
        <v>10</v>
      </c>
    </row>
    <row r="110" spans="1:13">
      <c r="A110" s="40" t="s">
        <v>113</v>
      </c>
      <c r="B110" s="21">
        <v>-23</v>
      </c>
      <c r="C110" s="22">
        <v>-18</v>
      </c>
      <c r="D110" s="22">
        <v>-5</v>
      </c>
      <c r="E110" s="21">
        <v>31</v>
      </c>
      <c r="F110" s="22">
        <v>22</v>
      </c>
      <c r="G110" s="23">
        <v>9</v>
      </c>
      <c r="H110" s="22">
        <v>33</v>
      </c>
      <c r="I110" s="22">
        <v>14</v>
      </c>
      <c r="J110" s="22">
        <v>19</v>
      </c>
      <c r="K110" s="21">
        <v>25</v>
      </c>
      <c r="L110" s="53">
        <v>10</v>
      </c>
      <c r="M110" s="54">
        <v>15</v>
      </c>
    </row>
    <row r="111" spans="1:13">
      <c r="A111" s="40" t="s">
        <v>114</v>
      </c>
      <c r="B111" s="21">
        <v>-20</v>
      </c>
      <c r="C111" s="22">
        <v>-14</v>
      </c>
      <c r="D111" s="22">
        <v>-6</v>
      </c>
      <c r="E111" s="21">
        <v>28</v>
      </c>
      <c r="F111" s="22">
        <v>17</v>
      </c>
      <c r="G111" s="23">
        <v>11</v>
      </c>
      <c r="H111" s="22">
        <v>33</v>
      </c>
      <c r="I111" s="22">
        <v>17</v>
      </c>
      <c r="J111" s="22">
        <v>16</v>
      </c>
      <c r="K111" s="21">
        <v>25</v>
      </c>
      <c r="L111" s="53">
        <v>14</v>
      </c>
      <c r="M111" s="54">
        <v>11</v>
      </c>
    </row>
    <row r="112" spans="1:13">
      <c r="A112" s="40" t="s">
        <v>115</v>
      </c>
      <c r="B112" s="21">
        <v>-49</v>
      </c>
      <c r="C112" s="22">
        <v>-32</v>
      </c>
      <c r="D112" s="22">
        <v>-17</v>
      </c>
      <c r="E112" s="21">
        <v>55</v>
      </c>
      <c r="F112" s="22">
        <v>41</v>
      </c>
      <c r="G112" s="23">
        <v>14</v>
      </c>
      <c r="H112" s="22">
        <v>35</v>
      </c>
      <c r="I112" s="22">
        <v>15</v>
      </c>
      <c r="J112" s="22">
        <v>20</v>
      </c>
      <c r="K112" s="21">
        <v>29</v>
      </c>
      <c r="L112" s="53">
        <v>6</v>
      </c>
      <c r="M112" s="54">
        <v>23</v>
      </c>
    </row>
    <row r="113" spans="1:13" ht="19.5" customHeight="1">
      <c r="A113" s="34" t="s">
        <v>116</v>
      </c>
      <c r="B113" s="17">
        <v>-201</v>
      </c>
      <c r="C113" s="18">
        <v>-138</v>
      </c>
      <c r="D113" s="18">
        <v>-63</v>
      </c>
      <c r="E113" s="17">
        <v>257</v>
      </c>
      <c r="F113" s="18">
        <v>155</v>
      </c>
      <c r="G113" s="19">
        <v>102</v>
      </c>
      <c r="H113" s="18">
        <v>132</v>
      </c>
      <c r="I113" s="18">
        <v>48</v>
      </c>
      <c r="J113" s="18">
        <v>84</v>
      </c>
      <c r="K113" s="17">
        <v>76</v>
      </c>
      <c r="L113" s="51">
        <v>31</v>
      </c>
      <c r="M113" s="52">
        <v>45</v>
      </c>
    </row>
    <row r="114" spans="1:13">
      <c r="A114" s="40" t="s">
        <v>117</v>
      </c>
      <c r="B114" s="21">
        <v>-55</v>
      </c>
      <c r="C114" s="22">
        <v>-32</v>
      </c>
      <c r="D114" s="22">
        <v>-23</v>
      </c>
      <c r="E114" s="21">
        <v>49</v>
      </c>
      <c r="F114" s="22">
        <v>33</v>
      </c>
      <c r="G114" s="23">
        <v>16</v>
      </c>
      <c r="H114" s="22">
        <v>13</v>
      </c>
      <c r="I114" s="22">
        <v>8</v>
      </c>
      <c r="J114" s="22">
        <v>5</v>
      </c>
      <c r="K114" s="21">
        <v>19</v>
      </c>
      <c r="L114" s="53">
        <v>7</v>
      </c>
      <c r="M114" s="54">
        <v>12</v>
      </c>
    </row>
    <row r="115" spans="1:13">
      <c r="A115" s="40" t="s">
        <v>118</v>
      </c>
      <c r="B115" s="21">
        <v>-20</v>
      </c>
      <c r="C115" s="22">
        <v>-22</v>
      </c>
      <c r="D115" s="22">
        <v>2</v>
      </c>
      <c r="E115" s="21">
        <v>40</v>
      </c>
      <c r="F115" s="22">
        <v>25</v>
      </c>
      <c r="G115" s="23">
        <v>15</v>
      </c>
      <c r="H115" s="22">
        <v>30</v>
      </c>
      <c r="I115" s="22">
        <v>8</v>
      </c>
      <c r="J115" s="22">
        <v>22</v>
      </c>
      <c r="K115" s="21">
        <v>10</v>
      </c>
      <c r="L115" s="53">
        <v>5</v>
      </c>
      <c r="M115" s="54">
        <v>5</v>
      </c>
    </row>
    <row r="116" spans="1:13">
      <c r="A116" s="40" t="s">
        <v>119</v>
      </c>
      <c r="B116" s="21">
        <v>-39</v>
      </c>
      <c r="C116" s="22">
        <v>-23</v>
      </c>
      <c r="D116" s="22">
        <v>-16</v>
      </c>
      <c r="E116" s="21">
        <v>49</v>
      </c>
      <c r="F116" s="22">
        <v>27</v>
      </c>
      <c r="G116" s="23">
        <v>22</v>
      </c>
      <c r="H116" s="22">
        <v>24</v>
      </c>
      <c r="I116" s="22">
        <v>12</v>
      </c>
      <c r="J116" s="22">
        <v>12</v>
      </c>
      <c r="K116" s="21">
        <v>14</v>
      </c>
      <c r="L116" s="53">
        <v>8</v>
      </c>
      <c r="M116" s="54">
        <v>6</v>
      </c>
    </row>
    <row r="117" spans="1:13">
      <c r="A117" s="40" t="s">
        <v>120</v>
      </c>
      <c r="B117" s="21">
        <v>-47</v>
      </c>
      <c r="C117" s="22">
        <v>-25</v>
      </c>
      <c r="D117" s="22">
        <v>-22</v>
      </c>
      <c r="E117" s="21">
        <v>58</v>
      </c>
      <c r="F117" s="22">
        <v>30</v>
      </c>
      <c r="G117" s="23">
        <v>28</v>
      </c>
      <c r="H117" s="22">
        <v>24</v>
      </c>
      <c r="I117" s="22">
        <v>8</v>
      </c>
      <c r="J117" s="22">
        <v>16</v>
      </c>
      <c r="K117" s="21">
        <v>13</v>
      </c>
      <c r="L117" s="53">
        <v>3</v>
      </c>
      <c r="M117" s="54">
        <v>10</v>
      </c>
    </row>
    <row r="118" spans="1:13">
      <c r="A118" s="40" t="s">
        <v>121</v>
      </c>
      <c r="B118" s="21">
        <v>-40</v>
      </c>
      <c r="C118" s="22">
        <v>-36</v>
      </c>
      <c r="D118" s="22">
        <v>-4</v>
      </c>
      <c r="E118" s="21">
        <v>61</v>
      </c>
      <c r="F118" s="22">
        <v>40</v>
      </c>
      <c r="G118" s="23">
        <v>21</v>
      </c>
      <c r="H118" s="22">
        <v>41</v>
      </c>
      <c r="I118" s="22">
        <v>12</v>
      </c>
      <c r="J118" s="22">
        <v>29</v>
      </c>
      <c r="K118" s="21">
        <v>20</v>
      </c>
      <c r="L118" s="53">
        <v>8</v>
      </c>
      <c r="M118" s="54">
        <v>12</v>
      </c>
    </row>
    <row r="119" spans="1:13" ht="19.5" customHeight="1">
      <c r="A119" s="34" t="s">
        <v>122</v>
      </c>
      <c r="B119" s="17">
        <v>-240</v>
      </c>
      <c r="C119" s="18">
        <v>-121</v>
      </c>
      <c r="D119" s="18">
        <v>-119</v>
      </c>
      <c r="E119" s="17">
        <v>260</v>
      </c>
      <c r="F119" s="18">
        <v>126</v>
      </c>
      <c r="G119" s="19">
        <v>134</v>
      </c>
      <c r="H119" s="18">
        <v>109</v>
      </c>
      <c r="I119" s="18">
        <v>34</v>
      </c>
      <c r="J119" s="18">
        <v>75</v>
      </c>
      <c r="K119" s="17">
        <v>89</v>
      </c>
      <c r="L119" s="51">
        <v>29</v>
      </c>
      <c r="M119" s="52">
        <v>60</v>
      </c>
    </row>
    <row r="120" spans="1:13">
      <c r="A120" s="40" t="s">
        <v>123</v>
      </c>
      <c r="B120" s="21">
        <v>-24</v>
      </c>
      <c r="C120" s="22">
        <v>-20</v>
      </c>
      <c r="D120" s="22">
        <v>-4</v>
      </c>
      <c r="E120" s="21">
        <v>32</v>
      </c>
      <c r="F120" s="22">
        <v>21</v>
      </c>
      <c r="G120" s="23">
        <v>11</v>
      </c>
      <c r="H120" s="22">
        <v>24</v>
      </c>
      <c r="I120" s="22">
        <v>7</v>
      </c>
      <c r="J120" s="22">
        <v>17</v>
      </c>
      <c r="K120" s="21">
        <v>16</v>
      </c>
      <c r="L120" s="53">
        <v>6</v>
      </c>
      <c r="M120" s="54">
        <v>10</v>
      </c>
    </row>
    <row r="121" spans="1:13">
      <c r="A121" s="40" t="s">
        <v>124</v>
      </c>
      <c r="B121" s="21">
        <v>-61</v>
      </c>
      <c r="C121" s="22">
        <v>-25</v>
      </c>
      <c r="D121" s="22">
        <v>-36</v>
      </c>
      <c r="E121" s="21">
        <v>52</v>
      </c>
      <c r="F121" s="22">
        <v>24</v>
      </c>
      <c r="G121" s="23">
        <v>28</v>
      </c>
      <c r="H121" s="22">
        <v>20</v>
      </c>
      <c r="I121" s="22">
        <v>7</v>
      </c>
      <c r="J121" s="22">
        <v>13</v>
      </c>
      <c r="K121" s="21">
        <v>29</v>
      </c>
      <c r="L121" s="53">
        <v>8</v>
      </c>
      <c r="M121" s="54">
        <v>21</v>
      </c>
    </row>
    <row r="122" spans="1:13">
      <c r="A122" s="40" t="s">
        <v>125</v>
      </c>
      <c r="B122" s="21">
        <v>-55</v>
      </c>
      <c r="C122" s="22">
        <v>-22</v>
      </c>
      <c r="D122" s="22">
        <v>-33</v>
      </c>
      <c r="E122" s="21">
        <v>63</v>
      </c>
      <c r="F122" s="22">
        <v>27</v>
      </c>
      <c r="G122" s="23">
        <v>36</v>
      </c>
      <c r="H122" s="22">
        <v>23</v>
      </c>
      <c r="I122" s="22">
        <v>9</v>
      </c>
      <c r="J122" s="22">
        <v>14</v>
      </c>
      <c r="K122" s="21">
        <v>15</v>
      </c>
      <c r="L122" s="53">
        <v>4</v>
      </c>
      <c r="M122" s="54">
        <v>11</v>
      </c>
    </row>
    <row r="123" spans="1:13">
      <c r="A123" s="40" t="s">
        <v>126</v>
      </c>
      <c r="B123" s="21">
        <v>-43</v>
      </c>
      <c r="C123" s="22">
        <v>-24</v>
      </c>
      <c r="D123" s="22">
        <v>-19</v>
      </c>
      <c r="E123" s="21">
        <v>49</v>
      </c>
      <c r="F123" s="22">
        <v>25</v>
      </c>
      <c r="G123" s="23">
        <v>24</v>
      </c>
      <c r="H123" s="22">
        <v>24</v>
      </c>
      <c r="I123" s="22">
        <v>8</v>
      </c>
      <c r="J123" s="22">
        <v>16</v>
      </c>
      <c r="K123" s="21">
        <v>18</v>
      </c>
      <c r="L123" s="53">
        <v>7</v>
      </c>
      <c r="M123" s="54">
        <v>11</v>
      </c>
    </row>
    <row r="124" spans="1:13">
      <c r="A124" s="40" t="s">
        <v>127</v>
      </c>
      <c r="B124" s="21">
        <v>-57</v>
      </c>
      <c r="C124" s="22">
        <v>-30</v>
      </c>
      <c r="D124" s="22">
        <v>-27</v>
      </c>
      <c r="E124" s="21">
        <v>64</v>
      </c>
      <c r="F124" s="22">
        <v>29</v>
      </c>
      <c r="G124" s="23">
        <v>35</v>
      </c>
      <c r="H124" s="22">
        <v>18</v>
      </c>
      <c r="I124" s="22">
        <v>3</v>
      </c>
      <c r="J124" s="22">
        <v>15</v>
      </c>
      <c r="K124" s="21">
        <v>11</v>
      </c>
      <c r="L124" s="53">
        <v>4</v>
      </c>
      <c r="M124" s="54">
        <v>7</v>
      </c>
    </row>
    <row r="125" spans="1:13" ht="19.5" customHeight="1">
      <c r="A125" s="34" t="s">
        <v>128</v>
      </c>
      <c r="B125" s="17">
        <v>-192</v>
      </c>
      <c r="C125" s="18">
        <v>-83</v>
      </c>
      <c r="D125" s="18">
        <v>-109</v>
      </c>
      <c r="E125" s="17">
        <v>233</v>
      </c>
      <c r="F125" s="18">
        <v>90</v>
      </c>
      <c r="G125" s="19">
        <v>143</v>
      </c>
      <c r="H125" s="18">
        <v>74</v>
      </c>
      <c r="I125" s="18">
        <v>21</v>
      </c>
      <c r="J125" s="18">
        <v>53</v>
      </c>
      <c r="K125" s="17">
        <v>33</v>
      </c>
      <c r="L125" s="51">
        <v>14</v>
      </c>
      <c r="M125" s="52">
        <v>19</v>
      </c>
    </row>
    <row r="126" spans="1:13">
      <c r="A126" s="40" t="s">
        <v>129</v>
      </c>
      <c r="B126" s="21">
        <v>-40</v>
      </c>
      <c r="C126" s="22">
        <v>-20</v>
      </c>
      <c r="D126" s="22">
        <v>-20</v>
      </c>
      <c r="E126" s="21">
        <v>49</v>
      </c>
      <c r="F126" s="22">
        <v>24</v>
      </c>
      <c r="G126" s="23">
        <v>25</v>
      </c>
      <c r="H126" s="22">
        <v>15</v>
      </c>
      <c r="I126" s="22">
        <v>5</v>
      </c>
      <c r="J126" s="22">
        <v>10</v>
      </c>
      <c r="K126" s="21">
        <v>6</v>
      </c>
      <c r="L126" s="53">
        <v>1</v>
      </c>
      <c r="M126" s="54">
        <v>5</v>
      </c>
    </row>
    <row r="127" spans="1:13">
      <c r="A127" s="40" t="s">
        <v>130</v>
      </c>
      <c r="B127" s="21">
        <v>-52</v>
      </c>
      <c r="C127" s="22">
        <v>-23</v>
      </c>
      <c r="D127" s="22">
        <v>-29</v>
      </c>
      <c r="E127" s="21">
        <v>62</v>
      </c>
      <c r="F127" s="22">
        <v>24</v>
      </c>
      <c r="G127" s="23">
        <v>38</v>
      </c>
      <c r="H127" s="22">
        <v>21</v>
      </c>
      <c r="I127" s="22">
        <v>6</v>
      </c>
      <c r="J127" s="22">
        <v>15</v>
      </c>
      <c r="K127" s="21">
        <v>11</v>
      </c>
      <c r="L127" s="53">
        <v>5</v>
      </c>
      <c r="M127" s="54">
        <v>6</v>
      </c>
    </row>
    <row r="128" spans="1:13">
      <c r="A128" s="40" t="s">
        <v>131</v>
      </c>
      <c r="B128" s="21">
        <v>-39</v>
      </c>
      <c r="C128" s="22">
        <v>-18</v>
      </c>
      <c r="D128" s="22">
        <v>-21</v>
      </c>
      <c r="E128" s="21">
        <v>43</v>
      </c>
      <c r="F128" s="22">
        <v>19</v>
      </c>
      <c r="G128" s="23">
        <v>24</v>
      </c>
      <c r="H128" s="22">
        <v>9</v>
      </c>
      <c r="I128" s="22">
        <v>4</v>
      </c>
      <c r="J128" s="22">
        <v>5</v>
      </c>
      <c r="K128" s="21">
        <v>5</v>
      </c>
      <c r="L128" s="53">
        <v>3</v>
      </c>
      <c r="M128" s="54">
        <v>2</v>
      </c>
    </row>
    <row r="129" spans="1:13">
      <c r="A129" s="40" t="s">
        <v>132</v>
      </c>
      <c r="B129" s="21">
        <v>-32</v>
      </c>
      <c r="C129" s="22">
        <v>-8</v>
      </c>
      <c r="D129" s="22">
        <v>-24</v>
      </c>
      <c r="E129" s="21">
        <v>43</v>
      </c>
      <c r="F129" s="22">
        <v>11</v>
      </c>
      <c r="G129" s="23">
        <v>32</v>
      </c>
      <c r="H129" s="22">
        <v>17</v>
      </c>
      <c r="I129" s="22">
        <v>6</v>
      </c>
      <c r="J129" s="22">
        <v>11</v>
      </c>
      <c r="K129" s="21">
        <v>6</v>
      </c>
      <c r="L129" s="53">
        <v>3</v>
      </c>
      <c r="M129" s="54">
        <v>3</v>
      </c>
    </row>
    <row r="130" spans="1:13">
      <c r="A130" s="40" t="s">
        <v>133</v>
      </c>
      <c r="B130" s="21">
        <v>-29</v>
      </c>
      <c r="C130" s="22">
        <v>-14</v>
      </c>
      <c r="D130" s="22">
        <v>-15</v>
      </c>
      <c r="E130" s="21">
        <v>36</v>
      </c>
      <c r="F130" s="22">
        <v>12</v>
      </c>
      <c r="G130" s="23">
        <v>24</v>
      </c>
      <c r="H130" s="22">
        <v>12</v>
      </c>
      <c r="I130" s="22">
        <v>0</v>
      </c>
      <c r="J130" s="22">
        <v>12</v>
      </c>
      <c r="K130" s="21">
        <v>5</v>
      </c>
      <c r="L130" s="53">
        <v>2</v>
      </c>
      <c r="M130" s="54">
        <v>3</v>
      </c>
    </row>
    <row r="131" spans="1:13" ht="19.5" customHeight="1">
      <c r="A131" s="34" t="s">
        <v>134</v>
      </c>
      <c r="B131" s="17">
        <v>-122</v>
      </c>
      <c r="C131" s="18">
        <v>-34</v>
      </c>
      <c r="D131" s="18">
        <v>-88</v>
      </c>
      <c r="E131" s="17">
        <v>121</v>
      </c>
      <c r="F131" s="18">
        <v>36</v>
      </c>
      <c r="G131" s="19">
        <v>85</v>
      </c>
      <c r="H131" s="18">
        <v>15</v>
      </c>
      <c r="I131" s="18">
        <v>4</v>
      </c>
      <c r="J131" s="18">
        <v>11</v>
      </c>
      <c r="K131" s="17">
        <v>16</v>
      </c>
      <c r="L131" s="51">
        <v>2</v>
      </c>
      <c r="M131" s="52">
        <v>14</v>
      </c>
    </row>
    <row r="132" spans="1:13">
      <c r="A132" s="40" t="s">
        <v>135</v>
      </c>
      <c r="B132" s="21">
        <v>-35</v>
      </c>
      <c r="C132" s="22">
        <v>-10</v>
      </c>
      <c r="D132" s="22">
        <v>-25</v>
      </c>
      <c r="E132" s="21">
        <v>37</v>
      </c>
      <c r="F132" s="22">
        <v>11</v>
      </c>
      <c r="G132" s="23">
        <v>26</v>
      </c>
      <c r="H132" s="22">
        <v>6</v>
      </c>
      <c r="I132" s="22">
        <v>1</v>
      </c>
      <c r="J132" s="22">
        <v>5</v>
      </c>
      <c r="K132" s="21">
        <v>4</v>
      </c>
      <c r="L132" s="53">
        <v>0</v>
      </c>
      <c r="M132" s="54">
        <v>4</v>
      </c>
    </row>
    <row r="133" spans="1:13">
      <c r="A133" s="40" t="s">
        <v>136</v>
      </c>
      <c r="B133" s="21">
        <v>-35</v>
      </c>
      <c r="C133" s="22">
        <v>-10</v>
      </c>
      <c r="D133" s="22">
        <v>-25</v>
      </c>
      <c r="E133" s="21">
        <v>36</v>
      </c>
      <c r="F133" s="22">
        <v>10</v>
      </c>
      <c r="G133" s="23">
        <v>26</v>
      </c>
      <c r="H133" s="22">
        <v>5</v>
      </c>
      <c r="I133" s="22">
        <v>0</v>
      </c>
      <c r="J133" s="22">
        <v>5</v>
      </c>
      <c r="K133" s="21">
        <v>4</v>
      </c>
      <c r="L133" s="53">
        <v>0</v>
      </c>
      <c r="M133" s="54">
        <v>4</v>
      </c>
    </row>
    <row r="134" spans="1:13">
      <c r="A134" s="40" t="s">
        <v>137</v>
      </c>
      <c r="B134" s="21">
        <v>-24</v>
      </c>
      <c r="C134" s="22">
        <v>-7</v>
      </c>
      <c r="D134" s="22">
        <v>-17</v>
      </c>
      <c r="E134" s="21">
        <v>21</v>
      </c>
      <c r="F134" s="22">
        <v>6</v>
      </c>
      <c r="G134" s="23">
        <v>15</v>
      </c>
      <c r="H134" s="22">
        <v>1</v>
      </c>
      <c r="I134" s="22">
        <v>0</v>
      </c>
      <c r="J134" s="22">
        <v>1</v>
      </c>
      <c r="K134" s="21">
        <v>4</v>
      </c>
      <c r="L134" s="53">
        <v>1</v>
      </c>
      <c r="M134" s="54">
        <v>3</v>
      </c>
    </row>
    <row r="135" spans="1:13">
      <c r="A135" s="40" t="s">
        <v>138</v>
      </c>
      <c r="B135" s="21">
        <v>-17</v>
      </c>
      <c r="C135" s="22">
        <v>-5</v>
      </c>
      <c r="D135" s="22">
        <v>-12</v>
      </c>
      <c r="E135" s="21">
        <v>16</v>
      </c>
      <c r="F135" s="22">
        <v>7</v>
      </c>
      <c r="G135" s="23">
        <v>9</v>
      </c>
      <c r="H135" s="22">
        <v>2</v>
      </c>
      <c r="I135" s="22">
        <v>2</v>
      </c>
      <c r="J135" s="22">
        <v>0</v>
      </c>
      <c r="K135" s="21">
        <v>3</v>
      </c>
      <c r="L135" s="53">
        <v>0</v>
      </c>
      <c r="M135" s="54">
        <v>3</v>
      </c>
    </row>
    <row r="136" spans="1:13">
      <c r="A136" s="40" t="s">
        <v>139</v>
      </c>
      <c r="B136" s="21">
        <v>-11</v>
      </c>
      <c r="C136" s="22">
        <v>-2</v>
      </c>
      <c r="D136" s="22">
        <v>-9</v>
      </c>
      <c r="E136" s="21">
        <v>11</v>
      </c>
      <c r="F136" s="22">
        <v>2</v>
      </c>
      <c r="G136" s="23">
        <v>9</v>
      </c>
      <c r="H136" s="22">
        <v>1</v>
      </c>
      <c r="I136" s="22">
        <v>1</v>
      </c>
      <c r="J136" s="22">
        <v>0</v>
      </c>
      <c r="K136" s="21">
        <v>1</v>
      </c>
      <c r="L136" s="53">
        <v>1</v>
      </c>
      <c r="M136" s="54">
        <v>0</v>
      </c>
    </row>
    <row r="137" spans="1:13" ht="19.5" customHeight="1">
      <c r="A137" s="41" t="s">
        <v>140</v>
      </c>
      <c r="B137" s="42">
        <v>-26</v>
      </c>
      <c r="C137" s="43">
        <v>0</v>
      </c>
      <c r="D137" s="43">
        <v>-26</v>
      </c>
      <c r="E137" s="42">
        <v>26</v>
      </c>
      <c r="F137" s="43">
        <v>1</v>
      </c>
      <c r="G137" s="44">
        <v>25</v>
      </c>
      <c r="H137" s="43">
        <v>1</v>
      </c>
      <c r="I137" s="43">
        <v>1</v>
      </c>
      <c r="J137" s="43">
        <v>0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7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891</v>
      </c>
      <c r="C5" s="14">
        <v>660</v>
      </c>
      <c r="D5" s="14">
        <v>1231</v>
      </c>
      <c r="E5" s="13">
        <v>1610</v>
      </c>
      <c r="F5" s="14">
        <v>864</v>
      </c>
      <c r="G5" s="15">
        <v>746</v>
      </c>
      <c r="H5" s="14">
        <v>16401</v>
      </c>
      <c r="I5" s="14">
        <v>8479</v>
      </c>
      <c r="J5" s="14">
        <v>7922</v>
      </c>
      <c r="K5" s="13">
        <v>14769</v>
      </c>
      <c r="L5" s="49">
        <v>7839</v>
      </c>
      <c r="M5" s="50">
        <v>6930</v>
      </c>
    </row>
    <row r="6" spans="1:13" ht="19.5" customHeight="1">
      <c r="A6" s="16" t="s">
        <v>13</v>
      </c>
      <c r="B6" s="17">
        <v>1583</v>
      </c>
      <c r="C6" s="18">
        <v>712</v>
      </c>
      <c r="D6" s="18">
        <v>871</v>
      </c>
      <c r="E6" s="17">
        <v>4</v>
      </c>
      <c r="F6" s="18">
        <v>1</v>
      </c>
      <c r="G6" s="19">
        <v>3</v>
      </c>
      <c r="H6" s="18">
        <v>477</v>
      </c>
      <c r="I6" s="18">
        <v>233</v>
      </c>
      <c r="J6" s="18">
        <v>244</v>
      </c>
      <c r="K6" s="17">
        <v>759</v>
      </c>
      <c r="L6" s="51">
        <v>404</v>
      </c>
      <c r="M6" s="52">
        <v>355</v>
      </c>
    </row>
    <row r="7" spans="1:13">
      <c r="A7" s="20" t="s">
        <v>14</v>
      </c>
      <c r="B7" s="21">
        <v>1812</v>
      </c>
      <c r="C7" s="22">
        <v>862</v>
      </c>
      <c r="D7" s="22">
        <v>950</v>
      </c>
      <c r="E7" s="21">
        <v>2</v>
      </c>
      <c r="F7" s="22">
        <v>0</v>
      </c>
      <c r="G7" s="23">
        <v>2</v>
      </c>
      <c r="H7" s="22">
        <v>76</v>
      </c>
      <c r="I7" s="22">
        <v>38</v>
      </c>
      <c r="J7" s="22">
        <v>38</v>
      </c>
      <c r="K7" s="21">
        <v>131</v>
      </c>
      <c r="L7" s="53">
        <v>60</v>
      </c>
      <c r="M7" s="54">
        <v>71</v>
      </c>
    </row>
    <row r="8" spans="1:13">
      <c r="A8" s="20" t="s">
        <v>15</v>
      </c>
      <c r="B8" s="21">
        <v>-92</v>
      </c>
      <c r="C8" s="22">
        <v>-69</v>
      </c>
      <c r="D8" s="22">
        <v>-23</v>
      </c>
      <c r="E8" s="21">
        <v>1</v>
      </c>
      <c r="F8" s="22">
        <v>0</v>
      </c>
      <c r="G8" s="23">
        <v>1</v>
      </c>
      <c r="H8" s="22">
        <v>140</v>
      </c>
      <c r="I8" s="22">
        <v>75</v>
      </c>
      <c r="J8" s="22">
        <v>65</v>
      </c>
      <c r="K8" s="21">
        <v>231</v>
      </c>
      <c r="L8" s="53">
        <v>144</v>
      </c>
      <c r="M8" s="54">
        <v>87</v>
      </c>
    </row>
    <row r="9" spans="1:13">
      <c r="A9" s="20" t="s">
        <v>16</v>
      </c>
      <c r="B9" s="21">
        <v>-86</v>
      </c>
      <c r="C9" s="22">
        <v>-45</v>
      </c>
      <c r="D9" s="22">
        <v>-41</v>
      </c>
      <c r="E9" s="21">
        <v>1</v>
      </c>
      <c r="F9" s="22">
        <v>1</v>
      </c>
      <c r="G9" s="23">
        <v>0</v>
      </c>
      <c r="H9" s="22">
        <v>96</v>
      </c>
      <c r="I9" s="22">
        <v>45</v>
      </c>
      <c r="J9" s="22">
        <v>51</v>
      </c>
      <c r="K9" s="21">
        <v>181</v>
      </c>
      <c r="L9" s="53">
        <v>89</v>
      </c>
      <c r="M9" s="54">
        <v>92</v>
      </c>
    </row>
    <row r="10" spans="1:13">
      <c r="A10" s="20" t="s">
        <v>17</v>
      </c>
      <c r="B10" s="21">
        <v>-26</v>
      </c>
      <c r="C10" s="22">
        <v>-17</v>
      </c>
      <c r="D10" s="22">
        <v>-9</v>
      </c>
      <c r="E10" s="21">
        <v>0</v>
      </c>
      <c r="F10" s="22">
        <v>0</v>
      </c>
      <c r="G10" s="23">
        <v>0</v>
      </c>
      <c r="H10" s="22">
        <v>98</v>
      </c>
      <c r="I10" s="22">
        <v>46</v>
      </c>
      <c r="J10" s="22">
        <v>52</v>
      </c>
      <c r="K10" s="21">
        <v>124</v>
      </c>
      <c r="L10" s="53">
        <v>63</v>
      </c>
      <c r="M10" s="54">
        <v>61</v>
      </c>
    </row>
    <row r="11" spans="1:13">
      <c r="A11" s="20" t="s">
        <v>18</v>
      </c>
      <c r="B11" s="21">
        <v>-25</v>
      </c>
      <c r="C11" s="22">
        <v>-19</v>
      </c>
      <c r="D11" s="22">
        <v>-6</v>
      </c>
      <c r="E11" s="21">
        <v>0</v>
      </c>
      <c r="F11" s="22">
        <v>0</v>
      </c>
      <c r="G11" s="23">
        <v>0</v>
      </c>
      <c r="H11" s="22">
        <v>67</v>
      </c>
      <c r="I11" s="22">
        <v>29</v>
      </c>
      <c r="J11" s="22">
        <v>38</v>
      </c>
      <c r="K11" s="21">
        <v>92</v>
      </c>
      <c r="L11" s="53">
        <v>48</v>
      </c>
      <c r="M11" s="54">
        <v>44</v>
      </c>
    </row>
    <row r="12" spans="1:13" ht="20.100000000000001" customHeight="1">
      <c r="A12" s="16" t="s">
        <v>19</v>
      </c>
      <c r="B12" s="17">
        <v>-48</v>
      </c>
      <c r="C12" s="18">
        <v>-17</v>
      </c>
      <c r="D12" s="18">
        <v>-31</v>
      </c>
      <c r="E12" s="17">
        <v>0</v>
      </c>
      <c r="F12" s="18">
        <v>0</v>
      </c>
      <c r="G12" s="19">
        <v>0</v>
      </c>
      <c r="H12" s="18">
        <v>220</v>
      </c>
      <c r="I12" s="18">
        <v>121</v>
      </c>
      <c r="J12" s="18">
        <v>99</v>
      </c>
      <c r="K12" s="17">
        <v>268</v>
      </c>
      <c r="L12" s="51">
        <v>138</v>
      </c>
      <c r="M12" s="52">
        <v>130</v>
      </c>
    </row>
    <row r="13" spans="1:13">
      <c r="A13" s="20" t="s">
        <v>20</v>
      </c>
      <c r="B13" s="21">
        <v>-25</v>
      </c>
      <c r="C13" s="22">
        <v>-15</v>
      </c>
      <c r="D13" s="22">
        <v>-10</v>
      </c>
      <c r="E13" s="21">
        <v>0</v>
      </c>
      <c r="F13" s="22">
        <v>0</v>
      </c>
      <c r="G13" s="23">
        <v>0</v>
      </c>
      <c r="H13" s="22">
        <v>50</v>
      </c>
      <c r="I13" s="22">
        <v>29</v>
      </c>
      <c r="J13" s="22">
        <v>21</v>
      </c>
      <c r="K13" s="21">
        <v>75</v>
      </c>
      <c r="L13" s="53">
        <v>44</v>
      </c>
      <c r="M13" s="54">
        <v>31</v>
      </c>
    </row>
    <row r="14" spans="1:13">
      <c r="A14" s="20" t="s">
        <v>21</v>
      </c>
      <c r="B14" s="21">
        <v>-10</v>
      </c>
      <c r="C14" s="22">
        <v>-2</v>
      </c>
      <c r="D14" s="22">
        <v>-8</v>
      </c>
      <c r="E14" s="21">
        <v>0</v>
      </c>
      <c r="F14" s="22">
        <v>0</v>
      </c>
      <c r="G14" s="23">
        <v>0</v>
      </c>
      <c r="H14" s="22">
        <v>51</v>
      </c>
      <c r="I14" s="22">
        <v>30</v>
      </c>
      <c r="J14" s="22">
        <v>21</v>
      </c>
      <c r="K14" s="21">
        <v>61</v>
      </c>
      <c r="L14" s="53">
        <v>32</v>
      </c>
      <c r="M14" s="54">
        <v>29</v>
      </c>
    </row>
    <row r="15" spans="1:13">
      <c r="A15" s="20" t="s">
        <v>22</v>
      </c>
      <c r="B15" s="21">
        <v>-12</v>
      </c>
      <c r="C15" s="22">
        <v>-10</v>
      </c>
      <c r="D15" s="22">
        <v>-2</v>
      </c>
      <c r="E15" s="21">
        <v>0</v>
      </c>
      <c r="F15" s="22">
        <v>0</v>
      </c>
      <c r="G15" s="23">
        <v>0</v>
      </c>
      <c r="H15" s="22">
        <v>52</v>
      </c>
      <c r="I15" s="22">
        <v>24</v>
      </c>
      <c r="J15" s="22">
        <v>28</v>
      </c>
      <c r="K15" s="21">
        <v>64</v>
      </c>
      <c r="L15" s="53">
        <v>34</v>
      </c>
      <c r="M15" s="54">
        <v>30</v>
      </c>
    </row>
    <row r="16" spans="1:13">
      <c r="A16" s="20" t="s">
        <v>23</v>
      </c>
      <c r="B16" s="21">
        <v>-7</v>
      </c>
      <c r="C16" s="22">
        <v>5</v>
      </c>
      <c r="D16" s="22">
        <v>-12</v>
      </c>
      <c r="E16" s="21">
        <v>0</v>
      </c>
      <c r="F16" s="22">
        <v>0</v>
      </c>
      <c r="G16" s="23">
        <v>0</v>
      </c>
      <c r="H16" s="22">
        <v>30</v>
      </c>
      <c r="I16" s="22">
        <v>20</v>
      </c>
      <c r="J16" s="22">
        <v>10</v>
      </c>
      <c r="K16" s="21">
        <v>37</v>
      </c>
      <c r="L16" s="53">
        <v>15</v>
      </c>
      <c r="M16" s="54">
        <v>22</v>
      </c>
    </row>
    <row r="17" spans="1:13">
      <c r="A17" s="20" t="s">
        <v>24</v>
      </c>
      <c r="B17" s="21">
        <v>6</v>
      </c>
      <c r="C17" s="22">
        <v>5</v>
      </c>
      <c r="D17" s="22">
        <v>1</v>
      </c>
      <c r="E17" s="21">
        <v>0</v>
      </c>
      <c r="F17" s="22">
        <v>0</v>
      </c>
      <c r="G17" s="23">
        <v>0</v>
      </c>
      <c r="H17" s="22">
        <v>37</v>
      </c>
      <c r="I17" s="22">
        <v>18</v>
      </c>
      <c r="J17" s="22">
        <v>19</v>
      </c>
      <c r="K17" s="21">
        <v>31</v>
      </c>
      <c r="L17" s="53">
        <v>13</v>
      </c>
      <c r="M17" s="54">
        <v>18</v>
      </c>
    </row>
    <row r="18" spans="1:13" ht="20.100000000000001" customHeight="1">
      <c r="A18" s="16" t="s">
        <v>25</v>
      </c>
      <c r="B18" s="17">
        <v>-13</v>
      </c>
      <c r="C18" s="18">
        <v>9</v>
      </c>
      <c r="D18" s="18">
        <v>-22</v>
      </c>
      <c r="E18" s="17">
        <v>0</v>
      </c>
      <c r="F18" s="18">
        <v>0</v>
      </c>
      <c r="G18" s="19">
        <v>0</v>
      </c>
      <c r="H18" s="18">
        <v>112</v>
      </c>
      <c r="I18" s="18">
        <v>62</v>
      </c>
      <c r="J18" s="18">
        <v>50</v>
      </c>
      <c r="K18" s="17">
        <v>125</v>
      </c>
      <c r="L18" s="51">
        <v>53</v>
      </c>
      <c r="M18" s="52">
        <v>72</v>
      </c>
    </row>
    <row r="19" spans="1:13">
      <c r="A19" s="20" t="s">
        <v>26</v>
      </c>
      <c r="B19" s="21">
        <v>-11</v>
      </c>
      <c r="C19" s="22">
        <v>-4</v>
      </c>
      <c r="D19" s="22">
        <v>-7</v>
      </c>
      <c r="E19" s="21">
        <v>0</v>
      </c>
      <c r="F19" s="22">
        <v>0</v>
      </c>
      <c r="G19" s="23">
        <v>0</v>
      </c>
      <c r="H19" s="22">
        <v>15</v>
      </c>
      <c r="I19" s="22">
        <v>5</v>
      </c>
      <c r="J19" s="22">
        <v>10</v>
      </c>
      <c r="K19" s="21">
        <v>26</v>
      </c>
      <c r="L19" s="53">
        <v>9</v>
      </c>
      <c r="M19" s="54">
        <v>17</v>
      </c>
    </row>
    <row r="20" spans="1:13">
      <c r="A20" s="20" t="s">
        <v>27</v>
      </c>
      <c r="B20" s="21">
        <v>-6</v>
      </c>
      <c r="C20" s="22">
        <v>1</v>
      </c>
      <c r="D20" s="22">
        <v>-7</v>
      </c>
      <c r="E20" s="21">
        <v>0</v>
      </c>
      <c r="F20" s="22">
        <v>0</v>
      </c>
      <c r="G20" s="23">
        <v>0</v>
      </c>
      <c r="H20" s="22">
        <v>23</v>
      </c>
      <c r="I20" s="22">
        <v>13</v>
      </c>
      <c r="J20" s="22">
        <v>10</v>
      </c>
      <c r="K20" s="21">
        <v>29</v>
      </c>
      <c r="L20" s="53">
        <v>12</v>
      </c>
      <c r="M20" s="54">
        <v>17</v>
      </c>
    </row>
    <row r="21" spans="1:13">
      <c r="A21" s="20" t="s">
        <v>28</v>
      </c>
      <c r="B21" s="21">
        <v>-3</v>
      </c>
      <c r="C21" s="22">
        <v>3</v>
      </c>
      <c r="D21" s="22">
        <v>-6</v>
      </c>
      <c r="E21" s="21">
        <v>0</v>
      </c>
      <c r="F21" s="22">
        <v>0</v>
      </c>
      <c r="G21" s="23">
        <v>0</v>
      </c>
      <c r="H21" s="22">
        <v>19</v>
      </c>
      <c r="I21" s="22">
        <v>10</v>
      </c>
      <c r="J21" s="22">
        <v>9</v>
      </c>
      <c r="K21" s="21">
        <v>22</v>
      </c>
      <c r="L21" s="53">
        <v>7</v>
      </c>
      <c r="M21" s="54">
        <v>15</v>
      </c>
    </row>
    <row r="22" spans="1:13">
      <c r="A22" s="20" t="s">
        <v>29</v>
      </c>
      <c r="B22" s="21">
        <v>2</v>
      </c>
      <c r="C22" s="22">
        <v>0</v>
      </c>
      <c r="D22" s="22">
        <v>2</v>
      </c>
      <c r="E22" s="21">
        <v>0</v>
      </c>
      <c r="F22" s="22">
        <v>0</v>
      </c>
      <c r="G22" s="23">
        <v>0</v>
      </c>
      <c r="H22" s="22">
        <v>36</v>
      </c>
      <c r="I22" s="22">
        <v>19</v>
      </c>
      <c r="J22" s="22">
        <v>17</v>
      </c>
      <c r="K22" s="21">
        <v>34</v>
      </c>
      <c r="L22" s="53">
        <v>19</v>
      </c>
      <c r="M22" s="54">
        <v>15</v>
      </c>
    </row>
    <row r="23" spans="1:13">
      <c r="A23" s="20" t="s">
        <v>30</v>
      </c>
      <c r="B23" s="21">
        <v>5</v>
      </c>
      <c r="C23" s="22">
        <v>9</v>
      </c>
      <c r="D23" s="22">
        <v>-4</v>
      </c>
      <c r="E23" s="21">
        <v>0</v>
      </c>
      <c r="F23" s="22">
        <v>0</v>
      </c>
      <c r="G23" s="23">
        <v>0</v>
      </c>
      <c r="H23" s="22">
        <v>19</v>
      </c>
      <c r="I23" s="22">
        <v>15</v>
      </c>
      <c r="J23" s="22">
        <v>4</v>
      </c>
      <c r="K23" s="21">
        <v>14</v>
      </c>
      <c r="L23" s="53">
        <v>6</v>
      </c>
      <c r="M23" s="54">
        <v>8</v>
      </c>
    </row>
    <row r="24" spans="1:13" ht="20.100000000000001" customHeight="1">
      <c r="A24" s="16" t="s">
        <v>31</v>
      </c>
      <c r="B24" s="17">
        <v>350</v>
      </c>
      <c r="C24" s="18">
        <v>165</v>
      </c>
      <c r="D24" s="18">
        <v>185</v>
      </c>
      <c r="E24" s="17">
        <v>0</v>
      </c>
      <c r="F24" s="18">
        <v>0</v>
      </c>
      <c r="G24" s="19">
        <v>0</v>
      </c>
      <c r="H24" s="18">
        <v>622</v>
      </c>
      <c r="I24" s="18">
        <v>312</v>
      </c>
      <c r="J24" s="18">
        <v>310</v>
      </c>
      <c r="K24" s="17">
        <v>272</v>
      </c>
      <c r="L24" s="51">
        <v>147</v>
      </c>
      <c r="M24" s="52">
        <v>125</v>
      </c>
    </row>
    <row r="25" spans="1:13">
      <c r="A25" s="20" t="s">
        <v>32</v>
      </c>
      <c r="B25" s="21">
        <v>-5</v>
      </c>
      <c r="C25" s="22">
        <v>-1</v>
      </c>
      <c r="D25" s="22">
        <v>-4</v>
      </c>
      <c r="E25" s="21">
        <v>0</v>
      </c>
      <c r="F25" s="22">
        <v>0</v>
      </c>
      <c r="G25" s="23">
        <v>0</v>
      </c>
      <c r="H25" s="22">
        <v>20</v>
      </c>
      <c r="I25" s="22">
        <v>10</v>
      </c>
      <c r="J25" s="22">
        <v>10</v>
      </c>
      <c r="K25" s="21">
        <v>25</v>
      </c>
      <c r="L25" s="53">
        <v>11</v>
      </c>
      <c r="M25" s="54">
        <v>14</v>
      </c>
    </row>
    <row r="26" spans="1:13">
      <c r="A26" s="20" t="s">
        <v>33</v>
      </c>
      <c r="B26" s="21">
        <v>-1</v>
      </c>
      <c r="C26" s="22">
        <v>-6</v>
      </c>
      <c r="D26" s="22">
        <v>5</v>
      </c>
      <c r="E26" s="21">
        <v>0</v>
      </c>
      <c r="F26" s="22">
        <v>0</v>
      </c>
      <c r="G26" s="23">
        <v>0</v>
      </c>
      <c r="H26" s="22">
        <v>38</v>
      </c>
      <c r="I26" s="22">
        <v>15</v>
      </c>
      <c r="J26" s="22">
        <v>23</v>
      </c>
      <c r="K26" s="21">
        <v>39</v>
      </c>
      <c r="L26" s="53">
        <v>21</v>
      </c>
      <c r="M26" s="54">
        <v>18</v>
      </c>
    </row>
    <row r="27" spans="1:13">
      <c r="A27" s="20" t="s">
        <v>34</v>
      </c>
      <c r="B27" s="21">
        <v>9</v>
      </c>
      <c r="C27" s="22">
        <v>-4</v>
      </c>
      <c r="D27" s="22">
        <v>13</v>
      </c>
      <c r="E27" s="21">
        <v>0</v>
      </c>
      <c r="F27" s="22">
        <v>0</v>
      </c>
      <c r="G27" s="23">
        <v>0</v>
      </c>
      <c r="H27" s="22">
        <v>37</v>
      </c>
      <c r="I27" s="22">
        <v>13</v>
      </c>
      <c r="J27" s="22">
        <v>24</v>
      </c>
      <c r="K27" s="21">
        <v>28</v>
      </c>
      <c r="L27" s="53">
        <v>17</v>
      </c>
      <c r="M27" s="54">
        <v>11</v>
      </c>
    </row>
    <row r="28" spans="1:13">
      <c r="A28" s="20" t="s">
        <v>35</v>
      </c>
      <c r="B28" s="21">
        <v>82</v>
      </c>
      <c r="C28" s="22">
        <v>36</v>
      </c>
      <c r="D28" s="22">
        <v>46</v>
      </c>
      <c r="E28" s="21">
        <v>0</v>
      </c>
      <c r="F28" s="22">
        <v>0</v>
      </c>
      <c r="G28" s="23">
        <v>0</v>
      </c>
      <c r="H28" s="22">
        <v>122</v>
      </c>
      <c r="I28" s="22">
        <v>55</v>
      </c>
      <c r="J28" s="22">
        <v>67</v>
      </c>
      <c r="K28" s="21">
        <v>40</v>
      </c>
      <c r="L28" s="53">
        <v>19</v>
      </c>
      <c r="M28" s="54">
        <v>21</v>
      </c>
    </row>
    <row r="29" spans="1:13">
      <c r="A29" s="20" t="s">
        <v>36</v>
      </c>
      <c r="B29" s="21">
        <v>265</v>
      </c>
      <c r="C29" s="22">
        <v>140</v>
      </c>
      <c r="D29" s="22">
        <v>125</v>
      </c>
      <c r="E29" s="21">
        <v>0</v>
      </c>
      <c r="F29" s="22">
        <v>0</v>
      </c>
      <c r="G29" s="23">
        <v>0</v>
      </c>
      <c r="H29" s="22">
        <v>405</v>
      </c>
      <c r="I29" s="22">
        <v>219</v>
      </c>
      <c r="J29" s="22">
        <v>186</v>
      </c>
      <c r="K29" s="21">
        <v>140</v>
      </c>
      <c r="L29" s="53">
        <v>79</v>
      </c>
      <c r="M29" s="54">
        <v>61</v>
      </c>
    </row>
    <row r="30" spans="1:13" ht="20.100000000000001" customHeight="1">
      <c r="A30" s="16" t="s">
        <v>37</v>
      </c>
      <c r="B30" s="17">
        <v>1618</v>
      </c>
      <c r="C30" s="18">
        <v>730</v>
      </c>
      <c r="D30" s="18">
        <v>888</v>
      </c>
      <c r="E30" s="17">
        <v>4</v>
      </c>
      <c r="F30" s="18">
        <v>3</v>
      </c>
      <c r="G30" s="19">
        <v>1</v>
      </c>
      <c r="H30" s="18">
        <v>4104</v>
      </c>
      <c r="I30" s="18">
        <v>1992</v>
      </c>
      <c r="J30" s="18">
        <v>2112</v>
      </c>
      <c r="K30" s="17">
        <v>2482</v>
      </c>
      <c r="L30" s="51">
        <v>1259</v>
      </c>
      <c r="M30" s="52">
        <v>1223</v>
      </c>
    </row>
    <row r="31" spans="1:13">
      <c r="A31" s="20" t="s">
        <v>38</v>
      </c>
      <c r="B31" s="21">
        <v>187</v>
      </c>
      <c r="C31" s="22">
        <v>85</v>
      </c>
      <c r="D31" s="22">
        <v>102</v>
      </c>
      <c r="E31" s="21">
        <v>1</v>
      </c>
      <c r="F31" s="22">
        <v>1</v>
      </c>
      <c r="G31" s="23">
        <v>0</v>
      </c>
      <c r="H31" s="22">
        <v>366</v>
      </c>
      <c r="I31" s="22">
        <v>174</v>
      </c>
      <c r="J31" s="22">
        <v>192</v>
      </c>
      <c r="K31" s="21">
        <v>178</v>
      </c>
      <c r="L31" s="53">
        <v>88</v>
      </c>
      <c r="M31" s="54">
        <v>90</v>
      </c>
    </row>
    <row r="32" spans="1:13">
      <c r="A32" s="20" t="s">
        <v>39</v>
      </c>
      <c r="B32" s="21">
        <v>389</v>
      </c>
      <c r="C32" s="22">
        <v>148</v>
      </c>
      <c r="D32" s="22">
        <v>241</v>
      </c>
      <c r="E32" s="21">
        <v>0</v>
      </c>
      <c r="F32" s="22">
        <v>0</v>
      </c>
      <c r="G32" s="23">
        <v>0</v>
      </c>
      <c r="H32" s="22">
        <v>686</v>
      </c>
      <c r="I32" s="22">
        <v>300</v>
      </c>
      <c r="J32" s="22">
        <v>386</v>
      </c>
      <c r="K32" s="21">
        <v>297</v>
      </c>
      <c r="L32" s="53">
        <v>152</v>
      </c>
      <c r="M32" s="54">
        <v>145</v>
      </c>
    </row>
    <row r="33" spans="1:13">
      <c r="A33" s="20" t="s">
        <v>40</v>
      </c>
      <c r="B33" s="21">
        <v>281</v>
      </c>
      <c r="C33" s="22">
        <v>129</v>
      </c>
      <c r="D33" s="22">
        <v>152</v>
      </c>
      <c r="E33" s="21">
        <v>0</v>
      </c>
      <c r="F33" s="22">
        <v>0</v>
      </c>
      <c r="G33" s="23">
        <v>0</v>
      </c>
      <c r="H33" s="22">
        <v>739</v>
      </c>
      <c r="I33" s="22">
        <v>329</v>
      </c>
      <c r="J33" s="22">
        <v>410</v>
      </c>
      <c r="K33" s="21">
        <v>458</v>
      </c>
      <c r="L33" s="53">
        <v>200</v>
      </c>
      <c r="M33" s="54">
        <v>258</v>
      </c>
    </row>
    <row r="34" spans="1:13">
      <c r="A34" s="20" t="s">
        <v>41</v>
      </c>
      <c r="B34" s="21">
        <v>549</v>
      </c>
      <c r="C34" s="22">
        <v>248</v>
      </c>
      <c r="D34" s="22">
        <v>301</v>
      </c>
      <c r="E34" s="21">
        <v>1</v>
      </c>
      <c r="F34" s="22">
        <v>0</v>
      </c>
      <c r="G34" s="23">
        <v>1</v>
      </c>
      <c r="H34" s="22">
        <v>1350</v>
      </c>
      <c r="I34" s="22">
        <v>677</v>
      </c>
      <c r="J34" s="22">
        <v>673</v>
      </c>
      <c r="K34" s="21">
        <v>800</v>
      </c>
      <c r="L34" s="53">
        <v>429</v>
      </c>
      <c r="M34" s="54">
        <v>371</v>
      </c>
    </row>
    <row r="35" spans="1:13">
      <c r="A35" s="20" t="s">
        <v>42</v>
      </c>
      <c r="B35" s="21">
        <v>212</v>
      </c>
      <c r="C35" s="22">
        <v>120</v>
      </c>
      <c r="D35" s="22">
        <v>92</v>
      </c>
      <c r="E35" s="21">
        <v>2</v>
      </c>
      <c r="F35" s="22">
        <v>2</v>
      </c>
      <c r="G35" s="23">
        <v>0</v>
      </c>
      <c r="H35" s="22">
        <v>963</v>
      </c>
      <c r="I35" s="22">
        <v>512</v>
      </c>
      <c r="J35" s="22">
        <v>451</v>
      </c>
      <c r="K35" s="21">
        <v>749</v>
      </c>
      <c r="L35" s="53">
        <v>390</v>
      </c>
      <c r="M35" s="54">
        <v>359</v>
      </c>
    </row>
    <row r="36" spans="1:13" ht="20.100000000000001" customHeight="1">
      <c r="A36" s="16" t="s">
        <v>43</v>
      </c>
      <c r="B36" s="17">
        <v>646</v>
      </c>
      <c r="C36" s="18">
        <v>307</v>
      </c>
      <c r="D36" s="18">
        <v>339</v>
      </c>
      <c r="E36" s="17">
        <v>5</v>
      </c>
      <c r="F36" s="18">
        <v>3</v>
      </c>
      <c r="G36" s="19">
        <v>2</v>
      </c>
      <c r="H36" s="18">
        <v>4311</v>
      </c>
      <c r="I36" s="18">
        <v>2217</v>
      </c>
      <c r="J36" s="18">
        <v>2094</v>
      </c>
      <c r="K36" s="17">
        <v>3660</v>
      </c>
      <c r="L36" s="51">
        <v>1907</v>
      </c>
      <c r="M36" s="52">
        <v>1753</v>
      </c>
    </row>
    <row r="37" spans="1:13">
      <c r="A37" s="20" t="s">
        <v>44</v>
      </c>
      <c r="B37" s="21">
        <v>206</v>
      </c>
      <c r="C37" s="22">
        <v>110</v>
      </c>
      <c r="D37" s="22">
        <v>96</v>
      </c>
      <c r="E37" s="21">
        <v>0</v>
      </c>
      <c r="F37" s="22">
        <v>0</v>
      </c>
      <c r="G37" s="23">
        <v>0</v>
      </c>
      <c r="H37" s="22">
        <v>1014</v>
      </c>
      <c r="I37" s="22">
        <v>524</v>
      </c>
      <c r="J37" s="22">
        <v>490</v>
      </c>
      <c r="K37" s="21">
        <v>808</v>
      </c>
      <c r="L37" s="53">
        <v>414</v>
      </c>
      <c r="M37" s="54">
        <v>394</v>
      </c>
    </row>
    <row r="38" spans="1:13">
      <c r="A38" s="20" t="s">
        <v>45</v>
      </c>
      <c r="B38" s="21">
        <v>127</v>
      </c>
      <c r="C38" s="22">
        <v>105</v>
      </c>
      <c r="D38" s="22">
        <v>22</v>
      </c>
      <c r="E38" s="21">
        <v>1</v>
      </c>
      <c r="F38" s="22">
        <v>0</v>
      </c>
      <c r="G38" s="23">
        <v>1</v>
      </c>
      <c r="H38" s="22">
        <v>895</v>
      </c>
      <c r="I38" s="22">
        <v>474</v>
      </c>
      <c r="J38" s="22">
        <v>421</v>
      </c>
      <c r="K38" s="21">
        <v>767</v>
      </c>
      <c r="L38" s="53">
        <v>369</v>
      </c>
      <c r="M38" s="54">
        <v>398</v>
      </c>
    </row>
    <row r="39" spans="1:13">
      <c r="A39" s="20" t="s">
        <v>46</v>
      </c>
      <c r="B39" s="21">
        <v>87</v>
      </c>
      <c r="C39" s="22">
        <v>-21</v>
      </c>
      <c r="D39" s="22">
        <v>108</v>
      </c>
      <c r="E39" s="21">
        <v>1</v>
      </c>
      <c r="F39" s="22">
        <v>1</v>
      </c>
      <c r="G39" s="23">
        <v>0</v>
      </c>
      <c r="H39" s="22">
        <v>861</v>
      </c>
      <c r="I39" s="22">
        <v>414</v>
      </c>
      <c r="J39" s="22">
        <v>447</v>
      </c>
      <c r="K39" s="21">
        <v>773</v>
      </c>
      <c r="L39" s="53">
        <v>434</v>
      </c>
      <c r="M39" s="54">
        <v>339</v>
      </c>
    </row>
    <row r="40" spans="1:13">
      <c r="A40" s="20" t="s">
        <v>47</v>
      </c>
      <c r="B40" s="21">
        <v>165</v>
      </c>
      <c r="C40" s="22">
        <v>101</v>
      </c>
      <c r="D40" s="22">
        <v>64</v>
      </c>
      <c r="E40" s="21">
        <v>0</v>
      </c>
      <c r="F40" s="22">
        <v>0</v>
      </c>
      <c r="G40" s="23">
        <v>0</v>
      </c>
      <c r="H40" s="22">
        <v>853</v>
      </c>
      <c r="I40" s="22">
        <v>446</v>
      </c>
      <c r="J40" s="22">
        <v>407</v>
      </c>
      <c r="K40" s="21">
        <v>688</v>
      </c>
      <c r="L40" s="53">
        <v>345</v>
      </c>
      <c r="M40" s="54">
        <v>343</v>
      </c>
    </row>
    <row r="41" spans="1:13">
      <c r="A41" s="20" t="s">
        <v>48</v>
      </c>
      <c r="B41" s="21">
        <v>61</v>
      </c>
      <c r="C41" s="22">
        <v>12</v>
      </c>
      <c r="D41" s="22">
        <v>49</v>
      </c>
      <c r="E41" s="21">
        <v>3</v>
      </c>
      <c r="F41" s="22">
        <v>2</v>
      </c>
      <c r="G41" s="23">
        <v>1</v>
      </c>
      <c r="H41" s="22">
        <v>688</v>
      </c>
      <c r="I41" s="22">
        <v>359</v>
      </c>
      <c r="J41" s="22">
        <v>329</v>
      </c>
      <c r="K41" s="21">
        <v>624</v>
      </c>
      <c r="L41" s="53">
        <v>345</v>
      </c>
      <c r="M41" s="54">
        <v>279</v>
      </c>
    </row>
    <row r="42" spans="1:13" ht="20.100000000000001" customHeight="1">
      <c r="A42" s="16" t="s">
        <v>49</v>
      </c>
      <c r="B42" s="17">
        <v>-187</v>
      </c>
      <c r="C42" s="18">
        <v>-99</v>
      </c>
      <c r="D42" s="18">
        <v>-88</v>
      </c>
      <c r="E42" s="17">
        <v>7</v>
      </c>
      <c r="F42" s="18">
        <v>5</v>
      </c>
      <c r="G42" s="19">
        <v>2</v>
      </c>
      <c r="H42" s="18">
        <v>2407</v>
      </c>
      <c r="I42" s="18">
        <v>1279</v>
      </c>
      <c r="J42" s="18">
        <v>1128</v>
      </c>
      <c r="K42" s="17">
        <v>2587</v>
      </c>
      <c r="L42" s="51">
        <v>1373</v>
      </c>
      <c r="M42" s="52">
        <v>1214</v>
      </c>
    </row>
    <row r="43" spans="1:13">
      <c r="A43" s="20" t="s">
        <v>50</v>
      </c>
      <c r="B43" s="21">
        <v>-29</v>
      </c>
      <c r="C43" s="22">
        <v>-1</v>
      </c>
      <c r="D43" s="22">
        <v>-28</v>
      </c>
      <c r="E43" s="21">
        <v>2</v>
      </c>
      <c r="F43" s="22">
        <v>1</v>
      </c>
      <c r="G43" s="23">
        <v>1</v>
      </c>
      <c r="H43" s="22">
        <v>600</v>
      </c>
      <c r="I43" s="22">
        <v>313</v>
      </c>
      <c r="J43" s="22">
        <v>287</v>
      </c>
      <c r="K43" s="21">
        <v>627</v>
      </c>
      <c r="L43" s="53">
        <v>313</v>
      </c>
      <c r="M43" s="54">
        <v>314</v>
      </c>
    </row>
    <row r="44" spans="1:13">
      <c r="A44" s="20" t="s">
        <v>51</v>
      </c>
      <c r="B44" s="21">
        <v>-23</v>
      </c>
      <c r="C44" s="22">
        <v>-16</v>
      </c>
      <c r="D44" s="22">
        <v>-7</v>
      </c>
      <c r="E44" s="21">
        <v>1</v>
      </c>
      <c r="F44" s="22">
        <v>1</v>
      </c>
      <c r="G44" s="23">
        <v>0</v>
      </c>
      <c r="H44" s="22">
        <v>548</v>
      </c>
      <c r="I44" s="22">
        <v>289</v>
      </c>
      <c r="J44" s="22">
        <v>259</v>
      </c>
      <c r="K44" s="21">
        <v>570</v>
      </c>
      <c r="L44" s="53">
        <v>304</v>
      </c>
      <c r="M44" s="54">
        <v>266</v>
      </c>
    </row>
    <row r="45" spans="1:13">
      <c r="A45" s="20" t="s">
        <v>52</v>
      </c>
      <c r="B45" s="21">
        <v>-13</v>
      </c>
      <c r="C45" s="22">
        <v>-6</v>
      </c>
      <c r="D45" s="22">
        <v>-7</v>
      </c>
      <c r="E45" s="21">
        <v>2</v>
      </c>
      <c r="F45" s="22">
        <v>2</v>
      </c>
      <c r="G45" s="23">
        <v>0</v>
      </c>
      <c r="H45" s="22">
        <v>497</v>
      </c>
      <c r="I45" s="22">
        <v>252</v>
      </c>
      <c r="J45" s="22">
        <v>245</v>
      </c>
      <c r="K45" s="21">
        <v>508</v>
      </c>
      <c r="L45" s="53">
        <v>256</v>
      </c>
      <c r="M45" s="54">
        <v>252</v>
      </c>
    </row>
    <row r="46" spans="1:13">
      <c r="A46" s="20" t="s">
        <v>53</v>
      </c>
      <c r="B46" s="21">
        <v>-99</v>
      </c>
      <c r="C46" s="22">
        <v>-67</v>
      </c>
      <c r="D46" s="22">
        <v>-32</v>
      </c>
      <c r="E46" s="21">
        <v>0</v>
      </c>
      <c r="F46" s="22">
        <v>0</v>
      </c>
      <c r="G46" s="23">
        <v>0</v>
      </c>
      <c r="H46" s="22">
        <v>394</v>
      </c>
      <c r="I46" s="22">
        <v>220</v>
      </c>
      <c r="J46" s="22">
        <v>174</v>
      </c>
      <c r="K46" s="21">
        <v>493</v>
      </c>
      <c r="L46" s="53">
        <v>287</v>
      </c>
      <c r="M46" s="54">
        <v>206</v>
      </c>
    </row>
    <row r="47" spans="1:13">
      <c r="A47" s="20" t="s">
        <v>54</v>
      </c>
      <c r="B47" s="21">
        <v>-23</v>
      </c>
      <c r="C47" s="22">
        <v>-9</v>
      </c>
      <c r="D47" s="22">
        <v>-14</v>
      </c>
      <c r="E47" s="21">
        <v>2</v>
      </c>
      <c r="F47" s="22">
        <v>1</v>
      </c>
      <c r="G47" s="23">
        <v>1</v>
      </c>
      <c r="H47" s="22">
        <v>368</v>
      </c>
      <c r="I47" s="22">
        <v>205</v>
      </c>
      <c r="J47" s="22">
        <v>163</v>
      </c>
      <c r="K47" s="21">
        <v>389</v>
      </c>
      <c r="L47" s="53">
        <v>213</v>
      </c>
      <c r="M47" s="54">
        <v>176</v>
      </c>
    </row>
    <row r="48" spans="1:13" ht="20.100000000000001" customHeight="1">
      <c r="A48" s="16" t="s">
        <v>55</v>
      </c>
      <c r="B48" s="17">
        <v>-145</v>
      </c>
      <c r="C48" s="18">
        <v>-71</v>
      </c>
      <c r="D48" s="18">
        <v>-74</v>
      </c>
      <c r="E48" s="17">
        <v>6</v>
      </c>
      <c r="F48" s="18">
        <v>5</v>
      </c>
      <c r="G48" s="19">
        <v>1</v>
      </c>
      <c r="H48" s="18">
        <v>1307</v>
      </c>
      <c r="I48" s="18">
        <v>757</v>
      </c>
      <c r="J48" s="18">
        <v>550</v>
      </c>
      <c r="K48" s="17">
        <v>1446</v>
      </c>
      <c r="L48" s="51">
        <v>823</v>
      </c>
      <c r="M48" s="52">
        <v>623</v>
      </c>
    </row>
    <row r="49" spans="1:13">
      <c r="A49" s="20" t="s">
        <v>56</v>
      </c>
      <c r="B49" s="21">
        <v>-46</v>
      </c>
      <c r="C49" s="22">
        <v>-35</v>
      </c>
      <c r="D49" s="22">
        <v>-11</v>
      </c>
      <c r="E49" s="21">
        <v>2</v>
      </c>
      <c r="F49" s="22">
        <v>2</v>
      </c>
      <c r="G49" s="23">
        <v>0</v>
      </c>
      <c r="H49" s="22">
        <v>334</v>
      </c>
      <c r="I49" s="22">
        <v>192</v>
      </c>
      <c r="J49" s="22">
        <v>142</v>
      </c>
      <c r="K49" s="21">
        <v>378</v>
      </c>
      <c r="L49" s="53">
        <v>225</v>
      </c>
      <c r="M49" s="54">
        <v>153</v>
      </c>
    </row>
    <row r="50" spans="1:13">
      <c r="A50" s="20" t="s">
        <v>57</v>
      </c>
      <c r="B50" s="21">
        <v>-61</v>
      </c>
      <c r="C50" s="22">
        <v>-39</v>
      </c>
      <c r="D50" s="22">
        <v>-22</v>
      </c>
      <c r="E50" s="21">
        <v>1</v>
      </c>
      <c r="F50" s="22">
        <v>1</v>
      </c>
      <c r="G50" s="23">
        <v>0</v>
      </c>
      <c r="H50" s="22">
        <v>285</v>
      </c>
      <c r="I50" s="22">
        <v>167</v>
      </c>
      <c r="J50" s="22">
        <v>118</v>
      </c>
      <c r="K50" s="21">
        <v>345</v>
      </c>
      <c r="L50" s="53">
        <v>205</v>
      </c>
      <c r="M50" s="54">
        <v>140</v>
      </c>
    </row>
    <row r="51" spans="1:13">
      <c r="A51" s="20" t="s">
        <v>58</v>
      </c>
      <c r="B51" s="21">
        <v>-7</v>
      </c>
      <c r="C51" s="22">
        <v>4</v>
      </c>
      <c r="D51" s="22">
        <v>-11</v>
      </c>
      <c r="E51" s="21">
        <v>3</v>
      </c>
      <c r="F51" s="22">
        <v>2</v>
      </c>
      <c r="G51" s="23">
        <v>1</v>
      </c>
      <c r="H51" s="22">
        <v>264</v>
      </c>
      <c r="I51" s="22">
        <v>156</v>
      </c>
      <c r="J51" s="22">
        <v>108</v>
      </c>
      <c r="K51" s="21">
        <v>268</v>
      </c>
      <c r="L51" s="53">
        <v>150</v>
      </c>
      <c r="M51" s="54">
        <v>118</v>
      </c>
    </row>
    <row r="52" spans="1:13">
      <c r="A52" s="20" t="s">
        <v>59</v>
      </c>
      <c r="B52" s="21">
        <v>-22</v>
      </c>
      <c r="C52" s="22">
        <v>4</v>
      </c>
      <c r="D52" s="22">
        <v>-26</v>
      </c>
      <c r="E52" s="21">
        <v>0</v>
      </c>
      <c r="F52" s="22">
        <v>0</v>
      </c>
      <c r="G52" s="23">
        <v>0</v>
      </c>
      <c r="H52" s="22">
        <v>216</v>
      </c>
      <c r="I52" s="22">
        <v>126</v>
      </c>
      <c r="J52" s="22">
        <v>90</v>
      </c>
      <c r="K52" s="21">
        <v>238</v>
      </c>
      <c r="L52" s="53">
        <v>122</v>
      </c>
      <c r="M52" s="54">
        <v>116</v>
      </c>
    </row>
    <row r="53" spans="1:13">
      <c r="A53" s="20" t="s">
        <v>60</v>
      </c>
      <c r="B53" s="21">
        <v>-9</v>
      </c>
      <c r="C53" s="22">
        <v>-5</v>
      </c>
      <c r="D53" s="22">
        <v>-4</v>
      </c>
      <c r="E53" s="21">
        <v>0</v>
      </c>
      <c r="F53" s="22">
        <v>0</v>
      </c>
      <c r="G53" s="23">
        <v>0</v>
      </c>
      <c r="H53" s="22">
        <v>208</v>
      </c>
      <c r="I53" s="22">
        <v>116</v>
      </c>
      <c r="J53" s="22">
        <v>92</v>
      </c>
      <c r="K53" s="21">
        <v>217</v>
      </c>
      <c r="L53" s="53">
        <v>121</v>
      </c>
      <c r="M53" s="54">
        <v>96</v>
      </c>
    </row>
    <row r="54" spans="1:13" ht="20.100000000000001" customHeight="1">
      <c r="A54" s="16" t="s">
        <v>61</v>
      </c>
      <c r="B54" s="17">
        <v>-49</v>
      </c>
      <c r="C54" s="18">
        <v>-19</v>
      </c>
      <c r="D54" s="18">
        <v>-30</v>
      </c>
      <c r="E54" s="17">
        <v>17</v>
      </c>
      <c r="F54" s="18">
        <v>12</v>
      </c>
      <c r="G54" s="19">
        <v>5</v>
      </c>
      <c r="H54" s="18">
        <v>771</v>
      </c>
      <c r="I54" s="18">
        <v>452</v>
      </c>
      <c r="J54" s="18">
        <v>319</v>
      </c>
      <c r="K54" s="17">
        <v>803</v>
      </c>
      <c r="L54" s="51">
        <v>459</v>
      </c>
      <c r="M54" s="52">
        <v>344</v>
      </c>
    </row>
    <row r="55" spans="1:13">
      <c r="A55" s="20" t="s">
        <v>62</v>
      </c>
      <c r="B55" s="21">
        <v>-11</v>
      </c>
      <c r="C55" s="22">
        <v>-20</v>
      </c>
      <c r="D55" s="22">
        <v>9</v>
      </c>
      <c r="E55" s="21">
        <v>1</v>
      </c>
      <c r="F55" s="22">
        <v>1</v>
      </c>
      <c r="G55" s="23">
        <v>0</v>
      </c>
      <c r="H55" s="22">
        <v>186</v>
      </c>
      <c r="I55" s="22">
        <v>107</v>
      </c>
      <c r="J55" s="22">
        <v>79</v>
      </c>
      <c r="K55" s="21">
        <v>196</v>
      </c>
      <c r="L55" s="53">
        <v>126</v>
      </c>
      <c r="M55" s="54">
        <v>70</v>
      </c>
    </row>
    <row r="56" spans="1:13">
      <c r="A56" s="20" t="s">
        <v>63</v>
      </c>
      <c r="B56" s="21">
        <v>-5</v>
      </c>
      <c r="C56" s="22">
        <v>12</v>
      </c>
      <c r="D56" s="22">
        <v>-17</v>
      </c>
      <c r="E56" s="21">
        <v>4</v>
      </c>
      <c r="F56" s="22">
        <v>4</v>
      </c>
      <c r="G56" s="23">
        <v>0</v>
      </c>
      <c r="H56" s="22">
        <v>180</v>
      </c>
      <c r="I56" s="22">
        <v>114</v>
      </c>
      <c r="J56" s="22">
        <v>66</v>
      </c>
      <c r="K56" s="21">
        <v>181</v>
      </c>
      <c r="L56" s="53">
        <v>98</v>
      </c>
      <c r="M56" s="54">
        <v>83</v>
      </c>
    </row>
    <row r="57" spans="1:13">
      <c r="A57" s="20" t="s">
        <v>64</v>
      </c>
      <c r="B57" s="21">
        <v>-14</v>
      </c>
      <c r="C57" s="22">
        <v>-1</v>
      </c>
      <c r="D57" s="22">
        <v>-13</v>
      </c>
      <c r="E57" s="21">
        <v>6</v>
      </c>
      <c r="F57" s="22">
        <v>4</v>
      </c>
      <c r="G57" s="23">
        <v>2</v>
      </c>
      <c r="H57" s="22">
        <v>147</v>
      </c>
      <c r="I57" s="22">
        <v>85</v>
      </c>
      <c r="J57" s="22">
        <v>62</v>
      </c>
      <c r="K57" s="21">
        <v>155</v>
      </c>
      <c r="L57" s="53">
        <v>82</v>
      </c>
      <c r="M57" s="54">
        <v>73</v>
      </c>
    </row>
    <row r="58" spans="1:13">
      <c r="A58" s="20" t="s">
        <v>65</v>
      </c>
      <c r="B58" s="21">
        <v>-18</v>
      </c>
      <c r="C58" s="22">
        <v>-14</v>
      </c>
      <c r="D58" s="22">
        <v>-4</v>
      </c>
      <c r="E58" s="21">
        <v>3</v>
      </c>
      <c r="F58" s="22">
        <v>1</v>
      </c>
      <c r="G58" s="23">
        <v>2</v>
      </c>
      <c r="H58" s="22">
        <v>134</v>
      </c>
      <c r="I58" s="22">
        <v>74</v>
      </c>
      <c r="J58" s="22">
        <v>60</v>
      </c>
      <c r="K58" s="21">
        <v>149</v>
      </c>
      <c r="L58" s="53">
        <v>87</v>
      </c>
      <c r="M58" s="54">
        <v>62</v>
      </c>
    </row>
    <row r="59" spans="1:13">
      <c r="A59" s="20" t="s">
        <v>66</v>
      </c>
      <c r="B59" s="21">
        <v>-1</v>
      </c>
      <c r="C59" s="22">
        <v>4</v>
      </c>
      <c r="D59" s="22">
        <v>-5</v>
      </c>
      <c r="E59" s="21">
        <v>3</v>
      </c>
      <c r="F59" s="22">
        <v>2</v>
      </c>
      <c r="G59" s="23">
        <v>1</v>
      </c>
      <c r="H59" s="22">
        <v>124</v>
      </c>
      <c r="I59" s="22">
        <v>72</v>
      </c>
      <c r="J59" s="22">
        <v>52</v>
      </c>
      <c r="K59" s="21">
        <v>122</v>
      </c>
      <c r="L59" s="53">
        <v>66</v>
      </c>
      <c r="M59" s="54">
        <v>56</v>
      </c>
    </row>
    <row r="60" spans="1:13" ht="20.100000000000001" customHeight="1">
      <c r="A60" s="16" t="s">
        <v>67</v>
      </c>
      <c r="B60" s="17">
        <v>-87</v>
      </c>
      <c r="C60" s="18">
        <v>-72</v>
      </c>
      <c r="D60" s="18">
        <v>-15</v>
      </c>
      <c r="E60" s="17">
        <v>22</v>
      </c>
      <c r="F60" s="18">
        <v>15</v>
      </c>
      <c r="G60" s="19">
        <v>7</v>
      </c>
      <c r="H60" s="18">
        <v>546</v>
      </c>
      <c r="I60" s="18">
        <v>297</v>
      </c>
      <c r="J60" s="18">
        <v>249</v>
      </c>
      <c r="K60" s="17">
        <v>611</v>
      </c>
      <c r="L60" s="51">
        <v>354</v>
      </c>
      <c r="M60" s="52">
        <v>257</v>
      </c>
    </row>
    <row r="61" spans="1:13">
      <c r="A61" s="20" t="s">
        <v>68</v>
      </c>
      <c r="B61" s="21">
        <v>-13</v>
      </c>
      <c r="C61" s="22">
        <v>-20</v>
      </c>
      <c r="D61" s="22">
        <v>7</v>
      </c>
      <c r="E61" s="21">
        <v>3</v>
      </c>
      <c r="F61" s="22">
        <v>2</v>
      </c>
      <c r="G61" s="23">
        <v>1</v>
      </c>
      <c r="H61" s="22">
        <v>118</v>
      </c>
      <c r="I61" s="22">
        <v>61</v>
      </c>
      <c r="J61" s="22">
        <v>57</v>
      </c>
      <c r="K61" s="21">
        <v>128</v>
      </c>
      <c r="L61" s="53">
        <v>79</v>
      </c>
      <c r="M61" s="54">
        <v>49</v>
      </c>
    </row>
    <row r="62" spans="1:13">
      <c r="A62" s="20" t="s">
        <v>69</v>
      </c>
      <c r="B62" s="21">
        <v>-24</v>
      </c>
      <c r="C62" s="22">
        <v>-18</v>
      </c>
      <c r="D62" s="22">
        <v>-6</v>
      </c>
      <c r="E62" s="21">
        <v>3</v>
      </c>
      <c r="F62" s="22">
        <v>3</v>
      </c>
      <c r="G62" s="23">
        <v>0</v>
      </c>
      <c r="H62" s="22">
        <v>104</v>
      </c>
      <c r="I62" s="22">
        <v>54</v>
      </c>
      <c r="J62" s="22">
        <v>50</v>
      </c>
      <c r="K62" s="21">
        <v>125</v>
      </c>
      <c r="L62" s="53">
        <v>69</v>
      </c>
      <c r="M62" s="54">
        <v>56</v>
      </c>
    </row>
    <row r="63" spans="1:13">
      <c r="A63" s="20" t="s">
        <v>70</v>
      </c>
      <c r="B63" s="21">
        <v>-23</v>
      </c>
      <c r="C63" s="22">
        <v>-18</v>
      </c>
      <c r="D63" s="22">
        <v>-5</v>
      </c>
      <c r="E63" s="21">
        <v>9</v>
      </c>
      <c r="F63" s="22">
        <v>6</v>
      </c>
      <c r="G63" s="23">
        <v>3</v>
      </c>
      <c r="H63" s="22">
        <v>106</v>
      </c>
      <c r="I63" s="22">
        <v>59</v>
      </c>
      <c r="J63" s="22">
        <v>47</v>
      </c>
      <c r="K63" s="21">
        <v>120</v>
      </c>
      <c r="L63" s="53">
        <v>71</v>
      </c>
      <c r="M63" s="54">
        <v>49</v>
      </c>
    </row>
    <row r="64" spans="1:13">
      <c r="A64" s="20" t="s">
        <v>71</v>
      </c>
      <c r="B64" s="21">
        <v>-33</v>
      </c>
      <c r="C64" s="22">
        <v>-22</v>
      </c>
      <c r="D64" s="22">
        <v>-11</v>
      </c>
      <c r="E64" s="21">
        <v>5</v>
      </c>
      <c r="F64" s="22">
        <v>3</v>
      </c>
      <c r="G64" s="23">
        <v>2</v>
      </c>
      <c r="H64" s="22">
        <v>107</v>
      </c>
      <c r="I64" s="22">
        <v>55</v>
      </c>
      <c r="J64" s="22">
        <v>52</v>
      </c>
      <c r="K64" s="21">
        <v>135</v>
      </c>
      <c r="L64" s="53">
        <v>74</v>
      </c>
      <c r="M64" s="54">
        <v>61</v>
      </c>
    </row>
    <row r="65" spans="1:13">
      <c r="A65" s="24" t="s">
        <v>72</v>
      </c>
      <c r="B65" s="25">
        <v>6</v>
      </c>
      <c r="C65" s="26">
        <v>6</v>
      </c>
      <c r="D65" s="26">
        <v>0</v>
      </c>
      <c r="E65" s="25">
        <v>2</v>
      </c>
      <c r="F65" s="26">
        <v>1</v>
      </c>
      <c r="G65" s="27">
        <v>1</v>
      </c>
      <c r="H65" s="26">
        <v>111</v>
      </c>
      <c r="I65" s="26">
        <v>68</v>
      </c>
      <c r="J65" s="26">
        <v>43</v>
      </c>
      <c r="K65" s="25">
        <v>103</v>
      </c>
      <c r="L65" s="55">
        <v>61</v>
      </c>
      <c r="M65" s="56">
        <v>4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869</v>
      </c>
      <c r="C69" s="58">
        <v>884</v>
      </c>
      <c r="D69" s="59">
        <v>985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869</v>
      </c>
      <c r="C70" s="61">
        <v>884</v>
      </c>
      <c r="D70" s="62">
        <v>985</v>
      </c>
    </row>
    <row r="71" spans="1:13">
      <c r="A71" s="24" t="s">
        <v>14</v>
      </c>
      <c r="B71" s="63">
        <v>1869</v>
      </c>
      <c r="C71" s="64">
        <v>884</v>
      </c>
      <c r="D71" s="65">
        <v>985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7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81</v>
      </c>
      <c r="C77" s="18">
        <v>-56</v>
      </c>
      <c r="D77" s="18">
        <v>-25</v>
      </c>
      <c r="E77" s="17">
        <v>19</v>
      </c>
      <c r="F77" s="18">
        <v>15</v>
      </c>
      <c r="G77" s="19">
        <v>4</v>
      </c>
      <c r="H77" s="18">
        <v>409</v>
      </c>
      <c r="I77" s="18">
        <v>223</v>
      </c>
      <c r="J77" s="18">
        <v>186</v>
      </c>
      <c r="K77" s="17">
        <v>471</v>
      </c>
      <c r="L77" s="51">
        <v>264</v>
      </c>
      <c r="M77" s="52">
        <v>207</v>
      </c>
    </row>
    <row r="78" spans="1:13">
      <c r="A78" s="40" t="s">
        <v>81</v>
      </c>
      <c r="B78" s="21">
        <v>-25</v>
      </c>
      <c r="C78" s="22">
        <v>-20</v>
      </c>
      <c r="D78" s="22">
        <v>-5</v>
      </c>
      <c r="E78" s="21">
        <v>5</v>
      </c>
      <c r="F78" s="22">
        <v>4</v>
      </c>
      <c r="G78" s="23">
        <v>1</v>
      </c>
      <c r="H78" s="22">
        <v>97</v>
      </c>
      <c r="I78" s="22">
        <v>50</v>
      </c>
      <c r="J78" s="22">
        <v>47</v>
      </c>
      <c r="K78" s="21">
        <v>117</v>
      </c>
      <c r="L78" s="53">
        <v>66</v>
      </c>
      <c r="M78" s="54">
        <v>51</v>
      </c>
    </row>
    <row r="79" spans="1:13">
      <c r="A79" s="40" t="s">
        <v>82</v>
      </c>
      <c r="B79" s="21">
        <v>-13</v>
      </c>
      <c r="C79" s="22">
        <v>-9</v>
      </c>
      <c r="D79" s="22">
        <v>-4</v>
      </c>
      <c r="E79" s="21">
        <v>3</v>
      </c>
      <c r="F79" s="22">
        <v>3</v>
      </c>
      <c r="G79" s="23">
        <v>0</v>
      </c>
      <c r="H79" s="22">
        <v>78</v>
      </c>
      <c r="I79" s="22">
        <v>43</v>
      </c>
      <c r="J79" s="22">
        <v>35</v>
      </c>
      <c r="K79" s="21">
        <v>88</v>
      </c>
      <c r="L79" s="53">
        <v>49</v>
      </c>
      <c r="M79" s="54">
        <v>39</v>
      </c>
    </row>
    <row r="80" spans="1:13">
      <c r="A80" s="40" t="s">
        <v>83</v>
      </c>
      <c r="B80" s="21">
        <v>-17</v>
      </c>
      <c r="C80" s="22">
        <v>-10</v>
      </c>
      <c r="D80" s="22">
        <v>-7</v>
      </c>
      <c r="E80" s="21">
        <v>3</v>
      </c>
      <c r="F80" s="22">
        <v>3</v>
      </c>
      <c r="G80" s="23">
        <v>0</v>
      </c>
      <c r="H80" s="22">
        <v>76</v>
      </c>
      <c r="I80" s="22">
        <v>42</v>
      </c>
      <c r="J80" s="22">
        <v>34</v>
      </c>
      <c r="K80" s="21">
        <v>90</v>
      </c>
      <c r="L80" s="53">
        <v>49</v>
      </c>
      <c r="M80" s="54">
        <v>41</v>
      </c>
    </row>
    <row r="81" spans="1:13">
      <c r="A81" s="40" t="s">
        <v>84</v>
      </c>
      <c r="B81" s="21">
        <v>-9</v>
      </c>
      <c r="C81" s="22">
        <v>2</v>
      </c>
      <c r="D81" s="22">
        <v>-11</v>
      </c>
      <c r="E81" s="21">
        <v>3</v>
      </c>
      <c r="F81" s="22">
        <v>1</v>
      </c>
      <c r="G81" s="23">
        <v>2</v>
      </c>
      <c r="H81" s="22">
        <v>74</v>
      </c>
      <c r="I81" s="22">
        <v>47</v>
      </c>
      <c r="J81" s="22">
        <v>27</v>
      </c>
      <c r="K81" s="21">
        <v>80</v>
      </c>
      <c r="L81" s="53">
        <v>44</v>
      </c>
      <c r="M81" s="54">
        <v>36</v>
      </c>
    </row>
    <row r="82" spans="1:13">
      <c r="A82" s="40" t="s">
        <v>85</v>
      </c>
      <c r="B82" s="21">
        <v>-17</v>
      </c>
      <c r="C82" s="22">
        <v>-19</v>
      </c>
      <c r="D82" s="22">
        <v>2</v>
      </c>
      <c r="E82" s="21">
        <v>5</v>
      </c>
      <c r="F82" s="22">
        <v>4</v>
      </c>
      <c r="G82" s="23">
        <v>1</v>
      </c>
      <c r="H82" s="22">
        <v>84</v>
      </c>
      <c r="I82" s="22">
        <v>41</v>
      </c>
      <c r="J82" s="22">
        <v>43</v>
      </c>
      <c r="K82" s="21">
        <v>96</v>
      </c>
      <c r="L82" s="53">
        <v>56</v>
      </c>
      <c r="M82" s="54">
        <v>40</v>
      </c>
    </row>
    <row r="83" spans="1:13" ht="19.5" customHeight="1">
      <c r="A83" s="34" t="s">
        <v>86</v>
      </c>
      <c r="B83" s="17">
        <v>-105</v>
      </c>
      <c r="C83" s="18">
        <v>-53</v>
      </c>
      <c r="D83" s="18">
        <v>-52</v>
      </c>
      <c r="E83" s="17">
        <v>45</v>
      </c>
      <c r="F83" s="18">
        <v>28</v>
      </c>
      <c r="G83" s="19">
        <v>17</v>
      </c>
      <c r="H83" s="18">
        <v>286</v>
      </c>
      <c r="I83" s="18">
        <v>162</v>
      </c>
      <c r="J83" s="18">
        <v>124</v>
      </c>
      <c r="K83" s="17">
        <v>346</v>
      </c>
      <c r="L83" s="51">
        <v>187</v>
      </c>
      <c r="M83" s="52">
        <v>159</v>
      </c>
    </row>
    <row r="84" spans="1:13">
      <c r="A84" s="40" t="s">
        <v>87</v>
      </c>
      <c r="B84" s="21">
        <v>-33</v>
      </c>
      <c r="C84" s="22">
        <v>-16</v>
      </c>
      <c r="D84" s="22">
        <v>-17</v>
      </c>
      <c r="E84" s="21">
        <v>5</v>
      </c>
      <c r="F84" s="22">
        <v>3</v>
      </c>
      <c r="G84" s="23">
        <v>2</v>
      </c>
      <c r="H84" s="22">
        <v>63</v>
      </c>
      <c r="I84" s="22">
        <v>34</v>
      </c>
      <c r="J84" s="22">
        <v>29</v>
      </c>
      <c r="K84" s="21">
        <v>91</v>
      </c>
      <c r="L84" s="53">
        <v>47</v>
      </c>
      <c r="M84" s="54">
        <v>44</v>
      </c>
    </row>
    <row r="85" spans="1:13">
      <c r="A85" s="40" t="s">
        <v>88</v>
      </c>
      <c r="B85" s="21">
        <v>-21</v>
      </c>
      <c r="C85" s="22">
        <v>-9</v>
      </c>
      <c r="D85" s="22">
        <v>-12</v>
      </c>
      <c r="E85" s="21">
        <v>5</v>
      </c>
      <c r="F85" s="22">
        <v>4</v>
      </c>
      <c r="G85" s="23">
        <v>1</v>
      </c>
      <c r="H85" s="22">
        <v>56</v>
      </c>
      <c r="I85" s="22">
        <v>37</v>
      </c>
      <c r="J85" s="22">
        <v>19</v>
      </c>
      <c r="K85" s="21">
        <v>72</v>
      </c>
      <c r="L85" s="53">
        <v>42</v>
      </c>
      <c r="M85" s="54">
        <v>30</v>
      </c>
    </row>
    <row r="86" spans="1:13">
      <c r="A86" s="40" t="s">
        <v>89</v>
      </c>
      <c r="B86" s="21">
        <v>-16</v>
      </c>
      <c r="C86" s="22">
        <v>-5</v>
      </c>
      <c r="D86" s="22">
        <v>-11</v>
      </c>
      <c r="E86" s="21">
        <v>13</v>
      </c>
      <c r="F86" s="22">
        <v>6</v>
      </c>
      <c r="G86" s="23">
        <v>7</v>
      </c>
      <c r="H86" s="22">
        <v>60</v>
      </c>
      <c r="I86" s="22">
        <v>35</v>
      </c>
      <c r="J86" s="22">
        <v>25</v>
      </c>
      <c r="K86" s="21">
        <v>63</v>
      </c>
      <c r="L86" s="53">
        <v>34</v>
      </c>
      <c r="M86" s="54">
        <v>29</v>
      </c>
    </row>
    <row r="87" spans="1:13">
      <c r="A87" s="40" t="s">
        <v>90</v>
      </c>
      <c r="B87" s="21">
        <v>-15</v>
      </c>
      <c r="C87" s="22">
        <v>-9</v>
      </c>
      <c r="D87" s="22">
        <v>-6</v>
      </c>
      <c r="E87" s="21">
        <v>10</v>
      </c>
      <c r="F87" s="22">
        <v>6</v>
      </c>
      <c r="G87" s="23">
        <v>4</v>
      </c>
      <c r="H87" s="22">
        <v>59</v>
      </c>
      <c r="I87" s="22">
        <v>30</v>
      </c>
      <c r="J87" s="22">
        <v>29</v>
      </c>
      <c r="K87" s="21">
        <v>64</v>
      </c>
      <c r="L87" s="53">
        <v>33</v>
      </c>
      <c r="M87" s="54">
        <v>31</v>
      </c>
    </row>
    <row r="88" spans="1:13">
      <c r="A88" s="40" t="s">
        <v>91</v>
      </c>
      <c r="B88" s="21">
        <v>-20</v>
      </c>
      <c r="C88" s="22">
        <v>-14</v>
      </c>
      <c r="D88" s="22">
        <v>-6</v>
      </c>
      <c r="E88" s="21">
        <v>12</v>
      </c>
      <c r="F88" s="22">
        <v>9</v>
      </c>
      <c r="G88" s="23">
        <v>3</v>
      </c>
      <c r="H88" s="22">
        <v>48</v>
      </c>
      <c r="I88" s="22">
        <v>26</v>
      </c>
      <c r="J88" s="22">
        <v>22</v>
      </c>
      <c r="K88" s="21">
        <v>56</v>
      </c>
      <c r="L88" s="53">
        <v>31</v>
      </c>
      <c r="M88" s="54">
        <v>25</v>
      </c>
    </row>
    <row r="89" spans="1:13" ht="19.5" customHeight="1">
      <c r="A89" s="34" t="s">
        <v>92</v>
      </c>
      <c r="B89" s="17">
        <v>-123</v>
      </c>
      <c r="C89" s="18">
        <v>-87</v>
      </c>
      <c r="D89" s="18">
        <v>-36</v>
      </c>
      <c r="E89" s="17">
        <v>49</v>
      </c>
      <c r="F89" s="18">
        <v>40</v>
      </c>
      <c r="G89" s="19">
        <v>9</v>
      </c>
      <c r="H89" s="18">
        <v>204</v>
      </c>
      <c r="I89" s="18">
        <v>115</v>
      </c>
      <c r="J89" s="18">
        <v>89</v>
      </c>
      <c r="K89" s="17">
        <v>278</v>
      </c>
      <c r="L89" s="51">
        <v>162</v>
      </c>
      <c r="M89" s="52">
        <v>116</v>
      </c>
    </row>
    <row r="90" spans="1:13">
      <c r="A90" s="40" t="s">
        <v>93</v>
      </c>
      <c r="B90" s="21">
        <v>-25</v>
      </c>
      <c r="C90" s="22">
        <v>-10</v>
      </c>
      <c r="D90" s="22">
        <v>-15</v>
      </c>
      <c r="E90" s="21">
        <v>8</v>
      </c>
      <c r="F90" s="22">
        <v>7</v>
      </c>
      <c r="G90" s="23">
        <v>1</v>
      </c>
      <c r="H90" s="22">
        <v>56</v>
      </c>
      <c r="I90" s="22">
        <v>38</v>
      </c>
      <c r="J90" s="22">
        <v>18</v>
      </c>
      <c r="K90" s="21">
        <v>73</v>
      </c>
      <c r="L90" s="53">
        <v>41</v>
      </c>
      <c r="M90" s="54">
        <v>32</v>
      </c>
    </row>
    <row r="91" spans="1:13">
      <c r="A91" s="40" t="s">
        <v>94</v>
      </c>
      <c r="B91" s="21">
        <v>-51</v>
      </c>
      <c r="C91" s="22">
        <v>-31</v>
      </c>
      <c r="D91" s="22">
        <v>-20</v>
      </c>
      <c r="E91" s="21">
        <v>10</v>
      </c>
      <c r="F91" s="22">
        <v>9</v>
      </c>
      <c r="G91" s="23">
        <v>1</v>
      </c>
      <c r="H91" s="22">
        <v>35</v>
      </c>
      <c r="I91" s="22">
        <v>21</v>
      </c>
      <c r="J91" s="22">
        <v>14</v>
      </c>
      <c r="K91" s="21">
        <v>76</v>
      </c>
      <c r="L91" s="53">
        <v>43</v>
      </c>
      <c r="M91" s="54">
        <v>33</v>
      </c>
    </row>
    <row r="92" spans="1:13">
      <c r="A92" s="40" t="s">
        <v>95</v>
      </c>
      <c r="B92" s="21">
        <v>-26</v>
      </c>
      <c r="C92" s="22">
        <v>-22</v>
      </c>
      <c r="D92" s="22">
        <v>-4</v>
      </c>
      <c r="E92" s="21">
        <v>11</v>
      </c>
      <c r="F92" s="22">
        <v>7</v>
      </c>
      <c r="G92" s="23">
        <v>4</v>
      </c>
      <c r="H92" s="22">
        <v>37</v>
      </c>
      <c r="I92" s="22">
        <v>20</v>
      </c>
      <c r="J92" s="22">
        <v>17</v>
      </c>
      <c r="K92" s="21">
        <v>52</v>
      </c>
      <c r="L92" s="53">
        <v>35</v>
      </c>
      <c r="M92" s="54">
        <v>17</v>
      </c>
    </row>
    <row r="93" spans="1:13">
      <c r="A93" s="40" t="s">
        <v>96</v>
      </c>
      <c r="B93" s="21">
        <v>-17</v>
      </c>
      <c r="C93" s="22">
        <v>-14</v>
      </c>
      <c r="D93" s="22">
        <v>-3</v>
      </c>
      <c r="E93" s="21">
        <v>7</v>
      </c>
      <c r="F93" s="22">
        <v>7</v>
      </c>
      <c r="G93" s="23">
        <v>0</v>
      </c>
      <c r="H93" s="22">
        <v>28</v>
      </c>
      <c r="I93" s="22">
        <v>14</v>
      </c>
      <c r="J93" s="22">
        <v>14</v>
      </c>
      <c r="K93" s="21">
        <v>38</v>
      </c>
      <c r="L93" s="53">
        <v>21</v>
      </c>
      <c r="M93" s="54">
        <v>17</v>
      </c>
    </row>
    <row r="94" spans="1:13">
      <c r="A94" s="40" t="s">
        <v>97</v>
      </c>
      <c r="B94" s="21">
        <v>-4</v>
      </c>
      <c r="C94" s="22">
        <v>-10</v>
      </c>
      <c r="D94" s="22">
        <v>6</v>
      </c>
      <c r="E94" s="21">
        <v>13</v>
      </c>
      <c r="F94" s="22">
        <v>10</v>
      </c>
      <c r="G94" s="23">
        <v>3</v>
      </c>
      <c r="H94" s="22">
        <v>48</v>
      </c>
      <c r="I94" s="22">
        <v>22</v>
      </c>
      <c r="J94" s="22">
        <v>26</v>
      </c>
      <c r="K94" s="21">
        <v>39</v>
      </c>
      <c r="L94" s="53">
        <v>22</v>
      </c>
      <c r="M94" s="54">
        <v>17</v>
      </c>
    </row>
    <row r="95" spans="1:13" ht="19.5" customHeight="1">
      <c r="A95" s="34" t="s">
        <v>98</v>
      </c>
      <c r="B95" s="17">
        <v>-149</v>
      </c>
      <c r="C95" s="18">
        <v>-93</v>
      </c>
      <c r="D95" s="18">
        <v>-56</v>
      </c>
      <c r="E95" s="17">
        <v>78</v>
      </c>
      <c r="F95" s="18">
        <v>58</v>
      </c>
      <c r="G95" s="19">
        <v>20</v>
      </c>
      <c r="H95" s="18">
        <v>117</v>
      </c>
      <c r="I95" s="18">
        <v>67</v>
      </c>
      <c r="J95" s="18">
        <v>50</v>
      </c>
      <c r="K95" s="17">
        <v>188</v>
      </c>
      <c r="L95" s="51">
        <v>102</v>
      </c>
      <c r="M95" s="52">
        <v>86</v>
      </c>
    </row>
    <row r="96" spans="1:13">
      <c r="A96" s="40" t="s">
        <v>99</v>
      </c>
      <c r="B96" s="21">
        <v>-38</v>
      </c>
      <c r="C96" s="22">
        <v>-18</v>
      </c>
      <c r="D96" s="22">
        <v>-20</v>
      </c>
      <c r="E96" s="21">
        <v>20</v>
      </c>
      <c r="F96" s="22">
        <v>14</v>
      </c>
      <c r="G96" s="23">
        <v>6</v>
      </c>
      <c r="H96" s="22">
        <v>24</v>
      </c>
      <c r="I96" s="22">
        <v>17</v>
      </c>
      <c r="J96" s="22">
        <v>7</v>
      </c>
      <c r="K96" s="21">
        <v>42</v>
      </c>
      <c r="L96" s="53">
        <v>21</v>
      </c>
      <c r="M96" s="54">
        <v>21</v>
      </c>
    </row>
    <row r="97" spans="1:13">
      <c r="A97" s="40" t="s">
        <v>100</v>
      </c>
      <c r="B97" s="21">
        <v>-17</v>
      </c>
      <c r="C97" s="22">
        <v>-9</v>
      </c>
      <c r="D97" s="22">
        <v>-8</v>
      </c>
      <c r="E97" s="21">
        <v>7</v>
      </c>
      <c r="F97" s="22">
        <v>5</v>
      </c>
      <c r="G97" s="23">
        <v>2</v>
      </c>
      <c r="H97" s="22">
        <v>22</v>
      </c>
      <c r="I97" s="22">
        <v>13</v>
      </c>
      <c r="J97" s="22">
        <v>9</v>
      </c>
      <c r="K97" s="21">
        <v>32</v>
      </c>
      <c r="L97" s="53">
        <v>17</v>
      </c>
      <c r="M97" s="54">
        <v>15</v>
      </c>
    </row>
    <row r="98" spans="1:13">
      <c r="A98" s="40" t="s">
        <v>101</v>
      </c>
      <c r="B98" s="21">
        <v>-38</v>
      </c>
      <c r="C98" s="22">
        <v>-24</v>
      </c>
      <c r="D98" s="22">
        <v>-14</v>
      </c>
      <c r="E98" s="21">
        <v>12</v>
      </c>
      <c r="F98" s="22">
        <v>7</v>
      </c>
      <c r="G98" s="23">
        <v>5</v>
      </c>
      <c r="H98" s="22">
        <v>18</v>
      </c>
      <c r="I98" s="22">
        <v>9</v>
      </c>
      <c r="J98" s="22">
        <v>9</v>
      </c>
      <c r="K98" s="21">
        <v>44</v>
      </c>
      <c r="L98" s="53">
        <v>26</v>
      </c>
      <c r="M98" s="54">
        <v>18</v>
      </c>
    </row>
    <row r="99" spans="1:13">
      <c r="A99" s="40" t="s">
        <v>102</v>
      </c>
      <c r="B99" s="21">
        <v>-27</v>
      </c>
      <c r="C99" s="22">
        <v>-17</v>
      </c>
      <c r="D99" s="22">
        <v>-10</v>
      </c>
      <c r="E99" s="21">
        <v>18</v>
      </c>
      <c r="F99" s="22">
        <v>16</v>
      </c>
      <c r="G99" s="23">
        <v>2</v>
      </c>
      <c r="H99" s="22">
        <v>28</v>
      </c>
      <c r="I99" s="22">
        <v>18</v>
      </c>
      <c r="J99" s="22">
        <v>10</v>
      </c>
      <c r="K99" s="21">
        <v>37</v>
      </c>
      <c r="L99" s="53">
        <v>19</v>
      </c>
      <c r="M99" s="54">
        <v>18</v>
      </c>
    </row>
    <row r="100" spans="1:13">
      <c r="A100" s="40" t="s">
        <v>103</v>
      </c>
      <c r="B100" s="21">
        <v>-29</v>
      </c>
      <c r="C100" s="22">
        <v>-25</v>
      </c>
      <c r="D100" s="22">
        <v>-4</v>
      </c>
      <c r="E100" s="21">
        <v>21</v>
      </c>
      <c r="F100" s="22">
        <v>16</v>
      </c>
      <c r="G100" s="23">
        <v>5</v>
      </c>
      <c r="H100" s="22">
        <v>25</v>
      </c>
      <c r="I100" s="22">
        <v>10</v>
      </c>
      <c r="J100" s="22">
        <v>15</v>
      </c>
      <c r="K100" s="21">
        <v>33</v>
      </c>
      <c r="L100" s="53">
        <v>19</v>
      </c>
      <c r="M100" s="54">
        <v>14</v>
      </c>
    </row>
    <row r="101" spans="1:13" ht="19.5" customHeight="1">
      <c r="A101" s="34" t="s">
        <v>104</v>
      </c>
      <c r="B101" s="17">
        <v>-169</v>
      </c>
      <c r="C101" s="18">
        <v>-138</v>
      </c>
      <c r="D101" s="18">
        <v>-31</v>
      </c>
      <c r="E101" s="17">
        <v>148</v>
      </c>
      <c r="F101" s="18">
        <v>111</v>
      </c>
      <c r="G101" s="19">
        <v>37</v>
      </c>
      <c r="H101" s="18">
        <v>144</v>
      </c>
      <c r="I101" s="18">
        <v>75</v>
      </c>
      <c r="J101" s="18">
        <v>69</v>
      </c>
      <c r="K101" s="17">
        <v>165</v>
      </c>
      <c r="L101" s="51">
        <v>102</v>
      </c>
      <c r="M101" s="52">
        <v>63</v>
      </c>
    </row>
    <row r="102" spans="1:13">
      <c r="A102" s="40" t="s">
        <v>105</v>
      </c>
      <c r="B102" s="21">
        <v>-31</v>
      </c>
      <c r="C102" s="22">
        <v>-18</v>
      </c>
      <c r="D102" s="22">
        <v>-13</v>
      </c>
      <c r="E102" s="21">
        <v>27</v>
      </c>
      <c r="F102" s="22">
        <v>22</v>
      </c>
      <c r="G102" s="23">
        <v>5</v>
      </c>
      <c r="H102" s="22">
        <v>34</v>
      </c>
      <c r="I102" s="22">
        <v>27</v>
      </c>
      <c r="J102" s="22">
        <v>7</v>
      </c>
      <c r="K102" s="21">
        <v>38</v>
      </c>
      <c r="L102" s="53">
        <v>23</v>
      </c>
      <c r="M102" s="54">
        <v>15</v>
      </c>
    </row>
    <row r="103" spans="1:13">
      <c r="A103" s="40" t="s">
        <v>106</v>
      </c>
      <c r="B103" s="21">
        <v>-40</v>
      </c>
      <c r="C103" s="22">
        <v>-35</v>
      </c>
      <c r="D103" s="22">
        <v>-5</v>
      </c>
      <c r="E103" s="21">
        <v>32</v>
      </c>
      <c r="F103" s="22">
        <v>25</v>
      </c>
      <c r="G103" s="23">
        <v>7</v>
      </c>
      <c r="H103" s="22">
        <v>34</v>
      </c>
      <c r="I103" s="22">
        <v>16</v>
      </c>
      <c r="J103" s="22">
        <v>18</v>
      </c>
      <c r="K103" s="21">
        <v>42</v>
      </c>
      <c r="L103" s="53">
        <v>26</v>
      </c>
      <c r="M103" s="54">
        <v>16</v>
      </c>
    </row>
    <row r="104" spans="1:13">
      <c r="A104" s="40" t="s">
        <v>107</v>
      </c>
      <c r="B104" s="21">
        <v>-28</v>
      </c>
      <c r="C104" s="22">
        <v>-24</v>
      </c>
      <c r="D104" s="22">
        <v>-4</v>
      </c>
      <c r="E104" s="21">
        <v>31</v>
      </c>
      <c r="F104" s="22">
        <v>24</v>
      </c>
      <c r="G104" s="23">
        <v>7</v>
      </c>
      <c r="H104" s="22">
        <v>37</v>
      </c>
      <c r="I104" s="22">
        <v>15</v>
      </c>
      <c r="J104" s="22">
        <v>22</v>
      </c>
      <c r="K104" s="21">
        <v>34</v>
      </c>
      <c r="L104" s="53">
        <v>15</v>
      </c>
      <c r="M104" s="54">
        <v>19</v>
      </c>
    </row>
    <row r="105" spans="1:13">
      <c r="A105" s="40" t="s">
        <v>108</v>
      </c>
      <c r="B105" s="21">
        <v>-43</v>
      </c>
      <c r="C105" s="22">
        <v>-34</v>
      </c>
      <c r="D105" s="22">
        <v>-9</v>
      </c>
      <c r="E105" s="21">
        <v>32</v>
      </c>
      <c r="F105" s="22">
        <v>21</v>
      </c>
      <c r="G105" s="23">
        <v>11</v>
      </c>
      <c r="H105" s="22">
        <v>22</v>
      </c>
      <c r="I105" s="22">
        <v>12</v>
      </c>
      <c r="J105" s="22">
        <v>10</v>
      </c>
      <c r="K105" s="21">
        <v>33</v>
      </c>
      <c r="L105" s="53">
        <v>25</v>
      </c>
      <c r="M105" s="54">
        <v>8</v>
      </c>
    </row>
    <row r="106" spans="1:13">
      <c r="A106" s="40" t="s">
        <v>109</v>
      </c>
      <c r="B106" s="21">
        <v>-27</v>
      </c>
      <c r="C106" s="22">
        <v>-27</v>
      </c>
      <c r="D106" s="22">
        <v>0</v>
      </c>
      <c r="E106" s="21">
        <v>26</v>
      </c>
      <c r="F106" s="22">
        <v>19</v>
      </c>
      <c r="G106" s="23">
        <v>7</v>
      </c>
      <c r="H106" s="22">
        <v>17</v>
      </c>
      <c r="I106" s="22">
        <v>5</v>
      </c>
      <c r="J106" s="22">
        <v>12</v>
      </c>
      <c r="K106" s="21">
        <v>18</v>
      </c>
      <c r="L106" s="53">
        <v>13</v>
      </c>
      <c r="M106" s="54">
        <v>5</v>
      </c>
    </row>
    <row r="107" spans="1:13" ht="19.5" customHeight="1">
      <c r="A107" s="34" t="s">
        <v>110</v>
      </c>
      <c r="B107" s="17">
        <v>-189</v>
      </c>
      <c r="C107" s="18">
        <v>-105</v>
      </c>
      <c r="D107" s="18">
        <v>-84</v>
      </c>
      <c r="E107" s="17">
        <v>175</v>
      </c>
      <c r="F107" s="18">
        <v>100</v>
      </c>
      <c r="G107" s="19">
        <v>75</v>
      </c>
      <c r="H107" s="18">
        <v>93</v>
      </c>
      <c r="I107" s="18">
        <v>34</v>
      </c>
      <c r="J107" s="18">
        <v>59</v>
      </c>
      <c r="K107" s="17">
        <v>107</v>
      </c>
      <c r="L107" s="51">
        <v>39</v>
      </c>
      <c r="M107" s="52">
        <v>68</v>
      </c>
    </row>
    <row r="108" spans="1:13">
      <c r="A108" s="40" t="s">
        <v>111</v>
      </c>
      <c r="B108" s="21">
        <v>-29</v>
      </c>
      <c r="C108" s="22">
        <v>-14</v>
      </c>
      <c r="D108" s="22">
        <v>-15</v>
      </c>
      <c r="E108" s="21">
        <v>30</v>
      </c>
      <c r="F108" s="22">
        <v>16</v>
      </c>
      <c r="G108" s="23">
        <v>14</v>
      </c>
      <c r="H108" s="22">
        <v>23</v>
      </c>
      <c r="I108" s="22">
        <v>11</v>
      </c>
      <c r="J108" s="22">
        <v>12</v>
      </c>
      <c r="K108" s="21">
        <v>22</v>
      </c>
      <c r="L108" s="53">
        <v>9</v>
      </c>
      <c r="M108" s="54">
        <v>13</v>
      </c>
    </row>
    <row r="109" spans="1:13">
      <c r="A109" s="40" t="s">
        <v>112</v>
      </c>
      <c r="B109" s="21">
        <v>-37</v>
      </c>
      <c r="C109" s="22">
        <v>-13</v>
      </c>
      <c r="D109" s="22">
        <v>-24</v>
      </c>
      <c r="E109" s="21">
        <v>35</v>
      </c>
      <c r="F109" s="22">
        <v>16</v>
      </c>
      <c r="G109" s="23">
        <v>19</v>
      </c>
      <c r="H109" s="22">
        <v>17</v>
      </c>
      <c r="I109" s="22">
        <v>8</v>
      </c>
      <c r="J109" s="22">
        <v>9</v>
      </c>
      <c r="K109" s="21">
        <v>19</v>
      </c>
      <c r="L109" s="53">
        <v>5</v>
      </c>
      <c r="M109" s="54">
        <v>14</v>
      </c>
    </row>
    <row r="110" spans="1:13">
      <c r="A110" s="40" t="s">
        <v>113</v>
      </c>
      <c r="B110" s="21">
        <v>-39</v>
      </c>
      <c r="C110" s="22">
        <v>-24</v>
      </c>
      <c r="D110" s="22">
        <v>-15</v>
      </c>
      <c r="E110" s="21">
        <v>35</v>
      </c>
      <c r="F110" s="22">
        <v>22</v>
      </c>
      <c r="G110" s="23">
        <v>13</v>
      </c>
      <c r="H110" s="22">
        <v>19</v>
      </c>
      <c r="I110" s="22">
        <v>5</v>
      </c>
      <c r="J110" s="22">
        <v>14</v>
      </c>
      <c r="K110" s="21">
        <v>23</v>
      </c>
      <c r="L110" s="53">
        <v>7</v>
      </c>
      <c r="M110" s="54">
        <v>16</v>
      </c>
    </row>
    <row r="111" spans="1:13">
      <c r="A111" s="40" t="s">
        <v>114</v>
      </c>
      <c r="B111" s="21">
        <v>-29</v>
      </c>
      <c r="C111" s="22">
        <v>-16</v>
      </c>
      <c r="D111" s="22">
        <v>-13</v>
      </c>
      <c r="E111" s="21">
        <v>33</v>
      </c>
      <c r="F111" s="22">
        <v>19</v>
      </c>
      <c r="G111" s="23">
        <v>14</v>
      </c>
      <c r="H111" s="22">
        <v>20</v>
      </c>
      <c r="I111" s="22">
        <v>8</v>
      </c>
      <c r="J111" s="22">
        <v>12</v>
      </c>
      <c r="K111" s="21">
        <v>16</v>
      </c>
      <c r="L111" s="53">
        <v>5</v>
      </c>
      <c r="M111" s="54">
        <v>11</v>
      </c>
    </row>
    <row r="112" spans="1:13">
      <c r="A112" s="40" t="s">
        <v>115</v>
      </c>
      <c r="B112" s="21">
        <v>-55</v>
      </c>
      <c r="C112" s="22">
        <v>-38</v>
      </c>
      <c r="D112" s="22">
        <v>-17</v>
      </c>
      <c r="E112" s="21">
        <v>42</v>
      </c>
      <c r="F112" s="22">
        <v>27</v>
      </c>
      <c r="G112" s="23">
        <v>15</v>
      </c>
      <c r="H112" s="22">
        <v>14</v>
      </c>
      <c r="I112" s="22">
        <v>2</v>
      </c>
      <c r="J112" s="22">
        <v>12</v>
      </c>
      <c r="K112" s="21">
        <v>27</v>
      </c>
      <c r="L112" s="53">
        <v>13</v>
      </c>
      <c r="M112" s="54">
        <v>14</v>
      </c>
    </row>
    <row r="113" spans="1:13" ht="19.5" customHeight="1">
      <c r="A113" s="34" t="s">
        <v>116</v>
      </c>
      <c r="B113" s="17">
        <v>-221</v>
      </c>
      <c r="C113" s="18">
        <v>-150</v>
      </c>
      <c r="D113" s="18">
        <v>-71</v>
      </c>
      <c r="E113" s="17">
        <v>252</v>
      </c>
      <c r="F113" s="18">
        <v>158</v>
      </c>
      <c r="G113" s="19">
        <v>94</v>
      </c>
      <c r="H113" s="18">
        <v>113</v>
      </c>
      <c r="I113" s="18">
        <v>39</v>
      </c>
      <c r="J113" s="18">
        <v>74</v>
      </c>
      <c r="K113" s="17">
        <v>82</v>
      </c>
      <c r="L113" s="51">
        <v>31</v>
      </c>
      <c r="M113" s="52">
        <v>51</v>
      </c>
    </row>
    <row r="114" spans="1:13">
      <c r="A114" s="40" t="s">
        <v>117</v>
      </c>
      <c r="B114" s="21">
        <v>-36</v>
      </c>
      <c r="C114" s="22">
        <v>-33</v>
      </c>
      <c r="D114" s="22">
        <v>-3</v>
      </c>
      <c r="E114" s="21">
        <v>43</v>
      </c>
      <c r="F114" s="22">
        <v>27</v>
      </c>
      <c r="G114" s="23">
        <v>16</v>
      </c>
      <c r="H114" s="22">
        <v>25</v>
      </c>
      <c r="I114" s="22">
        <v>6</v>
      </c>
      <c r="J114" s="22">
        <v>19</v>
      </c>
      <c r="K114" s="21">
        <v>18</v>
      </c>
      <c r="L114" s="53">
        <v>12</v>
      </c>
      <c r="M114" s="54">
        <v>6</v>
      </c>
    </row>
    <row r="115" spans="1:13">
      <c r="A115" s="40" t="s">
        <v>118</v>
      </c>
      <c r="B115" s="21">
        <v>-47</v>
      </c>
      <c r="C115" s="22">
        <v>-32</v>
      </c>
      <c r="D115" s="22">
        <v>-15</v>
      </c>
      <c r="E115" s="21">
        <v>52</v>
      </c>
      <c r="F115" s="22">
        <v>36</v>
      </c>
      <c r="G115" s="23">
        <v>16</v>
      </c>
      <c r="H115" s="22">
        <v>17</v>
      </c>
      <c r="I115" s="22">
        <v>8</v>
      </c>
      <c r="J115" s="22">
        <v>9</v>
      </c>
      <c r="K115" s="21">
        <v>12</v>
      </c>
      <c r="L115" s="53">
        <v>4</v>
      </c>
      <c r="M115" s="54">
        <v>8</v>
      </c>
    </row>
    <row r="116" spans="1:13">
      <c r="A116" s="40" t="s">
        <v>119</v>
      </c>
      <c r="B116" s="21">
        <v>-47</v>
      </c>
      <c r="C116" s="22">
        <v>-23</v>
      </c>
      <c r="D116" s="22">
        <v>-24</v>
      </c>
      <c r="E116" s="21">
        <v>52</v>
      </c>
      <c r="F116" s="22">
        <v>28</v>
      </c>
      <c r="G116" s="23">
        <v>24</v>
      </c>
      <c r="H116" s="22">
        <v>26</v>
      </c>
      <c r="I116" s="22">
        <v>13</v>
      </c>
      <c r="J116" s="22">
        <v>13</v>
      </c>
      <c r="K116" s="21">
        <v>21</v>
      </c>
      <c r="L116" s="53">
        <v>8</v>
      </c>
      <c r="M116" s="54">
        <v>13</v>
      </c>
    </row>
    <row r="117" spans="1:13">
      <c r="A117" s="40" t="s">
        <v>120</v>
      </c>
      <c r="B117" s="21">
        <v>-44</v>
      </c>
      <c r="C117" s="22">
        <v>-35</v>
      </c>
      <c r="D117" s="22">
        <v>-9</v>
      </c>
      <c r="E117" s="21">
        <v>54</v>
      </c>
      <c r="F117" s="22">
        <v>37</v>
      </c>
      <c r="G117" s="23">
        <v>17</v>
      </c>
      <c r="H117" s="22">
        <v>27</v>
      </c>
      <c r="I117" s="22">
        <v>7</v>
      </c>
      <c r="J117" s="22">
        <v>20</v>
      </c>
      <c r="K117" s="21">
        <v>17</v>
      </c>
      <c r="L117" s="53">
        <v>5</v>
      </c>
      <c r="M117" s="54">
        <v>12</v>
      </c>
    </row>
    <row r="118" spans="1:13">
      <c r="A118" s="40" t="s">
        <v>121</v>
      </c>
      <c r="B118" s="21">
        <v>-47</v>
      </c>
      <c r="C118" s="22">
        <v>-27</v>
      </c>
      <c r="D118" s="22">
        <v>-20</v>
      </c>
      <c r="E118" s="21">
        <v>51</v>
      </c>
      <c r="F118" s="22">
        <v>30</v>
      </c>
      <c r="G118" s="23">
        <v>21</v>
      </c>
      <c r="H118" s="22">
        <v>18</v>
      </c>
      <c r="I118" s="22">
        <v>5</v>
      </c>
      <c r="J118" s="22">
        <v>13</v>
      </c>
      <c r="K118" s="21">
        <v>14</v>
      </c>
      <c r="L118" s="53">
        <v>2</v>
      </c>
      <c r="M118" s="54">
        <v>12</v>
      </c>
    </row>
    <row r="119" spans="1:13" ht="19.5" customHeight="1">
      <c r="A119" s="34" t="s">
        <v>122</v>
      </c>
      <c r="B119" s="17">
        <v>-306</v>
      </c>
      <c r="C119" s="18">
        <v>-133</v>
      </c>
      <c r="D119" s="18">
        <v>-173</v>
      </c>
      <c r="E119" s="17">
        <v>324</v>
      </c>
      <c r="F119" s="18">
        <v>143</v>
      </c>
      <c r="G119" s="19">
        <v>181</v>
      </c>
      <c r="H119" s="18">
        <v>98</v>
      </c>
      <c r="I119" s="18">
        <v>31</v>
      </c>
      <c r="J119" s="18">
        <v>67</v>
      </c>
      <c r="K119" s="17">
        <v>80</v>
      </c>
      <c r="L119" s="51">
        <v>21</v>
      </c>
      <c r="M119" s="52">
        <v>59</v>
      </c>
    </row>
    <row r="120" spans="1:13">
      <c r="A120" s="40" t="s">
        <v>123</v>
      </c>
      <c r="B120" s="21">
        <v>-58</v>
      </c>
      <c r="C120" s="22">
        <v>-17</v>
      </c>
      <c r="D120" s="22">
        <v>-41</v>
      </c>
      <c r="E120" s="21">
        <v>59</v>
      </c>
      <c r="F120" s="22">
        <v>23</v>
      </c>
      <c r="G120" s="23">
        <v>36</v>
      </c>
      <c r="H120" s="22">
        <v>12</v>
      </c>
      <c r="I120" s="22">
        <v>8</v>
      </c>
      <c r="J120" s="22">
        <v>4</v>
      </c>
      <c r="K120" s="21">
        <v>11</v>
      </c>
      <c r="L120" s="53">
        <v>2</v>
      </c>
      <c r="M120" s="54">
        <v>9</v>
      </c>
    </row>
    <row r="121" spans="1:13">
      <c r="A121" s="40" t="s">
        <v>124</v>
      </c>
      <c r="B121" s="21">
        <v>-58</v>
      </c>
      <c r="C121" s="22">
        <v>-35</v>
      </c>
      <c r="D121" s="22">
        <v>-23</v>
      </c>
      <c r="E121" s="21">
        <v>68</v>
      </c>
      <c r="F121" s="22">
        <v>36</v>
      </c>
      <c r="G121" s="23">
        <v>32</v>
      </c>
      <c r="H121" s="22">
        <v>28</v>
      </c>
      <c r="I121" s="22">
        <v>8</v>
      </c>
      <c r="J121" s="22">
        <v>20</v>
      </c>
      <c r="K121" s="21">
        <v>18</v>
      </c>
      <c r="L121" s="53">
        <v>7</v>
      </c>
      <c r="M121" s="54">
        <v>11</v>
      </c>
    </row>
    <row r="122" spans="1:13">
      <c r="A122" s="40" t="s">
        <v>125</v>
      </c>
      <c r="B122" s="21">
        <v>-60</v>
      </c>
      <c r="C122" s="22">
        <v>-32</v>
      </c>
      <c r="D122" s="22">
        <v>-28</v>
      </c>
      <c r="E122" s="21">
        <v>68</v>
      </c>
      <c r="F122" s="22">
        <v>30</v>
      </c>
      <c r="G122" s="23">
        <v>38</v>
      </c>
      <c r="H122" s="22">
        <v>23</v>
      </c>
      <c r="I122" s="22">
        <v>4</v>
      </c>
      <c r="J122" s="22">
        <v>19</v>
      </c>
      <c r="K122" s="21">
        <v>15</v>
      </c>
      <c r="L122" s="53">
        <v>6</v>
      </c>
      <c r="M122" s="54">
        <v>9</v>
      </c>
    </row>
    <row r="123" spans="1:13">
      <c r="A123" s="40" t="s">
        <v>126</v>
      </c>
      <c r="B123" s="21">
        <v>-70</v>
      </c>
      <c r="C123" s="22">
        <v>-26</v>
      </c>
      <c r="D123" s="22">
        <v>-44</v>
      </c>
      <c r="E123" s="21">
        <v>71</v>
      </c>
      <c r="F123" s="22">
        <v>30</v>
      </c>
      <c r="G123" s="23">
        <v>41</v>
      </c>
      <c r="H123" s="22">
        <v>18</v>
      </c>
      <c r="I123" s="22">
        <v>6</v>
      </c>
      <c r="J123" s="22">
        <v>12</v>
      </c>
      <c r="K123" s="21">
        <v>17</v>
      </c>
      <c r="L123" s="53">
        <v>2</v>
      </c>
      <c r="M123" s="54">
        <v>15</v>
      </c>
    </row>
    <row r="124" spans="1:13">
      <c r="A124" s="40" t="s">
        <v>127</v>
      </c>
      <c r="B124" s="21">
        <v>-60</v>
      </c>
      <c r="C124" s="22">
        <v>-23</v>
      </c>
      <c r="D124" s="22">
        <v>-37</v>
      </c>
      <c r="E124" s="21">
        <v>58</v>
      </c>
      <c r="F124" s="22">
        <v>24</v>
      </c>
      <c r="G124" s="23">
        <v>34</v>
      </c>
      <c r="H124" s="22">
        <v>17</v>
      </c>
      <c r="I124" s="22">
        <v>5</v>
      </c>
      <c r="J124" s="22">
        <v>12</v>
      </c>
      <c r="K124" s="21">
        <v>19</v>
      </c>
      <c r="L124" s="53">
        <v>4</v>
      </c>
      <c r="M124" s="54">
        <v>15</v>
      </c>
    </row>
    <row r="125" spans="1:13" ht="19.5" customHeight="1">
      <c r="A125" s="34" t="s">
        <v>128</v>
      </c>
      <c r="B125" s="17">
        <v>-264</v>
      </c>
      <c r="C125" s="18">
        <v>-113</v>
      </c>
      <c r="D125" s="18">
        <v>-151</v>
      </c>
      <c r="E125" s="17">
        <v>280</v>
      </c>
      <c r="F125" s="18">
        <v>114</v>
      </c>
      <c r="G125" s="19">
        <v>166</v>
      </c>
      <c r="H125" s="18">
        <v>41</v>
      </c>
      <c r="I125" s="18">
        <v>8</v>
      </c>
      <c r="J125" s="18">
        <v>33</v>
      </c>
      <c r="K125" s="17">
        <v>25</v>
      </c>
      <c r="L125" s="51">
        <v>7</v>
      </c>
      <c r="M125" s="52">
        <v>18</v>
      </c>
    </row>
    <row r="126" spans="1:13">
      <c r="A126" s="40" t="s">
        <v>129</v>
      </c>
      <c r="B126" s="21">
        <v>-59</v>
      </c>
      <c r="C126" s="22">
        <v>-29</v>
      </c>
      <c r="D126" s="22">
        <v>-30</v>
      </c>
      <c r="E126" s="21">
        <v>58</v>
      </c>
      <c r="F126" s="22">
        <v>28</v>
      </c>
      <c r="G126" s="23">
        <v>30</v>
      </c>
      <c r="H126" s="22">
        <v>6</v>
      </c>
      <c r="I126" s="22">
        <v>1</v>
      </c>
      <c r="J126" s="22">
        <v>5</v>
      </c>
      <c r="K126" s="21">
        <v>7</v>
      </c>
      <c r="L126" s="53">
        <v>2</v>
      </c>
      <c r="M126" s="54">
        <v>5</v>
      </c>
    </row>
    <row r="127" spans="1:13">
      <c r="A127" s="40" t="s">
        <v>130</v>
      </c>
      <c r="B127" s="21">
        <v>-62</v>
      </c>
      <c r="C127" s="22">
        <v>-29</v>
      </c>
      <c r="D127" s="22">
        <v>-33</v>
      </c>
      <c r="E127" s="21">
        <v>64</v>
      </c>
      <c r="F127" s="22">
        <v>29</v>
      </c>
      <c r="G127" s="23">
        <v>35</v>
      </c>
      <c r="H127" s="22">
        <v>7</v>
      </c>
      <c r="I127" s="22">
        <v>2</v>
      </c>
      <c r="J127" s="22">
        <v>5</v>
      </c>
      <c r="K127" s="21">
        <v>5</v>
      </c>
      <c r="L127" s="53">
        <v>2</v>
      </c>
      <c r="M127" s="54">
        <v>3</v>
      </c>
    </row>
    <row r="128" spans="1:13">
      <c r="A128" s="40" t="s">
        <v>131</v>
      </c>
      <c r="B128" s="21">
        <v>-55</v>
      </c>
      <c r="C128" s="22">
        <v>-22</v>
      </c>
      <c r="D128" s="22">
        <v>-33</v>
      </c>
      <c r="E128" s="21">
        <v>62</v>
      </c>
      <c r="F128" s="22">
        <v>24</v>
      </c>
      <c r="G128" s="23">
        <v>38</v>
      </c>
      <c r="H128" s="22">
        <v>14</v>
      </c>
      <c r="I128" s="22">
        <v>3</v>
      </c>
      <c r="J128" s="22">
        <v>11</v>
      </c>
      <c r="K128" s="21">
        <v>7</v>
      </c>
      <c r="L128" s="53">
        <v>1</v>
      </c>
      <c r="M128" s="54">
        <v>6</v>
      </c>
    </row>
    <row r="129" spans="1:13">
      <c r="A129" s="40" t="s">
        <v>132</v>
      </c>
      <c r="B129" s="21">
        <v>-44</v>
      </c>
      <c r="C129" s="22">
        <v>-15</v>
      </c>
      <c r="D129" s="22">
        <v>-29</v>
      </c>
      <c r="E129" s="21">
        <v>44</v>
      </c>
      <c r="F129" s="22">
        <v>14</v>
      </c>
      <c r="G129" s="23">
        <v>30</v>
      </c>
      <c r="H129" s="22">
        <v>4</v>
      </c>
      <c r="I129" s="22">
        <v>1</v>
      </c>
      <c r="J129" s="22">
        <v>3</v>
      </c>
      <c r="K129" s="21">
        <v>4</v>
      </c>
      <c r="L129" s="53">
        <v>2</v>
      </c>
      <c r="M129" s="54">
        <v>2</v>
      </c>
    </row>
    <row r="130" spans="1:13">
      <c r="A130" s="40" t="s">
        <v>133</v>
      </c>
      <c r="B130" s="21">
        <v>-44</v>
      </c>
      <c r="C130" s="22">
        <v>-18</v>
      </c>
      <c r="D130" s="22">
        <v>-26</v>
      </c>
      <c r="E130" s="21">
        <v>52</v>
      </c>
      <c r="F130" s="22">
        <v>19</v>
      </c>
      <c r="G130" s="23">
        <v>33</v>
      </c>
      <c r="H130" s="22">
        <v>10</v>
      </c>
      <c r="I130" s="22">
        <v>1</v>
      </c>
      <c r="J130" s="22">
        <v>9</v>
      </c>
      <c r="K130" s="21">
        <v>2</v>
      </c>
      <c r="L130" s="53">
        <v>0</v>
      </c>
      <c r="M130" s="54">
        <v>2</v>
      </c>
    </row>
    <row r="131" spans="1:13" ht="19.5" customHeight="1">
      <c r="A131" s="34" t="s">
        <v>134</v>
      </c>
      <c r="B131" s="17">
        <v>-125</v>
      </c>
      <c r="C131" s="18">
        <v>-48</v>
      </c>
      <c r="D131" s="18">
        <v>-77</v>
      </c>
      <c r="E131" s="17">
        <v>130</v>
      </c>
      <c r="F131" s="18">
        <v>44</v>
      </c>
      <c r="G131" s="19">
        <v>86</v>
      </c>
      <c r="H131" s="18">
        <v>18</v>
      </c>
      <c r="I131" s="18">
        <v>3</v>
      </c>
      <c r="J131" s="18">
        <v>15</v>
      </c>
      <c r="K131" s="17">
        <v>13</v>
      </c>
      <c r="L131" s="51">
        <v>7</v>
      </c>
      <c r="M131" s="52">
        <v>6</v>
      </c>
    </row>
    <row r="132" spans="1:13">
      <c r="A132" s="40" t="s">
        <v>135</v>
      </c>
      <c r="B132" s="21">
        <v>-45</v>
      </c>
      <c r="C132" s="22">
        <v>-17</v>
      </c>
      <c r="D132" s="22">
        <v>-28</v>
      </c>
      <c r="E132" s="21">
        <v>46</v>
      </c>
      <c r="F132" s="22">
        <v>16</v>
      </c>
      <c r="G132" s="23">
        <v>30</v>
      </c>
      <c r="H132" s="22">
        <v>5</v>
      </c>
      <c r="I132" s="22">
        <v>2</v>
      </c>
      <c r="J132" s="22">
        <v>3</v>
      </c>
      <c r="K132" s="21">
        <v>4</v>
      </c>
      <c r="L132" s="53">
        <v>3</v>
      </c>
      <c r="M132" s="54">
        <v>1</v>
      </c>
    </row>
    <row r="133" spans="1:13">
      <c r="A133" s="40" t="s">
        <v>136</v>
      </c>
      <c r="B133" s="21">
        <v>-30</v>
      </c>
      <c r="C133" s="22">
        <v>-12</v>
      </c>
      <c r="D133" s="22">
        <v>-18</v>
      </c>
      <c r="E133" s="21">
        <v>28</v>
      </c>
      <c r="F133" s="22">
        <v>9</v>
      </c>
      <c r="G133" s="23">
        <v>19</v>
      </c>
      <c r="H133" s="22">
        <v>3</v>
      </c>
      <c r="I133" s="22">
        <v>0</v>
      </c>
      <c r="J133" s="22">
        <v>3</v>
      </c>
      <c r="K133" s="21">
        <v>5</v>
      </c>
      <c r="L133" s="53">
        <v>3</v>
      </c>
      <c r="M133" s="54">
        <v>2</v>
      </c>
    </row>
    <row r="134" spans="1:13">
      <c r="A134" s="40" t="s">
        <v>137</v>
      </c>
      <c r="B134" s="21">
        <v>-22</v>
      </c>
      <c r="C134" s="22">
        <v>-10</v>
      </c>
      <c r="D134" s="22">
        <v>-12</v>
      </c>
      <c r="E134" s="21">
        <v>25</v>
      </c>
      <c r="F134" s="22">
        <v>9</v>
      </c>
      <c r="G134" s="23">
        <v>16</v>
      </c>
      <c r="H134" s="22">
        <v>5</v>
      </c>
      <c r="I134" s="22">
        <v>0</v>
      </c>
      <c r="J134" s="22">
        <v>5</v>
      </c>
      <c r="K134" s="21">
        <v>2</v>
      </c>
      <c r="L134" s="53">
        <v>1</v>
      </c>
      <c r="M134" s="54">
        <v>1</v>
      </c>
    </row>
    <row r="135" spans="1:13">
      <c r="A135" s="40" t="s">
        <v>138</v>
      </c>
      <c r="B135" s="21">
        <v>-16</v>
      </c>
      <c r="C135" s="22">
        <v>-6</v>
      </c>
      <c r="D135" s="22">
        <v>-10</v>
      </c>
      <c r="E135" s="21">
        <v>18</v>
      </c>
      <c r="F135" s="22">
        <v>7</v>
      </c>
      <c r="G135" s="23">
        <v>11</v>
      </c>
      <c r="H135" s="22">
        <v>4</v>
      </c>
      <c r="I135" s="22">
        <v>1</v>
      </c>
      <c r="J135" s="22">
        <v>3</v>
      </c>
      <c r="K135" s="21">
        <v>2</v>
      </c>
      <c r="L135" s="53">
        <v>0</v>
      </c>
      <c r="M135" s="54">
        <v>2</v>
      </c>
    </row>
    <row r="136" spans="1:13">
      <c r="A136" s="40" t="s">
        <v>139</v>
      </c>
      <c r="B136" s="21">
        <v>-12</v>
      </c>
      <c r="C136" s="22">
        <v>-3</v>
      </c>
      <c r="D136" s="22">
        <v>-9</v>
      </c>
      <c r="E136" s="21">
        <v>13</v>
      </c>
      <c r="F136" s="22">
        <v>3</v>
      </c>
      <c r="G136" s="23">
        <v>10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45</v>
      </c>
      <c r="C137" s="43">
        <v>-9</v>
      </c>
      <c r="D137" s="43">
        <v>-36</v>
      </c>
      <c r="E137" s="42">
        <v>45</v>
      </c>
      <c r="F137" s="43">
        <v>9</v>
      </c>
      <c r="G137" s="44">
        <v>36</v>
      </c>
      <c r="H137" s="43">
        <v>1</v>
      </c>
      <c r="I137" s="43">
        <v>0</v>
      </c>
      <c r="J137" s="43">
        <v>1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7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208</v>
      </c>
      <c r="C5" s="14">
        <v>437</v>
      </c>
      <c r="D5" s="14">
        <v>771</v>
      </c>
      <c r="E5" s="13">
        <v>1730</v>
      </c>
      <c r="F5" s="14">
        <v>894</v>
      </c>
      <c r="G5" s="15">
        <v>836</v>
      </c>
      <c r="H5" s="14">
        <v>13957</v>
      </c>
      <c r="I5" s="14">
        <v>7046</v>
      </c>
      <c r="J5" s="14">
        <v>6911</v>
      </c>
      <c r="K5" s="13">
        <v>12886</v>
      </c>
      <c r="L5" s="49">
        <v>6678</v>
      </c>
      <c r="M5" s="50">
        <v>6208</v>
      </c>
    </row>
    <row r="6" spans="1:13" ht="19.5" customHeight="1">
      <c r="A6" s="16" t="s">
        <v>13</v>
      </c>
      <c r="B6" s="17">
        <v>1975</v>
      </c>
      <c r="C6" s="18">
        <v>993</v>
      </c>
      <c r="D6" s="18">
        <v>982</v>
      </c>
      <c r="E6" s="17">
        <v>5</v>
      </c>
      <c r="F6" s="18">
        <v>4</v>
      </c>
      <c r="G6" s="19">
        <v>1</v>
      </c>
      <c r="H6" s="18">
        <v>881</v>
      </c>
      <c r="I6" s="18">
        <v>425</v>
      </c>
      <c r="J6" s="18">
        <v>456</v>
      </c>
      <c r="K6" s="17">
        <v>768</v>
      </c>
      <c r="L6" s="51">
        <v>391</v>
      </c>
      <c r="M6" s="52">
        <v>377</v>
      </c>
    </row>
    <row r="7" spans="1:13">
      <c r="A7" s="20" t="s">
        <v>14</v>
      </c>
      <c r="B7" s="21">
        <v>1885</v>
      </c>
      <c r="C7" s="22">
        <v>973</v>
      </c>
      <c r="D7" s="22">
        <v>912</v>
      </c>
      <c r="E7" s="21">
        <v>4</v>
      </c>
      <c r="F7" s="22">
        <v>3</v>
      </c>
      <c r="G7" s="23">
        <v>1</v>
      </c>
      <c r="H7" s="22">
        <v>132</v>
      </c>
      <c r="I7" s="22">
        <v>67</v>
      </c>
      <c r="J7" s="22">
        <v>65</v>
      </c>
      <c r="K7" s="21">
        <v>110</v>
      </c>
      <c r="L7" s="53">
        <v>54</v>
      </c>
      <c r="M7" s="54">
        <v>56</v>
      </c>
    </row>
    <row r="8" spans="1:13">
      <c r="A8" s="20" t="s">
        <v>15</v>
      </c>
      <c r="B8" s="21">
        <v>47</v>
      </c>
      <c r="C8" s="22">
        <v>20</v>
      </c>
      <c r="D8" s="22">
        <v>27</v>
      </c>
      <c r="E8" s="21">
        <v>0</v>
      </c>
      <c r="F8" s="22">
        <v>0</v>
      </c>
      <c r="G8" s="23">
        <v>0</v>
      </c>
      <c r="H8" s="22">
        <v>260</v>
      </c>
      <c r="I8" s="22">
        <v>126</v>
      </c>
      <c r="J8" s="22">
        <v>134</v>
      </c>
      <c r="K8" s="21">
        <v>213</v>
      </c>
      <c r="L8" s="53">
        <v>106</v>
      </c>
      <c r="M8" s="54">
        <v>107</v>
      </c>
    </row>
    <row r="9" spans="1:13">
      <c r="A9" s="20" t="s">
        <v>16</v>
      </c>
      <c r="B9" s="21">
        <v>29</v>
      </c>
      <c r="C9" s="22">
        <v>20</v>
      </c>
      <c r="D9" s="22">
        <v>9</v>
      </c>
      <c r="E9" s="21">
        <v>0</v>
      </c>
      <c r="F9" s="22">
        <v>0</v>
      </c>
      <c r="G9" s="23">
        <v>0</v>
      </c>
      <c r="H9" s="22">
        <v>185</v>
      </c>
      <c r="I9" s="22">
        <v>93</v>
      </c>
      <c r="J9" s="22">
        <v>92</v>
      </c>
      <c r="K9" s="21">
        <v>156</v>
      </c>
      <c r="L9" s="53">
        <v>73</v>
      </c>
      <c r="M9" s="54">
        <v>83</v>
      </c>
    </row>
    <row r="10" spans="1:13">
      <c r="A10" s="20" t="s">
        <v>17</v>
      </c>
      <c r="B10" s="21">
        <v>35</v>
      </c>
      <c r="C10" s="22">
        <v>0</v>
      </c>
      <c r="D10" s="22">
        <v>35</v>
      </c>
      <c r="E10" s="21">
        <v>1</v>
      </c>
      <c r="F10" s="22">
        <v>1</v>
      </c>
      <c r="G10" s="23">
        <v>0</v>
      </c>
      <c r="H10" s="22">
        <v>183</v>
      </c>
      <c r="I10" s="22">
        <v>84</v>
      </c>
      <c r="J10" s="22">
        <v>99</v>
      </c>
      <c r="K10" s="21">
        <v>147</v>
      </c>
      <c r="L10" s="53">
        <v>83</v>
      </c>
      <c r="M10" s="54">
        <v>64</v>
      </c>
    </row>
    <row r="11" spans="1:13">
      <c r="A11" s="20" t="s">
        <v>18</v>
      </c>
      <c r="B11" s="21">
        <v>-21</v>
      </c>
      <c r="C11" s="22">
        <v>-20</v>
      </c>
      <c r="D11" s="22">
        <v>-1</v>
      </c>
      <c r="E11" s="21">
        <v>0</v>
      </c>
      <c r="F11" s="22">
        <v>0</v>
      </c>
      <c r="G11" s="23">
        <v>0</v>
      </c>
      <c r="H11" s="22">
        <v>121</v>
      </c>
      <c r="I11" s="22">
        <v>55</v>
      </c>
      <c r="J11" s="22">
        <v>66</v>
      </c>
      <c r="K11" s="21">
        <v>142</v>
      </c>
      <c r="L11" s="53">
        <v>75</v>
      </c>
      <c r="M11" s="54">
        <v>67</v>
      </c>
    </row>
    <row r="12" spans="1:13" ht="20.100000000000001" customHeight="1">
      <c r="A12" s="16" t="s">
        <v>19</v>
      </c>
      <c r="B12" s="17">
        <v>30</v>
      </c>
      <c r="C12" s="18">
        <v>19</v>
      </c>
      <c r="D12" s="18">
        <v>11</v>
      </c>
      <c r="E12" s="17">
        <v>0</v>
      </c>
      <c r="F12" s="18">
        <v>0</v>
      </c>
      <c r="G12" s="19">
        <v>0</v>
      </c>
      <c r="H12" s="18">
        <v>444</v>
      </c>
      <c r="I12" s="18">
        <v>237</v>
      </c>
      <c r="J12" s="18">
        <v>207</v>
      </c>
      <c r="K12" s="17">
        <v>414</v>
      </c>
      <c r="L12" s="51">
        <v>218</v>
      </c>
      <c r="M12" s="52">
        <v>196</v>
      </c>
    </row>
    <row r="13" spans="1:13">
      <c r="A13" s="20" t="s">
        <v>20</v>
      </c>
      <c r="B13" s="21">
        <v>13</v>
      </c>
      <c r="C13" s="22">
        <v>1</v>
      </c>
      <c r="D13" s="22">
        <v>12</v>
      </c>
      <c r="E13" s="21">
        <v>0</v>
      </c>
      <c r="F13" s="22">
        <v>0</v>
      </c>
      <c r="G13" s="23">
        <v>0</v>
      </c>
      <c r="H13" s="22">
        <v>105</v>
      </c>
      <c r="I13" s="22">
        <v>54</v>
      </c>
      <c r="J13" s="22">
        <v>51</v>
      </c>
      <c r="K13" s="21">
        <v>92</v>
      </c>
      <c r="L13" s="53">
        <v>53</v>
      </c>
      <c r="M13" s="54">
        <v>39</v>
      </c>
    </row>
    <row r="14" spans="1:13">
      <c r="A14" s="20" t="s">
        <v>21</v>
      </c>
      <c r="B14" s="21">
        <v>19</v>
      </c>
      <c r="C14" s="22">
        <v>9</v>
      </c>
      <c r="D14" s="22">
        <v>10</v>
      </c>
      <c r="E14" s="21">
        <v>0</v>
      </c>
      <c r="F14" s="22">
        <v>0</v>
      </c>
      <c r="G14" s="23">
        <v>0</v>
      </c>
      <c r="H14" s="22">
        <v>111</v>
      </c>
      <c r="I14" s="22">
        <v>58</v>
      </c>
      <c r="J14" s="22">
        <v>53</v>
      </c>
      <c r="K14" s="21">
        <v>92</v>
      </c>
      <c r="L14" s="53">
        <v>49</v>
      </c>
      <c r="M14" s="54">
        <v>43</v>
      </c>
    </row>
    <row r="15" spans="1:13">
      <c r="A15" s="20" t="s">
        <v>22</v>
      </c>
      <c r="B15" s="21">
        <v>-7</v>
      </c>
      <c r="C15" s="22">
        <v>3</v>
      </c>
      <c r="D15" s="22">
        <v>-10</v>
      </c>
      <c r="E15" s="21">
        <v>0</v>
      </c>
      <c r="F15" s="22">
        <v>0</v>
      </c>
      <c r="G15" s="23">
        <v>0</v>
      </c>
      <c r="H15" s="22">
        <v>106</v>
      </c>
      <c r="I15" s="22">
        <v>62</v>
      </c>
      <c r="J15" s="22">
        <v>44</v>
      </c>
      <c r="K15" s="21">
        <v>113</v>
      </c>
      <c r="L15" s="53">
        <v>59</v>
      </c>
      <c r="M15" s="54">
        <v>54</v>
      </c>
    </row>
    <row r="16" spans="1:13">
      <c r="A16" s="20" t="s">
        <v>23</v>
      </c>
      <c r="B16" s="21">
        <v>-3</v>
      </c>
      <c r="C16" s="22">
        <v>-2</v>
      </c>
      <c r="D16" s="22">
        <v>-1</v>
      </c>
      <c r="E16" s="21">
        <v>0</v>
      </c>
      <c r="F16" s="22">
        <v>0</v>
      </c>
      <c r="G16" s="23">
        <v>0</v>
      </c>
      <c r="H16" s="22">
        <v>60</v>
      </c>
      <c r="I16" s="22">
        <v>29</v>
      </c>
      <c r="J16" s="22">
        <v>31</v>
      </c>
      <c r="K16" s="21">
        <v>63</v>
      </c>
      <c r="L16" s="53">
        <v>31</v>
      </c>
      <c r="M16" s="54">
        <v>32</v>
      </c>
    </row>
    <row r="17" spans="1:13">
      <c r="A17" s="20" t="s">
        <v>24</v>
      </c>
      <c r="B17" s="21">
        <v>8</v>
      </c>
      <c r="C17" s="22">
        <v>8</v>
      </c>
      <c r="D17" s="22">
        <v>0</v>
      </c>
      <c r="E17" s="21">
        <v>0</v>
      </c>
      <c r="F17" s="22">
        <v>0</v>
      </c>
      <c r="G17" s="23">
        <v>0</v>
      </c>
      <c r="H17" s="22">
        <v>62</v>
      </c>
      <c r="I17" s="22">
        <v>34</v>
      </c>
      <c r="J17" s="22">
        <v>28</v>
      </c>
      <c r="K17" s="21">
        <v>54</v>
      </c>
      <c r="L17" s="53">
        <v>26</v>
      </c>
      <c r="M17" s="54">
        <v>28</v>
      </c>
    </row>
    <row r="18" spans="1:13" ht="20.100000000000001" customHeight="1">
      <c r="A18" s="16" t="s">
        <v>25</v>
      </c>
      <c r="B18" s="17">
        <v>-21</v>
      </c>
      <c r="C18" s="18">
        <v>-23</v>
      </c>
      <c r="D18" s="18">
        <v>2</v>
      </c>
      <c r="E18" s="17">
        <v>0</v>
      </c>
      <c r="F18" s="18">
        <v>0</v>
      </c>
      <c r="G18" s="19">
        <v>0</v>
      </c>
      <c r="H18" s="18">
        <v>222</v>
      </c>
      <c r="I18" s="18">
        <v>106</v>
      </c>
      <c r="J18" s="18">
        <v>116</v>
      </c>
      <c r="K18" s="17">
        <v>243</v>
      </c>
      <c r="L18" s="51">
        <v>129</v>
      </c>
      <c r="M18" s="52">
        <v>114</v>
      </c>
    </row>
    <row r="19" spans="1:13">
      <c r="A19" s="20" t="s">
        <v>26</v>
      </c>
      <c r="B19" s="21">
        <v>-5</v>
      </c>
      <c r="C19" s="22">
        <v>-1</v>
      </c>
      <c r="D19" s="22">
        <v>-4</v>
      </c>
      <c r="E19" s="21">
        <v>0</v>
      </c>
      <c r="F19" s="22">
        <v>0</v>
      </c>
      <c r="G19" s="23">
        <v>0</v>
      </c>
      <c r="H19" s="22">
        <v>47</v>
      </c>
      <c r="I19" s="22">
        <v>24</v>
      </c>
      <c r="J19" s="22">
        <v>23</v>
      </c>
      <c r="K19" s="21">
        <v>52</v>
      </c>
      <c r="L19" s="53">
        <v>25</v>
      </c>
      <c r="M19" s="54">
        <v>27</v>
      </c>
    </row>
    <row r="20" spans="1:13">
      <c r="A20" s="20" t="s">
        <v>27</v>
      </c>
      <c r="B20" s="21">
        <v>-5</v>
      </c>
      <c r="C20" s="22">
        <v>-11</v>
      </c>
      <c r="D20" s="22">
        <v>6</v>
      </c>
      <c r="E20" s="21">
        <v>0</v>
      </c>
      <c r="F20" s="22">
        <v>0</v>
      </c>
      <c r="G20" s="23">
        <v>0</v>
      </c>
      <c r="H20" s="22">
        <v>41</v>
      </c>
      <c r="I20" s="22">
        <v>18</v>
      </c>
      <c r="J20" s="22">
        <v>23</v>
      </c>
      <c r="K20" s="21">
        <v>46</v>
      </c>
      <c r="L20" s="53">
        <v>29</v>
      </c>
      <c r="M20" s="54">
        <v>17</v>
      </c>
    </row>
    <row r="21" spans="1:13">
      <c r="A21" s="20" t="s">
        <v>28</v>
      </c>
      <c r="B21" s="21">
        <v>2</v>
      </c>
      <c r="C21" s="22">
        <v>0</v>
      </c>
      <c r="D21" s="22">
        <v>2</v>
      </c>
      <c r="E21" s="21">
        <v>0</v>
      </c>
      <c r="F21" s="22">
        <v>0</v>
      </c>
      <c r="G21" s="23">
        <v>0</v>
      </c>
      <c r="H21" s="22">
        <v>40</v>
      </c>
      <c r="I21" s="22">
        <v>18</v>
      </c>
      <c r="J21" s="22">
        <v>22</v>
      </c>
      <c r="K21" s="21">
        <v>38</v>
      </c>
      <c r="L21" s="53">
        <v>18</v>
      </c>
      <c r="M21" s="54">
        <v>20</v>
      </c>
    </row>
    <row r="22" spans="1:13">
      <c r="A22" s="20" t="s">
        <v>29</v>
      </c>
      <c r="B22" s="21">
        <v>-11</v>
      </c>
      <c r="C22" s="22">
        <v>-6</v>
      </c>
      <c r="D22" s="22">
        <v>-5</v>
      </c>
      <c r="E22" s="21">
        <v>0</v>
      </c>
      <c r="F22" s="22">
        <v>0</v>
      </c>
      <c r="G22" s="23">
        <v>0</v>
      </c>
      <c r="H22" s="22">
        <v>58</v>
      </c>
      <c r="I22" s="22">
        <v>30</v>
      </c>
      <c r="J22" s="22">
        <v>28</v>
      </c>
      <c r="K22" s="21">
        <v>69</v>
      </c>
      <c r="L22" s="53">
        <v>36</v>
      </c>
      <c r="M22" s="54">
        <v>33</v>
      </c>
    </row>
    <row r="23" spans="1:13">
      <c r="A23" s="20" t="s">
        <v>30</v>
      </c>
      <c r="B23" s="21">
        <v>-2</v>
      </c>
      <c r="C23" s="22">
        <v>-5</v>
      </c>
      <c r="D23" s="22">
        <v>3</v>
      </c>
      <c r="E23" s="21">
        <v>0</v>
      </c>
      <c r="F23" s="22">
        <v>0</v>
      </c>
      <c r="G23" s="23">
        <v>0</v>
      </c>
      <c r="H23" s="22">
        <v>36</v>
      </c>
      <c r="I23" s="22">
        <v>16</v>
      </c>
      <c r="J23" s="22">
        <v>20</v>
      </c>
      <c r="K23" s="21">
        <v>38</v>
      </c>
      <c r="L23" s="53">
        <v>21</v>
      </c>
      <c r="M23" s="54">
        <v>17</v>
      </c>
    </row>
    <row r="24" spans="1:13" ht="20.100000000000001" customHeight="1">
      <c r="A24" s="16" t="s">
        <v>31</v>
      </c>
      <c r="B24" s="17">
        <v>143</v>
      </c>
      <c r="C24" s="18">
        <v>53</v>
      </c>
      <c r="D24" s="18">
        <v>90</v>
      </c>
      <c r="E24" s="17">
        <v>3</v>
      </c>
      <c r="F24" s="18">
        <v>2</v>
      </c>
      <c r="G24" s="19">
        <v>1</v>
      </c>
      <c r="H24" s="18">
        <v>450</v>
      </c>
      <c r="I24" s="18">
        <v>210</v>
      </c>
      <c r="J24" s="18">
        <v>240</v>
      </c>
      <c r="K24" s="17">
        <v>304</v>
      </c>
      <c r="L24" s="51">
        <v>155</v>
      </c>
      <c r="M24" s="52">
        <v>149</v>
      </c>
    </row>
    <row r="25" spans="1:13">
      <c r="A25" s="20" t="s">
        <v>32</v>
      </c>
      <c r="B25" s="21">
        <v>-4</v>
      </c>
      <c r="C25" s="22">
        <v>0</v>
      </c>
      <c r="D25" s="22">
        <v>-4</v>
      </c>
      <c r="E25" s="21">
        <v>0</v>
      </c>
      <c r="F25" s="22">
        <v>0</v>
      </c>
      <c r="G25" s="23">
        <v>0</v>
      </c>
      <c r="H25" s="22">
        <v>37</v>
      </c>
      <c r="I25" s="22">
        <v>21</v>
      </c>
      <c r="J25" s="22">
        <v>16</v>
      </c>
      <c r="K25" s="21">
        <v>41</v>
      </c>
      <c r="L25" s="53">
        <v>21</v>
      </c>
      <c r="M25" s="54">
        <v>20</v>
      </c>
    </row>
    <row r="26" spans="1:13">
      <c r="A26" s="20" t="s">
        <v>33</v>
      </c>
      <c r="B26" s="21">
        <v>-5</v>
      </c>
      <c r="C26" s="22">
        <v>-3</v>
      </c>
      <c r="D26" s="22">
        <v>-2</v>
      </c>
      <c r="E26" s="21">
        <v>0</v>
      </c>
      <c r="F26" s="22">
        <v>0</v>
      </c>
      <c r="G26" s="23">
        <v>0</v>
      </c>
      <c r="H26" s="22">
        <v>50</v>
      </c>
      <c r="I26" s="22">
        <v>22</v>
      </c>
      <c r="J26" s="22">
        <v>28</v>
      </c>
      <c r="K26" s="21">
        <v>55</v>
      </c>
      <c r="L26" s="53">
        <v>25</v>
      </c>
      <c r="M26" s="54">
        <v>30</v>
      </c>
    </row>
    <row r="27" spans="1:13">
      <c r="A27" s="20" t="s">
        <v>34</v>
      </c>
      <c r="B27" s="21">
        <v>0</v>
      </c>
      <c r="C27" s="22">
        <v>-6</v>
      </c>
      <c r="D27" s="22">
        <v>6</v>
      </c>
      <c r="E27" s="21">
        <v>1</v>
      </c>
      <c r="F27" s="22">
        <v>1</v>
      </c>
      <c r="G27" s="23">
        <v>0</v>
      </c>
      <c r="H27" s="22">
        <v>34</v>
      </c>
      <c r="I27" s="22">
        <v>12</v>
      </c>
      <c r="J27" s="22">
        <v>22</v>
      </c>
      <c r="K27" s="21">
        <v>33</v>
      </c>
      <c r="L27" s="53">
        <v>17</v>
      </c>
      <c r="M27" s="54">
        <v>16</v>
      </c>
    </row>
    <row r="28" spans="1:13">
      <c r="A28" s="20" t="s">
        <v>35</v>
      </c>
      <c r="B28" s="21">
        <v>41</v>
      </c>
      <c r="C28" s="22">
        <v>29</v>
      </c>
      <c r="D28" s="22">
        <v>12</v>
      </c>
      <c r="E28" s="21">
        <v>2</v>
      </c>
      <c r="F28" s="22">
        <v>1</v>
      </c>
      <c r="G28" s="23">
        <v>1</v>
      </c>
      <c r="H28" s="22">
        <v>97</v>
      </c>
      <c r="I28" s="22">
        <v>53</v>
      </c>
      <c r="J28" s="22">
        <v>44</v>
      </c>
      <c r="K28" s="21">
        <v>54</v>
      </c>
      <c r="L28" s="53">
        <v>23</v>
      </c>
      <c r="M28" s="54">
        <v>31</v>
      </c>
    </row>
    <row r="29" spans="1:13">
      <c r="A29" s="20" t="s">
        <v>36</v>
      </c>
      <c r="B29" s="21">
        <v>111</v>
      </c>
      <c r="C29" s="22">
        <v>33</v>
      </c>
      <c r="D29" s="22">
        <v>78</v>
      </c>
      <c r="E29" s="21">
        <v>0</v>
      </c>
      <c r="F29" s="22">
        <v>0</v>
      </c>
      <c r="G29" s="23">
        <v>0</v>
      </c>
      <c r="H29" s="22">
        <v>232</v>
      </c>
      <c r="I29" s="22">
        <v>102</v>
      </c>
      <c r="J29" s="22">
        <v>130</v>
      </c>
      <c r="K29" s="21">
        <v>121</v>
      </c>
      <c r="L29" s="53">
        <v>69</v>
      </c>
      <c r="M29" s="54">
        <v>52</v>
      </c>
    </row>
    <row r="30" spans="1:13" ht="20.100000000000001" customHeight="1">
      <c r="A30" s="16" t="s">
        <v>37</v>
      </c>
      <c r="B30" s="17">
        <v>446</v>
      </c>
      <c r="C30" s="18">
        <v>153</v>
      </c>
      <c r="D30" s="18">
        <v>293</v>
      </c>
      <c r="E30" s="17">
        <v>3</v>
      </c>
      <c r="F30" s="18">
        <v>3</v>
      </c>
      <c r="G30" s="19">
        <v>0</v>
      </c>
      <c r="H30" s="18">
        <v>2050</v>
      </c>
      <c r="I30" s="18">
        <v>974</v>
      </c>
      <c r="J30" s="18">
        <v>1076</v>
      </c>
      <c r="K30" s="17">
        <v>1601</v>
      </c>
      <c r="L30" s="51">
        <v>818</v>
      </c>
      <c r="M30" s="52">
        <v>783</v>
      </c>
    </row>
    <row r="31" spans="1:13">
      <c r="A31" s="20" t="s">
        <v>38</v>
      </c>
      <c r="B31" s="21">
        <v>78</v>
      </c>
      <c r="C31" s="22">
        <v>37</v>
      </c>
      <c r="D31" s="22">
        <v>41</v>
      </c>
      <c r="E31" s="21">
        <v>2</v>
      </c>
      <c r="F31" s="22">
        <v>2</v>
      </c>
      <c r="G31" s="23">
        <v>0</v>
      </c>
      <c r="H31" s="22">
        <v>205</v>
      </c>
      <c r="I31" s="22">
        <v>99</v>
      </c>
      <c r="J31" s="22">
        <v>106</v>
      </c>
      <c r="K31" s="21">
        <v>125</v>
      </c>
      <c r="L31" s="53">
        <v>60</v>
      </c>
      <c r="M31" s="54">
        <v>65</v>
      </c>
    </row>
    <row r="32" spans="1:13">
      <c r="A32" s="20" t="s">
        <v>39</v>
      </c>
      <c r="B32" s="21">
        <v>114</v>
      </c>
      <c r="C32" s="22">
        <v>45</v>
      </c>
      <c r="D32" s="22">
        <v>69</v>
      </c>
      <c r="E32" s="21">
        <v>0</v>
      </c>
      <c r="F32" s="22">
        <v>0</v>
      </c>
      <c r="G32" s="23">
        <v>0</v>
      </c>
      <c r="H32" s="22">
        <v>318</v>
      </c>
      <c r="I32" s="22">
        <v>135</v>
      </c>
      <c r="J32" s="22">
        <v>183</v>
      </c>
      <c r="K32" s="21">
        <v>204</v>
      </c>
      <c r="L32" s="53">
        <v>90</v>
      </c>
      <c r="M32" s="54">
        <v>114</v>
      </c>
    </row>
    <row r="33" spans="1:13">
      <c r="A33" s="20" t="s">
        <v>40</v>
      </c>
      <c r="B33" s="21">
        <v>86</v>
      </c>
      <c r="C33" s="22">
        <v>22</v>
      </c>
      <c r="D33" s="22">
        <v>64</v>
      </c>
      <c r="E33" s="21">
        <v>0</v>
      </c>
      <c r="F33" s="22">
        <v>0</v>
      </c>
      <c r="G33" s="23">
        <v>0</v>
      </c>
      <c r="H33" s="22">
        <v>373</v>
      </c>
      <c r="I33" s="22">
        <v>165</v>
      </c>
      <c r="J33" s="22">
        <v>208</v>
      </c>
      <c r="K33" s="21">
        <v>287</v>
      </c>
      <c r="L33" s="53">
        <v>143</v>
      </c>
      <c r="M33" s="54">
        <v>144</v>
      </c>
    </row>
    <row r="34" spans="1:13">
      <c r="A34" s="20" t="s">
        <v>41</v>
      </c>
      <c r="B34" s="21">
        <v>146</v>
      </c>
      <c r="C34" s="22">
        <v>48</v>
      </c>
      <c r="D34" s="22">
        <v>98</v>
      </c>
      <c r="E34" s="21">
        <v>1</v>
      </c>
      <c r="F34" s="22">
        <v>1</v>
      </c>
      <c r="G34" s="23">
        <v>0</v>
      </c>
      <c r="H34" s="22">
        <v>678</v>
      </c>
      <c r="I34" s="22">
        <v>342</v>
      </c>
      <c r="J34" s="22">
        <v>336</v>
      </c>
      <c r="K34" s="21">
        <v>531</v>
      </c>
      <c r="L34" s="53">
        <v>293</v>
      </c>
      <c r="M34" s="54">
        <v>238</v>
      </c>
    </row>
    <row r="35" spans="1:13">
      <c r="A35" s="20" t="s">
        <v>42</v>
      </c>
      <c r="B35" s="21">
        <v>22</v>
      </c>
      <c r="C35" s="22">
        <v>1</v>
      </c>
      <c r="D35" s="22">
        <v>21</v>
      </c>
      <c r="E35" s="21">
        <v>0</v>
      </c>
      <c r="F35" s="22">
        <v>0</v>
      </c>
      <c r="G35" s="23">
        <v>0</v>
      </c>
      <c r="H35" s="22">
        <v>476</v>
      </c>
      <c r="I35" s="22">
        <v>233</v>
      </c>
      <c r="J35" s="22">
        <v>243</v>
      </c>
      <c r="K35" s="21">
        <v>454</v>
      </c>
      <c r="L35" s="53">
        <v>232</v>
      </c>
      <c r="M35" s="54">
        <v>222</v>
      </c>
    </row>
    <row r="36" spans="1:13" ht="20.100000000000001" customHeight="1">
      <c r="A36" s="16" t="s">
        <v>43</v>
      </c>
      <c r="B36" s="17">
        <v>-134</v>
      </c>
      <c r="C36" s="18">
        <v>-77</v>
      </c>
      <c r="D36" s="18">
        <v>-57</v>
      </c>
      <c r="E36" s="17">
        <v>5</v>
      </c>
      <c r="F36" s="18">
        <v>4</v>
      </c>
      <c r="G36" s="19">
        <v>1</v>
      </c>
      <c r="H36" s="18">
        <v>2680</v>
      </c>
      <c r="I36" s="18">
        <v>1355</v>
      </c>
      <c r="J36" s="18">
        <v>1325</v>
      </c>
      <c r="K36" s="17">
        <v>2809</v>
      </c>
      <c r="L36" s="51">
        <v>1428</v>
      </c>
      <c r="M36" s="52">
        <v>1381</v>
      </c>
    </row>
    <row r="37" spans="1:13">
      <c r="A37" s="20" t="s">
        <v>44</v>
      </c>
      <c r="B37" s="21">
        <v>-26</v>
      </c>
      <c r="C37" s="22">
        <v>-9</v>
      </c>
      <c r="D37" s="22">
        <v>-17</v>
      </c>
      <c r="E37" s="21">
        <v>1</v>
      </c>
      <c r="F37" s="22">
        <v>1</v>
      </c>
      <c r="G37" s="23">
        <v>0</v>
      </c>
      <c r="H37" s="22">
        <v>593</v>
      </c>
      <c r="I37" s="22">
        <v>306</v>
      </c>
      <c r="J37" s="22">
        <v>287</v>
      </c>
      <c r="K37" s="21">
        <v>618</v>
      </c>
      <c r="L37" s="53">
        <v>314</v>
      </c>
      <c r="M37" s="54">
        <v>304</v>
      </c>
    </row>
    <row r="38" spans="1:13">
      <c r="A38" s="20" t="s">
        <v>45</v>
      </c>
      <c r="B38" s="21">
        <v>-84</v>
      </c>
      <c r="C38" s="22">
        <v>-36</v>
      </c>
      <c r="D38" s="22">
        <v>-48</v>
      </c>
      <c r="E38" s="21">
        <v>0</v>
      </c>
      <c r="F38" s="22">
        <v>0</v>
      </c>
      <c r="G38" s="23">
        <v>0</v>
      </c>
      <c r="H38" s="22">
        <v>538</v>
      </c>
      <c r="I38" s="22">
        <v>275</v>
      </c>
      <c r="J38" s="22">
        <v>263</v>
      </c>
      <c r="K38" s="21">
        <v>622</v>
      </c>
      <c r="L38" s="53">
        <v>311</v>
      </c>
      <c r="M38" s="54">
        <v>311</v>
      </c>
    </row>
    <row r="39" spans="1:13">
      <c r="A39" s="20" t="s">
        <v>46</v>
      </c>
      <c r="B39" s="21">
        <v>-14</v>
      </c>
      <c r="C39" s="22">
        <v>-37</v>
      </c>
      <c r="D39" s="22">
        <v>23</v>
      </c>
      <c r="E39" s="21">
        <v>1</v>
      </c>
      <c r="F39" s="22">
        <v>0</v>
      </c>
      <c r="G39" s="23">
        <v>1</v>
      </c>
      <c r="H39" s="22">
        <v>519</v>
      </c>
      <c r="I39" s="22">
        <v>236</v>
      </c>
      <c r="J39" s="22">
        <v>283</v>
      </c>
      <c r="K39" s="21">
        <v>532</v>
      </c>
      <c r="L39" s="53">
        <v>273</v>
      </c>
      <c r="M39" s="54">
        <v>259</v>
      </c>
    </row>
    <row r="40" spans="1:13">
      <c r="A40" s="20" t="s">
        <v>47</v>
      </c>
      <c r="B40" s="21">
        <v>-34</v>
      </c>
      <c r="C40" s="22">
        <v>1</v>
      </c>
      <c r="D40" s="22">
        <v>-35</v>
      </c>
      <c r="E40" s="21">
        <v>1</v>
      </c>
      <c r="F40" s="22">
        <v>1</v>
      </c>
      <c r="G40" s="23">
        <v>0</v>
      </c>
      <c r="H40" s="22">
        <v>537</v>
      </c>
      <c r="I40" s="22">
        <v>290</v>
      </c>
      <c r="J40" s="22">
        <v>247</v>
      </c>
      <c r="K40" s="21">
        <v>570</v>
      </c>
      <c r="L40" s="53">
        <v>288</v>
      </c>
      <c r="M40" s="54">
        <v>282</v>
      </c>
    </row>
    <row r="41" spans="1:13">
      <c r="A41" s="20" t="s">
        <v>48</v>
      </c>
      <c r="B41" s="21">
        <v>24</v>
      </c>
      <c r="C41" s="22">
        <v>4</v>
      </c>
      <c r="D41" s="22">
        <v>20</v>
      </c>
      <c r="E41" s="21">
        <v>2</v>
      </c>
      <c r="F41" s="22">
        <v>2</v>
      </c>
      <c r="G41" s="23">
        <v>0</v>
      </c>
      <c r="H41" s="22">
        <v>493</v>
      </c>
      <c r="I41" s="22">
        <v>248</v>
      </c>
      <c r="J41" s="22">
        <v>245</v>
      </c>
      <c r="K41" s="21">
        <v>467</v>
      </c>
      <c r="L41" s="53">
        <v>242</v>
      </c>
      <c r="M41" s="54">
        <v>225</v>
      </c>
    </row>
    <row r="42" spans="1:13" ht="20.100000000000001" customHeight="1">
      <c r="A42" s="16" t="s">
        <v>49</v>
      </c>
      <c r="B42" s="17">
        <v>189</v>
      </c>
      <c r="C42" s="18">
        <v>131</v>
      </c>
      <c r="D42" s="18">
        <v>58</v>
      </c>
      <c r="E42" s="17">
        <v>4</v>
      </c>
      <c r="F42" s="18">
        <v>2</v>
      </c>
      <c r="G42" s="19">
        <v>2</v>
      </c>
      <c r="H42" s="18">
        <v>2106</v>
      </c>
      <c r="I42" s="18">
        <v>1076</v>
      </c>
      <c r="J42" s="18">
        <v>1030</v>
      </c>
      <c r="K42" s="17">
        <v>1913</v>
      </c>
      <c r="L42" s="51">
        <v>943</v>
      </c>
      <c r="M42" s="52">
        <v>970</v>
      </c>
    </row>
    <row r="43" spans="1:13">
      <c r="A43" s="20" t="s">
        <v>50</v>
      </c>
      <c r="B43" s="21">
        <v>-13</v>
      </c>
      <c r="C43" s="22">
        <v>11</v>
      </c>
      <c r="D43" s="22">
        <v>-24</v>
      </c>
      <c r="E43" s="21">
        <v>1</v>
      </c>
      <c r="F43" s="22">
        <v>1</v>
      </c>
      <c r="G43" s="23">
        <v>0</v>
      </c>
      <c r="H43" s="22">
        <v>459</v>
      </c>
      <c r="I43" s="22">
        <v>236</v>
      </c>
      <c r="J43" s="22">
        <v>223</v>
      </c>
      <c r="K43" s="21">
        <v>471</v>
      </c>
      <c r="L43" s="53">
        <v>224</v>
      </c>
      <c r="M43" s="54">
        <v>247</v>
      </c>
    </row>
    <row r="44" spans="1:13">
      <c r="A44" s="20" t="s">
        <v>51</v>
      </c>
      <c r="B44" s="21">
        <v>-12</v>
      </c>
      <c r="C44" s="22">
        <v>-32</v>
      </c>
      <c r="D44" s="22">
        <v>20</v>
      </c>
      <c r="E44" s="21">
        <v>2</v>
      </c>
      <c r="F44" s="22">
        <v>1</v>
      </c>
      <c r="G44" s="23">
        <v>1</v>
      </c>
      <c r="H44" s="22">
        <v>415</v>
      </c>
      <c r="I44" s="22">
        <v>194</v>
      </c>
      <c r="J44" s="22">
        <v>221</v>
      </c>
      <c r="K44" s="21">
        <v>425</v>
      </c>
      <c r="L44" s="53">
        <v>225</v>
      </c>
      <c r="M44" s="54">
        <v>200</v>
      </c>
    </row>
    <row r="45" spans="1:13">
      <c r="A45" s="20" t="s">
        <v>52</v>
      </c>
      <c r="B45" s="21">
        <v>58</v>
      </c>
      <c r="C45" s="22">
        <v>38</v>
      </c>
      <c r="D45" s="22">
        <v>20</v>
      </c>
      <c r="E45" s="21">
        <v>1</v>
      </c>
      <c r="F45" s="22">
        <v>0</v>
      </c>
      <c r="G45" s="23">
        <v>1</v>
      </c>
      <c r="H45" s="22">
        <v>421</v>
      </c>
      <c r="I45" s="22">
        <v>212</v>
      </c>
      <c r="J45" s="22">
        <v>209</v>
      </c>
      <c r="K45" s="21">
        <v>362</v>
      </c>
      <c r="L45" s="53">
        <v>174</v>
      </c>
      <c r="M45" s="54">
        <v>188</v>
      </c>
    </row>
    <row r="46" spans="1:13">
      <c r="A46" s="20" t="s">
        <v>53</v>
      </c>
      <c r="B46" s="21">
        <v>73</v>
      </c>
      <c r="C46" s="22">
        <v>57</v>
      </c>
      <c r="D46" s="22">
        <v>16</v>
      </c>
      <c r="E46" s="21">
        <v>0</v>
      </c>
      <c r="F46" s="22">
        <v>0</v>
      </c>
      <c r="G46" s="23">
        <v>0</v>
      </c>
      <c r="H46" s="22">
        <v>423</v>
      </c>
      <c r="I46" s="22">
        <v>228</v>
      </c>
      <c r="J46" s="22">
        <v>195</v>
      </c>
      <c r="K46" s="21">
        <v>350</v>
      </c>
      <c r="L46" s="53">
        <v>171</v>
      </c>
      <c r="M46" s="54">
        <v>179</v>
      </c>
    </row>
    <row r="47" spans="1:13">
      <c r="A47" s="20" t="s">
        <v>54</v>
      </c>
      <c r="B47" s="21">
        <v>83</v>
      </c>
      <c r="C47" s="22">
        <v>57</v>
      </c>
      <c r="D47" s="22">
        <v>26</v>
      </c>
      <c r="E47" s="21">
        <v>0</v>
      </c>
      <c r="F47" s="22">
        <v>0</v>
      </c>
      <c r="G47" s="23">
        <v>0</v>
      </c>
      <c r="H47" s="22">
        <v>388</v>
      </c>
      <c r="I47" s="22">
        <v>206</v>
      </c>
      <c r="J47" s="22">
        <v>182</v>
      </c>
      <c r="K47" s="21">
        <v>305</v>
      </c>
      <c r="L47" s="53">
        <v>149</v>
      </c>
      <c r="M47" s="54">
        <v>156</v>
      </c>
    </row>
    <row r="48" spans="1:13" ht="20.100000000000001" customHeight="1">
      <c r="A48" s="16" t="s">
        <v>55</v>
      </c>
      <c r="B48" s="17">
        <v>157</v>
      </c>
      <c r="C48" s="18">
        <v>89</v>
      </c>
      <c r="D48" s="18">
        <v>68</v>
      </c>
      <c r="E48" s="17">
        <v>7</v>
      </c>
      <c r="F48" s="18">
        <v>2</v>
      </c>
      <c r="G48" s="19">
        <v>5</v>
      </c>
      <c r="H48" s="18">
        <v>1387</v>
      </c>
      <c r="I48" s="18">
        <v>765</v>
      </c>
      <c r="J48" s="18">
        <v>622</v>
      </c>
      <c r="K48" s="17">
        <v>1223</v>
      </c>
      <c r="L48" s="51">
        <v>674</v>
      </c>
      <c r="M48" s="52">
        <v>549</v>
      </c>
    </row>
    <row r="49" spans="1:13">
      <c r="A49" s="20" t="s">
        <v>56</v>
      </c>
      <c r="B49" s="21">
        <v>26</v>
      </c>
      <c r="C49" s="22">
        <v>11</v>
      </c>
      <c r="D49" s="22">
        <v>15</v>
      </c>
      <c r="E49" s="21">
        <v>0</v>
      </c>
      <c r="F49" s="22">
        <v>0</v>
      </c>
      <c r="G49" s="23">
        <v>0</v>
      </c>
      <c r="H49" s="22">
        <v>329</v>
      </c>
      <c r="I49" s="22">
        <v>165</v>
      </c>
      <c r="J49" s="22">
        <v>164</v>
      </c>
      <c r="K49" s="21">
        <v>303</v>
      </c>
      <c r="L49" s="53">
        <v>154</v>
      </c>
      <c r="M49" s="54">
        <v>149</v>
      </c>
    </row>
    <row r="50" spans="1:13">
      <c r="A50" s="20" t="s">
        <v>57</v>
      </c>
      <c r="B50" s="21">
        <v>63</v>
      </c>
      <c r="C50" s="22">
        <v>57</v>
      </c>
      <c r="D50" s="22">
        <v>6</v>
      </c>
      <c r="E50" s="21">
        <v>2</v>
      </c>
      <c r="F50" s="22">
        <v>0</v>
      </c>
      <c r="G50" s="23">
        <v>2</v>
      </c>
      <c r="H50" s="22">
        <v>323</v>
      </c>
      <c r="I50" s="22">
        <v>196</v>
      </c>
      <c r="J50" s="22">
        <v>127</v>
      </c>
      <c r="K50" s="21">
        <v>258</v>
      </c>
      <c r="L50" s="53">
        <v>139</v>
      </c>
      <c r="M50" s="54">
        <v>119</v>
      </c>
    </row>
    <row r="51" spans="1:13">
      <c r="A51" s="20" t="s">
        <v>58</v>
      </c>
      <c r="B51" s="21">
        <v>9</v>
      </c>
      <c r="C51" s="22">
        <v>3</v>
      </c>
      <c r="D51" s="22">
        <v>6</v>
      </c>
      <c r="E51" s="21">
        <v>2</v>
      </c>
      <c r="F51" s="22">
        <v>0</v>
      </c>
      <c r="G51" s="23">
        <v>2</v>
      </c>
      <c r="H51" s="22">
        <v>266</v>
      </c>
      <c r="I51" s="22">
        <v>140</v>
      </c>
      <c r="J51" s="22">
        <v>126</v>
      </c>
      <c r="K51" s="21">
        <v>255</v>
      </c>
      <c r="L51" s="53">
        <v>137</v>
      </c>
      <c r="M51" s="54">
        <v>118</v>
      </c>
    </row>
    <row r="52" spans="1:13">
      <c r="A52" s="20" t="s">
        <v>59</v>
      </c>
      <c r="B52" s="21">
        <v>33</v>
      </c>
      <c r="C52" s="22">
        <v>6</v>
      </c>
      <c r="D52" s="22">
        <v>27</v>
      </c>
      <c r="E52" s="21">
        <v>3</v>
      </c>
      <c r="F52" s="22">
        <v>2</v>
      </c>
      <c r="G52" s="23">
        <v>1</v>
      </c>
      <c r="H52" s="22">
        <v>248</v>
      </c>
      <c r="I52" s="22">
        <v>133</v>
      </c>
      <c r="J52" s="22">
        <v>115</v>
      </c>
      <c r="K52" s="21">
        <v>212</v>
      </c>
      <c r="L52" s="53">
        <v>125</v>
      </c>
      <c r="M52" s="54">
        <v>87</v>
      </c>
    </row>
    <row r="53" spans="1:13">
      <c r="A53" s="20" t="s">
        <v>60</v>
      </c>
      <c r="B53" s="21">
        <v>26</v>
      </c>
      <c r="C53" s="22">
        <v>12</v>
      </c>
      <c r="D53" s="22">
        <v>14</v>
      </c>
      <c r="E53" s="21">
        <v>0</v>
      </c>
      <c r="F53" s="22">
        <v>0</v>
      </c>
      <c r="G53" s="23">
        <v>0</v>
      </c>
      <c r="H53" s="22">
        <v>221</v>
      </c>
      <c r="I53" s="22">
        <v>131</v>
      </c>
      <c r="J53" s="22">
        <v>90</v>
      </c>
      <c r="K53" s="21">
        <v>195</v>
      </c>
      <c r="L53" s="53">
        <v>119</v>
      </c>
      <c r="M53" s="54">
        <v>76</v>
      </c>
    </row>
    <row r="54" spans="1:13" ht="20.100000000000001" customHeight="1">
      <c r="A54" s="16" t="s">
        <v>61</v>
      </c>
      <c r="B54" s="17">
        <v>24</v>
      </c>
      <c r="C54" s="18">
        <v>-16</v>
      </c>
      <c r="D54" s="18">
        <v>40</v>
      </c>
      <c r="E54" s="17">
        <v>15</v>
      </c>
      <c r="F54" s="18">
        <v>12</v>
      </c>
      <c r="G54" s="19">
        <v>3</v>
      </c>
      <c r="H54" s="18">
        <v>942</v>
      </c>
      <c r="I54" s="18">
        <v>499</v>
      </c>
      <c r="J54" s="18">
        <v>443</v>
      </c>
      <c r="K54" s="17">
        <v>903</v>
      </c>
      <c r="L54" s="51">
        <v>503</v>
      </c>
      <c r="M54" s="52">
        <v>400</v>
      </c>
    </row>
    <row r="55" spans="1:13">
      <c r="A55" s="20" t="s">
        <v>62</v>
      </c>
      <c r="B55" s="21">
        <v>9</v>
      </c>
      <c r="C55" s="22">
        <v>-12</v>
      </c>
      <c r="D55" s="22">
        <v>21</v>
      </c>
      <c r="E55" s="21">
        <v>5</v>
      </c>
      <c r="F55" s="22">
        <v>4</v>
      </c>
      <c r="G55" s="23">
        <v>1</v>
      </c>
      <c r="H55" s="22">
        <v>222</v>
      </c>
      <c r="I55" s="22">
        <v>116</v>
      </c>
      <c r="J55" s="22">
        <v>106</v>
      </c>
      <c r="K55" s="21">
        <v>208</v>
      </c>
      <c r="L55" s="53">
        <v>124</v>
      </c>
      <c r="M55" s="54">
        <v>84</v>
      </c>
    </row>
    <row r="56" spans="1:13">
      <c r="A56" s="20" t="s">
        <v>63</v>
      </c>
      <c r="B56" s="21">
        <v>12</v>
      </c>
      <c r="C56" s="22">
        <v>-6</v>
      </c>
      <c r="D56" s="22">
        <v>18</v>
      </c>
      <c r="E56" s="21">
        <v>3</v>
      </c>
      <c r="F56" s="22">
        <v>2</v>
      </c>
      <c r="G56" s="23">
        <v>1</v>
      </c>
      <c r="H56" s="22">
        <v>205</v>
      </c>
      <c r="I56" s="22">
        <v>97</v>
      </c>
      <c r="J56" s="22">
        <v>108</v>
      </c>
      <c r="K56" s="21">
        <v>190</v>
      </c>
      <c r="L56" s="53">
        <v>101</v>
      </c>
      <c r="M56" s="54">
        <v>89</v>
      </c>
    </row>
    <row r="57" spans="1:13">
      <c r="A57" s="20" t="s">
        <v>64</v>
      </c>
      <c r="B57" s="21">
        <v>-26</v>
      </c>
      <c r="C57" s="22">
        <v>-17</v>
      </c>
      <c r="D57" s="22">
        <v>-9</v>
      </c>
      <c r="E57" s="21">
        <v>2</v>
      </c>
      <c r="F57" s="22">
        <v>2</v>
      </c>
      <c r="G57" s="23">
        <v>0</v>
      </c>
      <c r="H57" s="22">
        <v>163</v>
      </c>
      <c r="I57" s="22">
        <v>93</v>
      </c>
      <c r="J57" s="22">
        <v>70</v>
      </c>
      <c r="K57" s="21">
        <v>187</v>
      </c>
      <c r="L57" s="53">
        <v>108</v>
      </c>
      <c r="M57" s="54">
        <v>79</v>
      </c>
    </row>
    <row r="58" spans="1:13">
      <c r="A58" s="20" t="s">
        <v>65</v>
      </c>
      <c r="B58" s="21">
        <v>30</v>
      </c>
      <c r="C58" s="22">
        <v>17</v>
      </c>
      <c r="D58" s="22">
        <v>13</v>
      </c>
      <c r="E58" s="21">
        <v>4</v>
      </c>
      <c r="F58" s="22">
        <v>3</v>
      </c>
      <c r="G58" s="23">
        <v>1</v>
      </c>
      <c r="H58" s="22">
        <v>191</v>
      </c>
      <c r="I58" s="22">
        <v>101</v>
      </c>
      <c r="J58" s="22">
        <v>90</v>
      </c>
      <c r="K58" s="21">
        <v>157</v>
      </c>
      <c r="L58" s="53">
        <v>81</v>
      </c>
      <c r="M58" s="54">
        <v>76</v>
      </c>
    </row>
    <row r="59" spans="1:13">
      <c r="A59" s="20" t="s">
        <v>66</v>
      </c>
      <c r="B59" s="21">
        <v>-1</v>
      </c>
      <c r="C59" s="22">
        <v>2</v>
      </c>
      <c r="D59" s="22">
        <v>-3</v>
      </c>
      <c r="E59" s="21">
        <v>1</v>
      </c>
      <c r="F59" s="22">
        <v>1</v>
      </c>
      <c r="G59" s="23">
        <v>0</v>
      </c>
      <c r="H59" s="22">
        <v>161</v>
      </c>
      <c r="I59" s="22">
        <v>92</v>
      </c>
      <c r="J59" s="22">
        <v>69</v>
      </c>
      <c r="K59" s="21">
        <v>161</v>
      </c>
      <c r="L59" s="53">
        <v>89</v>
      </c>
      <c r="M59" s="54">
        <v>72</v>
      </c>
    </row>
    <row r="60" spans="1:13" ht="20.100000000000001" customHeight="1">
      <c r="A60" s="16" t="s">
        <v>67</v>
      </c>
      <c r="B60" s="17">
        <v>-44</v>
      </c>
      <c r="C60" s="18">
        <v>-41</v>
      </c>
      <c r="D60" s="18">
        <v>-3</v>
      </c>
      <c r="E60" s="17">
        <v>24</v>
      </c>
      <c r="F60" s="18">
        <v>14</v>
      </c>
      <c r="G60" s="19">
        <v>10</v>
      </c>
      <c r="H60" s="18">
        <v>689</v>
      </c>
      <c r="I60" s="18">
        <v>376</v>
      </c>
      <c r="J60" s="18">
        <v>313</v>
      </c>
      <c r="K60" s="17">
        <v>709</v>
      </c>
      <c r="L60" s="51">
        <v>403</v>
      </c>
      <c r="M60" s="52">
        <v>306</v>
      </c>
    </row>
    <row r="61" spans="1:13">
      <c r="A61" s="20" t="s">
        <v>68</v>
      </c>
      <c r="B61" s="21">
        <v>-6</v>
      </c>
      <c r="C61" s="22">
        <v>-10</v>
      </c>
      <c r="D61" s="22">
        <v>4</v>
      </c>
      <c r="E61" s="21">
        <v>2</v>
      </c>
      <c r="F61" s="22">
        <v>2</v>
      </c>
      <c r="G61" s="23">
        <v>0</v>
      </c>
      <c r="H61" s="22">
        <v>169</v>
      </c>
      <c r="I61" s="22">
        <v>95</v>
      </c>
      <c r="J61" s="22">
        <v>74</v>
      </c>
      <c r="K61" s="21">
        <v>173</v>
      </c>
      <c r="L61" s="53">
        <v>103</v>
      </c>
      <c r="M61" s="54">
        <v>70</v>
      </c>
    </row>
    <row r="62" spans="1:13">
      <c r="A62" s="20" t="s">
        <v>69</v>
      </c>
      <c r="B62" s="21">
        <v>16</v>
      </c>
      <c r="C62" s="22">
        <v>17</v>
      </c>
      <c r="D62" s="22">
        <v>-1</v>
      </c>
      <c r="E62" s="21">
        <v>5</v>
      </c>
      <c r="F62" s="22">
        <v>1</v>
      </c>
      <c r="G62" s="23">
        <v>4</v>
      </c>
      <c r="H62" s="22">
        <v>158</v>
      </c>
      <c r="I62" s="22">
        <v>93</v>
      </c>
      <c r="J62" s="22">
        <v>65</v>
      </c>
      <c r="K62" s="21">
        <v>137</v>
      </c>
      <c r="L62" s="53">
        <v>75</v>
      </c>
      <c r="M62" s="54">
        <v>62</v>
      </c>
    </row>
    <row r="63" spans="1:13">
      <c r="A63" s="20" t="s">
        <v>70</v>
      </c>
      <c r="B63" s="21">
        <v>-16</v>
      </c>
      <c r="C63" s="22">
        <v>-12</v>
      </c>
      <c r="D63" s="22">
        <v>-4</v>
      </c>
      <c r="E63" s="21">
        <v>6</v>
      </c>
      <c r="F63" s="22">
        <v>4</v>
      </c>
      <c r="G63" s="23">
        <v>2</v>
      </c>
      <c r="H63" s="22">
        <v>119</v>
      </c>
      <c r="I63" s="22">
        <v>67</v>
      </c>
      <c r="J63" s="22">
        <v>52</v>
      </c>
      <c r="K63" s="21">
        <v>129</v>
      </c>
      <c r="L63" s="53">
        <v>75</v>
      </c>
      <c r="M63" s="54">
        <v>54</v>
      </c>
    </row>
    <row r="64" spans="1:13">
      <c r="A64" s="20" t="s">
        <v>71</v>
      </c>
      <c r="B64" s="21">
        <v>-25</v>
      </c>
      <c r="C64" s="22">
        <v>-23</v>
      </c>
      <c r="D64" s="22">
        <v>-2</v>
      </c>
      <c r="E64" s="21">
        <v>4</v>
      </c>
      <c r="F64" s="22">
        <v>1</v>
      </c>
      <c r="G64" s="23">
        <v>3</v>
      </c>
      <c r="H64" s="22">
        <v>119</v>
      </c>
      <c r="I64" s="22">
        <v>57</v>
      </c>
      <c r="J64" s="22">
        <v>62</v>
      </c>
      <c r="K64" s="21">
        <v>140</v>
      </c>
      <c r="L64" s="53">
        <v>79</v>
      </c>
      <c r="M64" s="54">
        <v>61</v>
      </c>
    </row>
    <row r="65" spans="1:13">
      <c r="A65" s="24" t="s">
        <v>72</v>
      </c>
      <c r="B65" s="25">
        <v>-13</v>
      </c>
      <c r="C65" s="26">
        <v>-13</v>
      </c>
      <c r="D65" s="26">
        <v>0</v>
      </c>
      <c r="E65" s="25">
        <v>7</v>
      </c>
      <c r="F65" s="26">
        <v>6</v>
      </c>
      <c r="G65" s="27">
        <v>1</v>
      </c>
      <c r="H65" s="26">
        <v>124</v>
      </c>
      <c r="I65" s="26">
        <v>64</v>
      </c>
      <c r="J65" s="26">
        <v>60</v>
      </c>
      <c r="K65" s="25">
        <v>130</v>
      </c>
      <c r="L65" s="55">
        <v>71</v>
      </c>
      <c r="M65" s="56">
        <v>5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867</v>
      </c>
      <c r="C69" s="58">
        <v>963</v>
      </c>
      <c r="D69" s="59">
        <v>904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867</v>
      </c>
      <c r="C70" s="61">
        <v>963</v>
      </c>
      <c r="D70" s="62">
        <v>904</v>
      </c>
    </row>
    <row r="71" spans="1:13">
      <c r="A71" s="24" t="s">
        <v>14</v>
      </c>
      <c r="B71" s="63">
        <v>1867</v>
      </c>
      <c r="C71" s="64">
        <v>963</v>
      </c>
      <c r="D71" s="65">
        <v>904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7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5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63</v>
      </c>
      <c r="C77" s="18">
        <v>-44</v>
      </c>
      <c r="D77" s="18">
        <v>-19</v>
      </c>
      <c r="E77" s="17">
        <v>45</v>
      </c>
      <c r="F77" s="18">
        <v>28</v>
      </c>
      <c r="G77" s="19">
        <v>17</v>
      </c>
      <c r="H77" s="18">
        <v>556</v>
      </c>
      <c r="I77" s="18">
        <v>290</v>
      </c>
      <c r="J77" s="18">
        <v>266</v>
      </c>
      <c r="K77" s="17">
        <v>574</v>
      </c>
      <c r="L77" s="51">
        <v>306</v>
      </c>
      <c r="M77" s="52">
        <v>268</v>
      </c>
    </row>
    <row r="78" spans="1:13">
      <c r="A78" s="40" t="s">
        <v>81</v>
      </c>
      <c r="B78" s="21">
        <v>0</v>
      </c>
      <c r="C78" s="22">
        <v>-1</v>
      </c>
      <c r="D78" s="22">
        <v>1</v>
      </c>
      <c r="E78" s="21">
        <v>9</v>
      </c>
      <c r="F78" s="22">
        <v>4</v>
      </c>
      <c r="G78" s="23">
        <v>5</v>
      </c>
      <c r="H78" s="22">
        <v>125</v>
      </c>
      <c r="I78" s="22">
        <v>68</v>
      </c>
      <c r="J78" s="22">
        <v>57</v>
      </c>
      <c r="K78" s="21">
        <v>116</v>
      </c>
      <c r="L78" s="53">
        <v>65</v>
      </c>
      <c r="M78" s="54">
        <v>51</v>
      </c>
    </row>
    <row r="79" spans="1:13">
      <c r="A79" s="40" t="s">
        <v>82</v>
      </c>
      <c r="B79" s="21">
        <v>-15</v>
      </c>
      <c r="C79" s="22">
        <v>-7</v>
      </c>
      <c r="D79" s="22">
        <v>-8</v>
      </c>
      <c r="E79" s="21">
        <v>9</v>
      </c>
      <c r="F79" s="22">
        <v>7</v>
      </c>
      <c r="G79" s="23">
        <v>2</v>
      </c>
      <c r="H79" s="22">
        <v>120</v>
      </c>
      <c r="I79" s="22">
        <v>62</v>
      </c>
      <c r="J79" s="22">
        <v>58</v>
      </c>
      <c r="K79" s="21">
        <v>126</v>
      </c>
      <c r="L79" s="53">
        <v>62</v>
      </c>
      <c r="M79" s="54">
        <v>64</v>
      </c>
    </row>
    <row r="80" spans="1:13">
      <c r="A80" s="40" t="s">
        <v>83</v>
      </c>
      <c r="B80" s="21">
        <v>17</v>
      </c>
      <c r="C80" s="22">
        <v>5</v>
      </c>
      <c r="D80" s="22">
        <v>12</v>
      </c>
      <c r="E80" s="21">
        <v>11</v>
      </c>
      <c r="F80" s="22">
        <v>7</v>
      </c>
      <c r="G80" s="23">
        <v>4</v>
      </c>
      <c r="H80" s="22">
        <v>144</v>
      </c>
      <c r="I80" s="22">
        <v>73</v>
      </c>
      <c r="J80" s="22">
        <v>71</v>
      </c>
      <c r="K80" s="21">
        <v>116</v>
      </c>
      <c r="L80" s="53">
        <v>61</v>
      </c>
      <c r="M80" s="54">
        <v>55</v>
      </c>
    </row>
    <row r="81" spans="1:13">
      <c r="A81" s="40" t="s">
        <v>84</v>
      </c>
      <c r="B81" s="21">
        <v>-19</v>
      </c>
      <c r="C81" s="22">
        <v>-18</v>
      </c>
      <c r="D81" s="22">
        <v>-1</v>
      </c>
      <c r="E81" s="21">
        <v>5</v>
      </c>
      <c r="F81" s="22">
        <v>4</v>
      </c>
      <c r="G81" s="23">
        <v>1</v>
      </c>
      <c r="H81" s="22">
        <v>83</v>
      </c>
      <c r="I81" s="22">
        <v>42</v>
      </c>
      <c r="J81" s="22">
        <v>41</v>
      </c>
      <c r="K81" s="21">
        <v>97</v>
      </c>
      <c r="L81" s="53">
        <v>56</v>
      </c>
      <c r="M81" s="54">
        <v>41</v>
      </c>
    </row>
    <row r="82" spans="1:13">
      <c r="A82" s="40" t="s">
        <v>85</v>
      </c>
      <c r="B82" s="21">
        <v>-46</v>
      </c>
      <c r="C82" s="22">
        <v>-23</v>
      </c>
      <c r="D82" s="22">
        <v>-23</v>
      </c>
      <c r="E82" s="21">
        <v>11</v>
      </c>
      <c r="F82" s="22">
        <v>6</v>
      </c>
      <c r="G82" s="23">
        <v>5</v>
      </c>
      <c r="H82" s="22">
        <v>84</v>
      </c>
      <c r="I82" s="22">
        <v>45</v>
      </c>
      <c r="J82" s="22">
        <v>39</v>
      </c>
      <c r="K82" s="21">
        <v>119</v>
      </c>
      <c r="L82" s="53">
        <v>62</v>
      </c>
      <c r="M82" s="54">
        <v>57</v>
      </c>
    </row>
    <row r="83" spans="1:13" ht="19.5" customHeight="1">
      <c r="A83" s="34" t="s">
        <v>86</v>
      </c>
      <c r="B83" s="17">
        <v>-93</v>
      </c>
      <c r="C83" s="18">
        <v>-60</v>
      </c>
      <c r="D83" s="18">
        <v>-33</v>
      </c>
      <c r="E83" s="17">
        <v>36</v>
      </c>
      <c r="F83" s="18">
        <v>24</v>
      </c>
      <c r="G83" s="19">
        <v>12</v>
      </c>
      <c r="H83" s="18">
        <v>356</v>
      </c>
      <c r="I83" s="18">
        <v>199</v>
      </c>
      <c r="J83" s="18">
        <v>157</v>
      </c>
      <c r="K83" s="17">
        <v>413</v>
      </c>
      <c r="L83" s="51">
        <v>235</v>
      </c>
      <c r="M83" s="52">
        <v>178</v>
      </c>
    </row>
    <row r="84" spans="1:13">
      <c r="A84" s="40" t="s">
        <v>87</v>
      </c>
      <c r="B84" s="21">
        <v>-4</v>
      </c>
      <c r="C84" s="22">
        <v>-1</v>
      </c>
      <c r="D84" s="22">
        <v>-3</v>
      </c>
      <c r="E84" s="21">
        <v>4</v>
      </c>
      <c r="F84" s="22">
        <v>2</v>
      </c>
      <c r="G84" s="23">
        <v>2</v>
      </c>
      <c r="H84" s="22">
        <v>82</v>
      </c>
      <c r="I84" s="22">
        <v>52</v>
      </c>
      <c r="J84" s="22">
        <v>30</v>
      </c>
      <c r="K84" s="21">
        <v>82</v>
      </c>
      <c r="L84" s="53">
        <v>51</v>
      </c>
      <c r="M84" s="54">
        <v>31</v>
      </c>
    </row>
    <row r="85" spans="1:13">
      <c r="A85" s="40" t="s">
        <v>88</v>
      </c>
      <c r="B85" s="21">
        <v>-40</v>
      </c>
      <c r="C85" s="22">
        <v>-27</v>
      </c>
      <c r="D85" s="22">
        <v>-13</v>
      </c>
      <c r="E85" s="21">
        <v>6</v>
      </c>
      <c r="F85" s="22">
        <v>6</v>
      </c>
      <c r="G85" s="23">
        <v>0</v>
      </c>
      <c r="H85" s="22">
        <v>62</v>
      </c>
      <c r="I85" s="22">
        <v>40</v>
      </c>
      <c r="J85" s="22">
        <v>22</v>
      </c>
      <c r="K85" s="21">
        <v>96</v>
      </c>
      <c r="L85" s="53">
        <v>61</v>
      </c>
      <c r="M85" s="54">
        <v>35</v>
      </c>
    </row>
    <row r="86" spans="1:13">
      <c r="A86" s="40" t="s">
        <v>89</v>
      </c>
      <c r="B86" s="21">
        <v>-26</v>
      </c>
      <c r="C86" s="22">
        <v>-16</v>
      </c>
      <c r="D86" s="22">
        <v>-10</v>
      </c>
      <c r="E86" s="21">
        <v>9</v>
      </c>
      <c r="F86" s="22">
        <v>6</v>
      </c>
      <c r="G86" s="23">
        <v>3</v>
      </c>
      <c r="H86" s="22">
        <v>68</v>
      </c>
      <c r="I86" s="22">
        <v>36</v>
      </c>
      <c r="J86" s="22">
        <v>32</v>
      </c>
      <c r="K86" s="21">
        <v>85</v>
      </c>
      <c r="L86" s="53">
        <v>46</v>
      </c>
      <c r="M86" s="54">
        <v>39</v>
      </c>
    </row>
    <row r="87" spans="1:13">
      <c r="A87" s="40" t="s">
        <v>90</v>
      </c>
      <c r="B87" s="21">
        <v>-18</v>
      </c>
      <c r="C87" s="22">
        <v>-8</v>
      </c>
      <c r="D87" s="22">
        <v>-10</v>
      </c>
      <c r="E87" s="21">
        <v>8</v>
      </c>
      <c r="F87" s="22">
        <v>5</v>
      </c>
      <c r="G87" s="23">
        <v>3</v>
      </c>
      <c r="H87" s="22">
        <v>66</v>
      </c>
      <c r="I87" s="22">
        <v>36</v>
      </c>
      <c r="J87" s="22">
        <v>30</v>
      </c>
      <c r="K87" s="21">
        <v>76</v>
      </c>
      <c r="L87" s="53">
        <v>39</v>
      </c>
      <c r="M87" s="54">
        <v>37</v>
      </c>
    </row>
    <row r="88" spans="1:13">
      <c r="A88" s="40" t="s">
        <v>91</v>
      </c>
      <c r="B88" s="21">
        <v>-5</v>
      </c>
      <c r="C88" s="22">
        <v>-8</v>
      </c>
      <c r="D88" s="22">
        <v>3</v>
      </c>
      <c r="E88" s="21">
        <v>9</v>
      </c>
      <c r="F88" s="22">
        <v>5</v>
      </c>
      <c r="G88" s="23">
        <v>4</v>
      </c>
      <c r="H88" s="22">
        <v>78</v>
      </c>
      <c r="I88" s="22">
        <v>35</v>
      </c>
      <c r="J88" s="22">
        <v>43</v>
      </c>
      <c r="K88" s="21">
        <v>74</v>
      </c>
      <c r="L88" s="53">
        <v>38</v>
      </c>
      <c r="M88" s="54">
        <v>36</v>
      </c>
    </row>
    <row r="89" spans="1:13" ht="19.5" customHeight="1">
      <c r="A89" s="34" t="s">
        <v>92</v>
      </c>
      <c r="B89" s="17">
        <v>-67</v>
      </c>
      <c r="C89" s="18">
        <v>-37</v>
      </c>
      <c r="D89" s="18">
        <v>-30</v>
      </c>
      <c r="E89" s="17">
        <v>58</v>
      </c>
      <c r="F89" s="18">
        <v>37</v>
      </c>
      <c r="G89" s="19">
        <v>21</v>
      </c>
      <c r="H89" s="18">
        <v>279</v>
      </c>
      <c r="I89" s="18">
        <v>153</v>
      </c>
      <c r="J89" s="18">
        <v>126</v>
      </c>
      <c r="K89" s="17">
        <v>288</v>
      </c>
      <c r="L89" s="51">
        <v>153</v>
      </c>
      <c r="M89" s="52">
        <v>135</v>
      </c>
    </row>
    <row r="90" spans="1:13">
      <c r="A90" s="40" t="s">
        <v>93</v>
      </c>
      <c r="B90" s="21">
        <v>-23</v>
      </c>
      <c r="C90" s="22">
        <v>-19</v>
      </c>
      <c r="D90" s="22">
        <v>-4</v>
      </c>
      <c r="E90" s="21">
        <v>8</v>
      </c>
      <c r="F90" s="22">
        <v>3</v>
      </c>
      <c r="G90" s="23">
        <v>5</v>
      </c>
      <c r="H90" s="22">
        <v>80</v>
      </c>
      <c r="I90" s="22">
        <v>38</v>
      </c>
      <c r="J90" s="22">
        <v>42</v>
      </c>
      <c r="K90" s="21">
        <v>95</v>
      </c>
      <c r="L90" s="53">
        <v>54</v>
      </c>
      <c r="M90" s="54">
        <v>41</v>
      </c>
    </row>
    <row r="91" spans="1:13">
      <c r="A91" s="40" t="s">
        <v>94</v>
      </c>
      <c r="B91" s="21">
        <v>-4</v>
      </c>
      <c r="C91" s="22">
        <v>-2</v>
      </c>
      <c r="D91" s="22">
        <v>-2</v>
      </c>
      <c r="E91" s="21">
        <v>14</v>
      </c>
      <c r="F91" s="22">
        <v>11</v>
      </c>
      <c r="G91" s="23">
        <v>3</v>
      </c>
      <c r="H91" s="22">
        <v>58</v>
      </c>
      <c r="I91" s="22">
        <v>35</v>
      </c>
      <c r="J91" s="22">
        <v>23</v>
      </c>
      <c r="K91" s="21">
        <v>48</v>
      </c>
      <c r="L91" s="53">
        <v>26</v>
      </c>
      <c r="M91" s="54">
        <v>22</v>
      </c>
    </row>
    <row r="92" spans="1:13">
      <c r="A92" s="40" t="s">
        <v>95</v>
      </c>
      <c r="B92" s="21">
        <v>-25</v>
      </c>
      <c r="C92" s="22">
        <v>-7</v>
      </c>
      <c r="D92" s="22">
        <v>-18</v>
      </c>
      <c r="E92" s="21">
        <v>9</v>
      </c>
      <c r="F92" s="22">
        <v>5</v>
      </c>
      <c r="G92" s="23">
        <v>4</v>
      </c>
      <c r="H92" s="22">
        <v>43</v>
      </c>
      <c r="I92" s="22">
        <v>27</v>
      </c>
      <c r="J92" s="22">
        <v>16</v>
      </c>
      <c r="K92" s="21">
        <v>59</v>
      </c>
      <c r="L92" s="53">
        <v>29</v>
      </c>
      <c r="M92" s="54">
        <v>30</v>
      </c>
    </row>
    <row r="93" spans="1:13">
      <c r="A93" s="40" t="s">
        <v>96</v>
      </c>
      <c r="B93" s="21">
        <v>-13</v>
      </c>
      <c r="C93" s="22">
        <v>-11</v>
      </c>
      <c r="D93" s="22">
        <v>-2</v>
      </c>
      <c r="E93" s="21">
        <v>15</v>
      </c>
      <c r="F93" s="22">
        <v>9</v>
      </c>
      <c r="G93" s="23">
        <v>6</v>
      </c>
      <c r="H93" s="22">
        <v>40</v>
      </c>
      <c r="I93" s="22">
        <v>18</v>
      </c>
      <c r="J93" s="22">
        <v>22</v>
      </c>
      <c r="K93" s="21">
        <v>38</v>
      </c>
      <c r="L93" s="53">
        <v>20</v>
      </c>
      <c r="M93" s="54">
        <v>18</v>
      </c>
    </row>
    <row r="94" spans="1:13">
      <c r="A94" s="40" t="s">
        <v>97</v>
      </c>
      <c r="B94" s="21">
        <v>-2</v>
      </c>
      <c r="C94" s="22">
        <v>2</v>
      </c>
      <c r="D94" s="22">
        <v>-4</v>
      </c>
      <c r="E94" s="21">
        <v>12</v>
      </c>
      <c r="F94" s="22">
        <v>9</v>
      </c>
      <c r="G94" s="23">
        <v>3</v>
      </c>
      <c r="H94" s="22">
        <v>58</v>
      </c>
      <c r="I94" s="22">
        <v>35</v>
      </c>
      <c r="J94" s="22">
        <v>23</v>
      </c>
      <c r="K94" s="21">
        <v>48</v>
      </c>
      <c r="L94" s="53">
        <v>24</v>
      </c>
      <c r="M94" s="54">
        <v>24</v>
      </c>
    </row>
    <row r="95" spans="1:13" ht="19.5" customHeight="1">
      <c r="A95" s="34" t="s">
        <v>98</v>
      </c>
      <c r="B95" s="17">
        <v>-87</v>
      </c>
      <c r="C95" s="18">
        <v>-52</v>
      </c>
      <c r="D95" s="18">
        <v>-35</v>
      </c>
      <c r="E95" s="17">
        <v>85</v>
      </c>
      <c r="F95" s="18">
        <v>48</v>
      </c>
      <c r="G95" s="19">
        <v>37</v>
      </c>
      <c r="H95" s="18">
        <v>216</v>
      </c>
      <c r="I95" s="18">
        <v>117</v>
      </c>
      <c r="J95" s="18">
        <v>99</v>
      </c>
      <c r="K95" s="17">
        <v>218</v>
      </c>
      <c r="L95" s="51">
        <v>121</v>
      </c>
      <c r="M95" s="52">
        <v>97</v>
      </c>
    </row>
    <row r="96" spans="1:13">
      <c r="A96" s="40" t="s">
        <v>99</v>
      </c>
      <c r="B96" s="21">
        <v>-10</v>
      </c>
      <c r="C96" s="22">
        <v>-9</v>
      </c>
      <c r="D96" s="22">
        <v>-1</v>
      </c>
      <c r="E96" s="21">
        <v>10</v>
      </c>
      <c r="F96" s="22">
        <v>5</v>
      </c>
      <c r="G96" s="23">
        <v>5</v>
      </c>
      <c r="H96" s="22">
        <v>48</v>
      </c>
      <c r="I96" s="22">
        <v>27</v>
      </c>
      <c r="J96" s="22">
        <v>21</v>
      </c>
      <c r="K96" s="21">
        <v>48</v>
      </c>
      <c r="L96" s="53">
        <v>31</v>
      </c>
      <c r="M96" s="54">
        <v>17</v>
      </c>
    </row>
    <row r="97" spans="1:13">
      <c r="A97" s="40" t="s">
        <v>100</v>
      </c>
      <c r="B97" s="21">
        <v>-18</v>
      </c>
      <c r="C97" s="22">
        <v>-14</v>
      </c>
      <c r="D97" s="22">
        <v>-4</v>
      </c>
      <c r="E97" s="21">
        <v>16</v>
      </c>
      <c r="F97" s="22">
        <v>7</v>
      </c>
      <c r="G97" s="23">
        <v>9</v>
      </c>
      <c r="H97" s="22">
        <v>44</v>
      </c>
      <c r="I97" s="22">
        <v>23</v>
      </c>
      <c r="J97" s="22">
        <v>21</v>
      </c>
      <c r="K97" s="21">
        <v>46</v>
      </c>
      <c r="L97" s="53">
        <v>30</v>
      </c>
      <c r="M97" s="54">
        <v>16</v>
      </c>
    </row>
    <row r="98" spans="1:13">
      <c r="A98" s="40" t="s">
        <v>101</v>
      </c>
      <c r="B98" s="21">
        <v>-12</v>
      </c>
      <c r="C98" s="22">
        <v>2</v>
      </c>
      <c r="D98" s="22">
        <v>-14</v>
      </c>
      <c r="E98" s="21">
        <v>14</v>
      </c>
      <c r="F98" s="22">
        <v>6</v>
      </c>
      <c r="G98" s="23">
        <v>8</v>
      </c>
      <c r="H98" s="22">
        <v>38</v>
      </c>
      <c r="I98" s="22">
        <v>22</v>
      </c>
      <c r="J98" s="22">
        <v>16</v>
      </c>
      <c r="K98" s="21">
        <v>36</v>
      </c>
      <c r="L98" s="53">
        <v>14</v>
      </c>
      <c r="M98" s="54">
        <v>22</v>
      </c>
    </row>
    <row r="99" spans="1:13">
      <c r="A99" s="40" t="s">
        <v>102</v>
      </c>
      <c r="B99" s="21">
        <v>-22</v>
      </c>
      <c r="C99" s="22">
        <v>-8</v>
      </c>
      <c r="D99" s="22">
        <v>-14</v>
      </c>
      <c r="E99" s="21">
        <v>20</v>
      </c>
      <c r="F99" s="22">
        <v>12</v>
      </c>
      <c r="G99" s="23">
        <v>8</v>
      </c>
      <c r="H99" s="22">
        <v>38</v>
      </c>
      <c r="I99" s="22">
        <v>23</v>
      </c>
      <c r="J99" s="22">
        <v>15</v>
      </c>
      <c r="K99" s="21">
        <v>40</v>
      </c>
      <c r="L99" s="53">
        <v>19</v>
      </c>
      <c r="M99" s="54">
        <v>21</v>
      </c>
    </row>
    <row r="100" spans="1:13">
      <c r="A100" s="40" t="s">
        <v>103</v>
      </c>
      <c r="B100" s="21">
        <v>-25</v>
      </c>
      <c r="C100" s="22">
        <v>-23</v>
      </c>
      <c r="D100" s="22">
        <v>-2</v>
      </c>
      <c r="E100" s="21">
        <v>25</v>
      </c>
      <c r="F100" s="22">
        <v>18</v>
      </c>
      <c r="G100" s="23">
        <v>7</v>
      </c>
      <c r="H100" s="22">
        <v>48</v>
      </c>
      <c r="I100" s="22">
        <v>22</v>
      </c>
      <c r="J100" s="22">
        <v>26</v>
      </c>
      <c r="K100" s="21">
        <v>48</v>
      </c>
      <c r="L100" s="53">
        <v>27</v>
      </c>
      <c r="M100" s="54">
        <v>21</v>
      </c>
    </row>
    <row r="101" spans="1:13" ht="19.5" customHeight="1">
      <c r="A101" s="34" t="s">
        <v>104</v>
      </c>
      <c r="B101" s="17">
        <v>-128</v>
      </c>
      <c r="C101" s="18">
        <v>-86</v>
      </c>
      <c r="D101" s="18">
        <v>-42</v>
      </c>
      <c r="E101" s="17">
        <v>151</v>
      </c>
      <c r="F101" s="18">
        <v>99</v>
      </c>
      <c r="G101" s="19">
        <v>52</v>
      </c>
      <c r="H101" s="18">
        <v>173</v>
      </c>
      <c r="I101" s="18">
        <v>84</v>
      </c>
      <c r="J101" s="18">
        <v>89</v>
      </c>
      <c r="K101" s="17">
        <v>150</v>
      </c>
      <c r="L101" s="51">
        <v>71</v>
      </c>
      <c r="M101" s="52">
        <v>79</v>
      </c>
    </row>
    <row r="102" spans="1:13">
      <c r="A102" s="40" t="s">
        <v>105</v>
      </c>
      <c r="B102" s="21">
        <v>-16</v>
      </c>
      <c r="C102" s="22">
        <v>-11</v>
      </c>
      <c r="D102" s="22">
        <v>-5</v>
      </c>
      <c r="E102" s="21">
        <v>22</v>
      </c>
      <c r="F102" s="22">
        <v>14</v>
      </c>
      <c r="G102" s="23">
        <v>8</v>
      </c>
      <c r="H102" s="22">
        <v>43</v>
      </c>
      <c r="I102" s="22">
        <v>21</v>
      </c>
      <c r="J102" s="22">
        <v>22</v>
      </c>
      <c r="K102" s="21">
        <v>37</v>
      </c>
      <c r="L102" s="53">
        <v>18</v>
      </c>
      <c r="M102" s="54">
        <v>19</v>
      </c>
    </row>
    <row r="103" spans="1:13">
      <c r="A103" s="40" t="s">
        <v>106</v>
      </c>
      <c r="B103" s="21">
        <v>-40</v>
      </c>
      <c r="C103" s="22">
        <v>-17</v>
      </c>
      <c r="D103" s="22">
        <v>-23</v>
      </c>
      <c r="E103" s="21">
        <v>41</v>
      </c>
      <c r="F103" s="22">
        <v>22</v>
      </c>
      <c r="G103" s="23">
        <v>19</v>
      </c>
      <c r="H103" s="22">
        <v>42</v>
      </c>
      <c r="I103" s="22">
        <v>24</v>
      </c>
      <c r="J103" s="22">
        <v>18</v>
      </c>
      <c r="K103" s="21">
        <v>41</v>
      </c>
      <c r="L103" s="53">
        <v>19</v>
      </c>
      <c r="M103" s="54">
        <v>22</v>
      </c>
    </row>
    <row r="104" spans="1:13">
      <c r="A104" s="40" t="s">
        <v>107</v>
      </c>
      <c r="B104" s="21">
        <v>-24</v>
      </c>
      <c r="C104" s="22">
        <v>-16</v>
      </c>
      <c r="D104" s="22">
        <v>-8</v>
      </c>
      <c r="E104" s="21">
        <v>32</v>
      </c>
      <c r="F104" s="22">
        <v>25</v>
      </c>
      <c r="G104" s="23">
        <v>7</v>
      </c>
      <c r="H104" s="22">
        <v>44</v>
      </c>
      <c r="I104" s="22">
        <v>26</v>
      </c>
      <c r="J104" s="22">
        <v>18</v>
      </c>
      <c r="K104" s="21">
        <v>36</v>
      </c>
      <c r="L104" s="53">
        <v>17</v>
      </c>
      <c r="M104" s="54">
        <v>19</v>
      </c>
    </row>
    <row r="105" spans="1:13">
      <c r="A105" s="40" t="s">
        <v>108</v>
      </c>
      <c r="B105" s="21">
        <v>-21</v>
      </c>
      <c r="C105" s="22">
        <v>-28</v>
      </c>
      <c r="D105" s="22">
        <v>7</v>
      </c>
      <c r="E105" s="21">
        <v>31</v>
      </c>
      <c r="F105" s="22">
        <v>23</v>
      </c>
      <c r="G105" s="23">
        <v>8</v>
      </c>
      <c r="H105" s="22">
        <v>31</v>
      </c>
      <c r="I105" s="22">
        <v>8</v>
      </c>
      <c r="J105" s="22">
        <v>23</v>
      </c>
      <c r="K105" s="21">
        <v>21</v>
      </c>
      <c r="L105" s="53">
        <v>13</v>
      </c>
      <c r="M105" s="54">
        <v>8</v>
      </c>
    </row>
    <row r="106" spans="1:13">
      <c r="A106" s="40" t="s">
        <v>109</v>
      </c>
      <c r="B106" s="21">
        <v>-27</v>
      </c>
      <c r="C106" s="22">
        <v>-14</v>
      </c>
      <c r="D106" s="22">
        <v>-13</v>
      </c>
      <c r="E106" s="21">
        <v>25</v>
      </c>
      <c r="F106" s="22">
        <v>15</v>
      </c>
      <c r="G106" s="23">
        <v>10</v>
      </c>
      <c r="H106" s="22">
        <v>13</v>
      </c>
      <c r="I106" s="22">
        <v>5</v>
      </c>
      <c r="J106" s="22">
        <v>8</v>
      </c>
      <c r="K106" s="21">
        <v>15</v>
      </c>
      <c r="L106" s="53">
        <v>4</v>
      </c>
      <c r="M106" s="54">
        <v>11</v>
      </c>
    </row>
    <row r="107" spans="1:13" ht="19.5" customHeight="1">
      <c r="A107" s="34" t="s">
        <v>110</v>
      </c>
      <c r="B107" s="17">
        <v>-194</v>
      </c>
      <c r="C107" s="18">
        <v>-137</v>
      </c>
      <c r="D107" s="18">
        <v>-57</v>
      </c>
      <c r="E107" s="17">
        <v>237</v>
      </c>
      <c r="F107" s="18">
        <v>155</v>
      </c>
      <c r="G107" s="19">
        <v>82</v>
      </c>
      <c r="H107" s="18">
        <v>161</v>
      </c>
      <c r="I107" s="18">
        <v>72</v>
      </c>
      <c r="J107" s="18">
        <v>89</v>
      </c>
      <c r="K107" s="17">
        <v>118</v>
      </c>
      <c r="L107" s="51">
        <v>54</v>
      </c>
      <c r="M107" s="52">
        <v>64</v>
      </c>
    </row>
    <row r="108" spans="1:13">
      <c r="A108" s="40" t="s">
        <v>111</v>
      </c>
      <c r="B108" s="21">
        <v>-37</v>
      </c>
      <c r="C108" s="22">
        <v>-34</v>
      </c>
      <c r="D108" s="22">
        <v>-3</v>
      </c>
      <c r="E108" s="21">
        <v>42</v>
      </c>
      <c r="F108" s="22">
        <v>33</v>
      </c>
      <c r="G108" s="23">
        <v>9</v>
      </c>
      <c r="H108" s="22">
        <v>26</v>
      </c>
      <c r="I108" s="22">
        <v>11</v>
      </c>
      <c r="J108" s="22">
        <v>15</v>
      </c>
      <c r="K108" s="21">
        <v>21</v>
      </c>
      <c r="L108" s="53">
        <v>12</v>
      </c>
      <c r="M108" s="54">
        <v>9</v>
      </c>
    </row>
    <row r="109" spans="1:13">
      <c r="A109" s="40" t="s">
        <v>112</v>
      </c>
      <c r="B109" s="21">
        <v>-38</v>
      </c>
      <c r="C109" s="22">
        <v>-28</v>
      </c>
      <c r="D109" s="22">
        <v>-10</v>
      </c>
      <c r="E109" s="21">
        <v>51</v>
      </c>
      <c r="F109" s="22">
        <v>34</v>
      </c>
      <c r="G109" s="23">
        <v>17</v>
      </c>
      <c r="H109" s="22">
        <v>38</v>
      </c>
      <c r="I109" s="22">
        <v>19</v>
      </c>
      <c r="J109" s="22">
        <v>19</v>
      </c>
      <c r="K109" s="21">
        <v>25</v>
      </c>
      <c r="L109" s="53">
        <v>13</v>
      </c>
      <c r="M109" s="54">
        <v>12</v>
      </c>
    </row>
    <row r="110" spans="1:13">
      <c r="A110" s="40" t="s">
        <v>113</v>
      </c>
      <c r="B110" s="21">
        <v>-38</v>
      </c>
      <c r="C110" s="22">
        <v>-25</v>
      </c>
      <c r="D110" s="22">
        <v>-13</v>
      </c>
      <c r="E110" s="21">
        <v>45</v>
      </c>
      <c r="F110" s="22">
        <v>31</v>
      </c>
      <c r="G110" s="23">
        <v>14</v>
      </c>
      <c r="H110" s="22">
        <v>32</v>
      </c>
      <c r="I110" s="22">
        <v>15</v>
      </c>
      <c r="J110" s="22">
        <v>17</v>
      </c>
      <c r="K110" s="21">
        <v>25</v>
      </c>
      <c r="L110" s="53">
        <v>9</v>
      </c>
      <c r="M110" s="54">
        <v>16</v>
      </c>
    </row>
    <row r="111" spans="1:13">
      <c r="A111" s="40" t="s">
        <v>114</v>
      </c>
      <c r="B111" s="21">
        <v>-43</v>
      </c>
      <c r="C111" s="22">
        <v>-25</v>
      </c>
      <c r="D111" s="22">
        <v>-18</v>
      </c>
      <c r="E111" s="21">
        <v>45</v>
      </c>
      <c r="F111" s="22">
        <v>24</v>
      </c>
      <c r="G111" s="23">
        <v>21</v>
      </c>
      <c r="H111" s="22">
        <v>31</v>
      </c>
      <c r="I111" s="22">
        <v>13</v>
      </c>
      <c r="J111" s="22">
        <v>18</v>
      </c>
      <c r="K111" s="21">
        <v>29</v>
      </c>
      <c r="L111" s="53">
        <v>14</v>
      </c>
      <c r="M111" s="54">
        <v>15</v>
      </c>
    </row>
    <row r="112" spans="1:13">
      <c r="A112" s="40" t="s">
        <v>115</v>
      </c>
      <c r="B112" s="21">
        <v>-38</v>
      </c>
      <c r="C112" s="22">
        <v>-25</v>
      </c>
      <c r="D112" s="22">
        <v>-13</v>
      </c>
      <c r="E112" s="21">
        <v>54</v>
      </c>
      <c r="F112" s="22">
        <v>33</v>
      </c>
      <c r="G112" s="23">
        <v>21</v>
      </c>
      <c r="H112" s="22">
        <v>34</v>
      </c>
      <c r="I112" s="22">
        <v>14</v>
      </c>
      <c r="J112" s="22">
        <v>20</v>
      </c>
      <c r="K112" s="21">
        <v>18</v>
      </c>
      <c r="L112" s="53">
        <v>6</v>
      </c>
      <c r="M112" s="54">
        <v>12</v>
      </c>
    </row>
    <row r="113" spans="1:13" ht="19.5" customHeight="1">
      <c r="A113" s="34" t="s">
        <v>116</v>
      </c>
      <c r="B113" s="17">
        <v>-255</v>
      </c>
      <c r="C113" s="18">
        <v>-142</v>
      </c>
      <c r="D113" s="18">
        <v>-113</v>
      </c>
      <c r="E113" s="17">
        <v>293</v>
      </c>
      <c r="F113" s="18">
        <v>166</v>
      </c>
      <c r="G113" s="19">
        <v>127</v>
      </c>
      <c r="H113" s="18">
        <v>142</v>
      </c>
      <c r="I113" s="18">
        <v>60</v>
      </c>
      <c r="J113" s="18">
        <v>82</v>
      </c>
      <c r="K113" s="17">
        <v>104</v>
      </c>
      <c r="L113" s="51">
        <v>36</v>
      </c>
      <c r="M113" s="52">
        <v>68</v>
      </c>
    </row>
    <row r="114" spans="1:13">
      <c r="A114" s="40" t="s">
        <v>117</v>
      </c>
      <c r="B114" s="21">
        <v>-30</v>
      </c>
      <c r="C114" s="22">
        <v>-10</v>
      </c>
      <c r="D114" s="22">
        <v>-20</v>
      </c>
      <c r="E114" s="21">
        <v>43</v>
      </c>
      <c r="F114" s="22">
        <v>23</v>
      </c>
      <c r="G114" s="23">
        <v>20</v>
      </c>
      <c r="H114" s="22">
        <v>33</v>
      </c>
      <c r="I114" s="22">
        <v>15</v>
      </c>
      <c r="J114" s="22">
        <v>18</v>
      </c>
      <c r="K114" s="21">
        <v>20</v>
      </c>
      <c r="L114" s="53">
        <v>2</v>
      </c>
      <c r="M114" s="54">
        <v>18</v>
      </c>
    </row>
    <row r="115" spans="1:13">
      <c r="A115" s="40" t="s">
        <v>118</v>
      </c>
      <c r="B115" s="21">
        <v>-62</v>
      </c>
      <c r="C115" s="22">
        <v>-35</v>
      </c>
      <c r="D115" s="22">
        <v>-27</v>
      </c>
      <c r="E115" s="21">
        <v>65</v>
      </c>
      <c r="F115" s="22">
        <v>36</v>
      </c>
      <c r="G115" s="23">
        <v>29</v>
      </c>
      <c r="H115" s="22">
        <v>24</v>
      </c>
      <c r="I115" s="22">
        <v>10</v>
      </c>
      <c r="J115" s="22">
        <v>14</v>
      </c>
      <c r="K115" s="21">
        <v>21</v>
      </c>
      <c r="L115" s="53">
        <v>9</v>
      </c>
      <c r="M115" s="54">
        <v>12</v>
      </c>
    </row>
    <row r="116" spans="1:13">
      <c r="A116" s="40" t="s">
        <v>119</v>
      </c>
      <c r="B116" s="21">
        <v>-56</v>
      </c>
      <c r="C116" s="22">
        <v>-31</v>
      </c>
      <c r="D116" s="22">
        <v>-25</v>
      </c>
      <c r="E116" s="21">
        <v>64</v>
      </c>
      <c r="F116" s="22">
        <v>35</v>
      </c>
      <c r="G116" s="23">
        <v>29</v>
      </c>
      <c r="H116" s="22">
        <v>25</v>
      </c>
      <c r="I116" s="22">
        <v>12</v>
      </c>
      <c r="J116" s="22">
        <v>13</v>
      </c>
      <c r="K116" s="21">
        <v>17</v>
      </c>
      <c r="L116" s="53">
        <v>8</v>
      </c>
      <c r="M116" s="54">
        <v>9</v>
      </c>
    </row>
    <row r="117" spans="1:13">
      <c r="A117" s="40" t="s">
        <v>120</v>
      </c>
      <c r="B117" s="21">
        <v>-59</v>
      </c>
      <c r="C117" s="22">
        <v>-35</v>
      </c>
      <c r="D117" s="22">
        <v>-24</v>
      </c>
      <c r="E117" s="21">
        <v>59</v>
      </c>
      <c r="F117" s="22">
        <v>39</v>
      </c>
      <c r="G117" s="23">
        <v>20</v>
      </c>
      <c r="H117" s="22">
        <v>18</v>
      </c>
      <c r="I117" s="22">
        <v>8</v>
      </c>
      <c r="J117" s="22">
        <v>10</v>
      </c>
      <c r="K117" s="21">
        <v>18</v>
      </c>
      <c r="L117" s="53">
        <v>4</v>
      </c>
      <c r="M117" s="54">
        <v>14</v>
      </c>
    </row>
    <row r="118" spans="1:13">
      <c r="A118" s="40" t="s">
        <v>121</v>
      </c>
      <c r="B118" s="21">
        <v>-48</v>
      </c>
      <c r="C118" s="22">
        <v>-31</v>
      </c>
      <c r="D118" s="22">
        <v>-17</v>
      </c>
      <c r="E118" s="21">
        <v>62</v>
      </c>
      <c r="F118" s="22">
        <v>33</v>
      </c>
      <c r="G118" s="23">
        <v>29</v>
      </c>
      <c r="H118" s="22">
        <v>42</v>
      </c>
      <c r="I118" s="22">
        <v>15</v>
      </c>
      <c r="J118" s="22">
        <v>27</v>
      </c>
      <c r="K118" s="21">
        <v>28</v>
      </c>
      <c r="L118" s="53">
        <v>13</v>
      </c>
      <c r="M118" s="54">
        <v>15</v>
      </c>
    </row>
    <row r="119" spans="1:13" ht="19.5" customHeight="1">
      <c r="A119" s="34" t="s">
        <v>122</v>
      </c>
      <c r="B119" s="17">
        <v>-272</v>
      </c>
      <c r="C119" s="18">
        <v>-151</v>
      </c>
      <c r="D119" s="18">
        <v>-121</v>
      </c>
      <c r="E119" s="17">
        <v>325</v>
      </c>
      <c r="F119" s="18">
        <v>159</v>
      </c>
      <c r="G119" s="19">
        <v>166</v>
      </c>
      <c r="H119" s="18">
        <v>133</v>
      </c>
      <c r="I119" s="18">
        <v>31</v>
      </c>
      <c r="J119" s="18">
        <v>102</v>
      </c>
      <c r="K119" s="17">
        <v>80</v>
      </c>
      <c r="L119" s="51">
        <v>23</v>
      </c>
      <c r="M119" s="52">
        <v>57</v>
      </c>
    </row>
    <row r="120" spans="1:13">
      <c r="A120" s="40" t="s">
        <v>123</v>
      </c>
      <c r="B120" s="21">
        <v>-67</v>
      </c>
      <c r="C120" s="22">
        <v>-41</v>
      </c>
      <c r="D120" s="22">
        <v>-26</v>
      </c>
      <c r="E120" s="21">
        <v>66</v>
      </c>
      <c r="F120" s="22">
        <v>40</v>
      </c>
      <c r="G120" s="23">
        <v>26</v>
      </c>
      <c r="H120" s="22">
        <v>21</v>
      </c>
      <c r="I120" s="22">
        <v>4</v>
      </c>
      <c r="J120" s="22">
        <v>17</v>
      </c>
      <c r="K120" s="21">
        <v>22</v>
      </c>
      <c r="L120" s="53">
        <v>5</v>
      </c>
      <c r="M120" s="54">
        <v>17</v>
      </c>
    </row>
    <row r="121" spans="1:13">
      <c r="A121" s="40" t="s">
        <v>124</v>
      </c>
      <c r="B121" s="21">
        <v>-44</v>
      </c>
      <c r="C121" s="22">
        <v>-23</v>
      </c>
      <c r="D121" s="22">
        <v>-21</v>
      </c>
      <c r="E121" s="21">
        <v>59</v>
      </c>
      <c r="F121" s="22">
        <v>29</v>
      </c>
      <c r="G121" s="23">
        <v>30</v>
      </c>
      <c r="H121" s="22">
        <v>27</v>
      </c>
      <c r="I121" s="22">
        <v>9</v>
      </c>
      <c r="J121" s="22">
        <v>18</v>
      </c>
      <c r="K121" s="21">
        <v>12</v>
      </c>
      <c r="L121" s="53">
        <v>3</v>
      </c>
      <c r="M121" s="54">
        <v>9</v>
      </c>
    </row>
    <row r="122" spans="1:13">
      <c r="A122" s="40" t="s">
        <v>125</v>
      </c>
      <c r="B122" s="21">
        <v>-59</v>
      </c>
      <c r="C122" s="22">
        <v>-35</v>
      </c>
      <c r="D122" s="22">
        <v>-24</v>
      </c>
      <c r="E122" s="21">
        <v>62</v>
      </c>
      <c r="F122" s="22">
        <v>33</v>
      </c>
      <c r="G122" s="23">
        <v>29</v>
      </c>
      <c r="H122" s="22">
        <v>22</v>
      </c>
      <c r="I122" s="22">
        <v>3</v>
      </c>
      <c r="J122" s="22">
        <v>19</v>
      </c>
      <c r="K122" s="21">
        <v>19</v>
      </c>
      <c r="L122" s="53">
        <v>5</v>
      </c>
      <c r="M122" s="54">
        <v>14</v>
      </c>
    </row>
    <row r="123" spans="1:13">
      <c r="A123" s="40" t="s">
        <v>126</v>
      </c>
      <c r="B123" s="21">
        <v>-39</v>
      </c>
      <c r="C123" s="22">
        <v>-25</v>
      </c>
      <c r="D123" s="22">
        <v>-14</v>
      </c>
      <c r="E123" s="21">
        <v>59</v>
      </c>
      <c r="F123" s="22">
        <v>28</v>
      </c>
      <c r="G123" s="23">
        <v>31</v>
      </c>
      <c r="H123" s="22">
        <v>32</v>
      </c>
      <c r="I123" s="22">
        <v>8</v>
      </c>
      <c r="J123" s="22">
        <v>24</v>
      </c>
      <c r="K123" s="21">
        <v>12</v>
      </c>
      <c r="L123" s="53">
        <v>5</v>
      </c>
      <c r="M123" s="54">
        <v>7</v>
      </c>
    </row>
    <row r="124" spans="1:13">
      <c r="A124" s="40" t="s">
        <v>127</v>
      </c>
      <c r="B124" s="21">
        <v>-63</v>
      </c>
      <c r="C124" s="22">
        <v>-27</v>
      </c>
      <c r="D124" s="22">
        <v>-36</v>
      </c>
      <c r="E124" s="21">
        <v>79</v>
      </c>
      <c r="F124" s="22">
        <v>29</v>
      </c>
      <c r="G124" s="23">
        <v>50</v>
      </c>
      <c r="H124" s="22">
        <v>31</v>
      </c>
      <c r="I124" s="22">
        <v>7</v>
      </c>
      <c r="J124" s="22">
        <v>24</v>
      </c>
      <c r="K124" s="21">
        <v>15</v>
      </c>
      <c r="L124" s="53">
        <v>5</v>
      </c>
      <c r="M124" s="54">
        <v>10</v>
      </c>
    </row>
    <row r="125" spans="1:13" ht="19.5" customHeight="1">
      <c r="A125" s="34" t="s">
        <v>128</v>
      </c>
      <c r="B125" s="17">
        <v>-223</v>
      </c>
      <c r="C125" s="18">
        <v>-98</v>
      </c>
      <c r="D125" s="18">
        <v>-125</v>
      </c>
      <c r="E125" s="17">
        <v>248</v>
      </c>
      <c r="F125" s="18">
        <v>95</v>
      </c>
      <c r="G125" s="19">
        <v>153</v>
      </c>
      <c r="H125" s="18">
        <v>70</v>
      </c>
      <c r="I125" s="18">
        <v>14</v>
      </c>
      <c r="J125" s="18">
        <v>56</v>
      </c>
      <c r="K125" s="17">
        <v>45</v>
      </c>
      <c r="L125" s="51">
        <v>17</v>
      </c>
      <c r="M125" s="52">
        <v>28</v>
      </c>
    </row>
    <row r="126" spans="1:13">
      <c r="A126" s="40" t="s">
        <v>129</v>
      </c>
      <c r="B126" s="21">
        <v>-46</v>
      </c>
      <c r="C126" s="22">
        <v>-25</v>
      </c>
      <c r="D126" s="22">
        <v>-21</v>
      </c>
      <c r="E126" s="21">
        <v>53</v>
      </c>
      <c r="F126" s="22">
        <v>23</v>
      </c>
      <c r="G126" s="23">
        <v>30</v>
      </c>
      <c r="H126" s="22">
        <v>18</v>
      </c>
      <c r="I126" s="22">
        <v>1</v>
      </c>
      <c r="J126" s="22">
        <v>17</v>
      </c>
      <c r="K126" s="21">
        <v>11</v>
      </c>
      <c r="L126" s="53">
        <v>3</v>
      </c>
      <c r="M126" s="54">
        <v>8</v>
      </c>
    </row>
    <row r="127" spans="1:13">
      <c r="A127" s="40" t="s">
        <v>130</v>
      </c>
      <c r="B127" s="21">
        <v>-38</v>
      </c>
      <c r="C127" s="22">
        <v>-14</v>
      </c>
      <c r="D127" s="22">
        <v>-24</v>
      </c>
      <c r="E127" s="21">
        <v>49</v>
      </c>
      <c r="F127" s="22">
        <v>16</v>
      </c>
      <c r="G127" s="23">
        <v>33</v>
      </c>
      <c r="H127" s="22">
        <v>21</v>
      </c>
      <c r="I127" s="22">
        <v>5</v>
      </c>
      <c r="J127" s="22">
        <v>16</v>
      </c>
      <c r="K127" s="21">
        <v>10</v>
      </c>
      <c r="L127" s="53">
        <v>3</v>
      </c>
      <c r="M127" s="54">
        <v>7</v>
      </c>
    </row>
    <row r="128" spans="1:13">
      <c r="A128" s="40" t="s">
        <v>131</v>
      </c>
      <c r="B128" s="21">
        <v>-49</v>
      </c>
      <c r="C128" s="22">
        <v>-20</v>
      </c>
      <c r="D128" s="22">
        <v>-29</v>
      </c>
      <c r="E128" s="21">
        <v>50</v>
      </c>
      <c r="F128" s="22">
        <v>21</v>
      </c>
      <c r="G128" s="23">
        <v>29</v>
      </c>
      <c r="H128" s="22">
        <v>10</v>
      </c>
      <c r="I128" s="22">
        <v>4</v>
      </c>
      <c r="J128" s="22">
        <v>6</v>
      </c>
      <c r="K128" s="21">
        <v>9</v>
      </c>
      <c r="L128" s="53">
        <v>3</v>
      </c>
      <c r="M128" s="54">
        <v>6</v>
      </c>
    </row>
    <row r="129" spans="1:13">
      <c r="A129" s="40" t="s">
        <v>132</v>
      </c>
      <c r="B129" s="21">
        <v>-56</v>
      </c>
      <c r="C129" s="22">
        <v>-26</v>
      </c>
      <c r="D129" s="22">
        <v>-30</v>
      </c>
      <c r="E129" s="21">
        <v>55</v>
      </c>
      <c r="F129" s="22">
        <v>22</v>
      </c>
      <c r="G129" s="23">
        <v>33</v>
      </c>
      <c r="H129" s="22">
        <v>11</v>
      </c>
      <c r="I129" s="22">
        <v>2</v>
      </c>
      <c r="J129" s="22">
        <v>9</v>
      </c>
      <c r="K129" s="21">
        <v>12</v>
      </c>
      <c r="L129" s="53">
        <v>6</v>
      </c>
      <c r="M129" s="54">
        <v>6</v>
      </c>
    </row>
    <row r="130" spans="1:13">
      <c r="A130" s="40" t="s">
        <v>133</v>
      </c>
      <c r="B130" s="21">
        <v>-34</v>
      </c>
      <c r="C130" s="22">
        <v>-13</v>
      </c>
      <c r="D130" s="22">
        <v>-21</v>
      </c>
      <c r="E130" s="21">
        <v>41</v>
      </c>
      <c r="F130" s="22">
        <v>13</v>
      </c>
      <c r="G130" s="23">
        <v>28</v>
      </c>
      <c r="H130" s="22">
        <v>10</v>
      </c>
      <c r="I130" s="22">
        <v>2</v>
      </c>
      <c r="J130" s="22">
        <v>8</v>
      </c>
      <c r="K130" s="21">
        <v>3</v>
      </c>
      <c r="L130" s="53">
        <v>2</v>
      </c>
      <c r="M130" s="54">
        <v>1</v>
      </c>
    </row>
    <row r="131" spans="1:13" ht="19.5" customHeight="1">
      <c r="A131" s="34" t="s">
        <v>134</v>
      </c>
      <c r="B131" s="17">
        <v>-140</v>
      </c>
      <c r="C131" s="18">
        <v>-31</v>
      </c>
      <c r="D131" s="18">
        <v>-109</v>
      </c>
      <c r="E131" s="17">
        <v>150</v>
      </c>
      <c r="F131" s="18">
        <v>34</v>
      </c>
      <c r="G131" s="19">
        <v>116</v>
      </c>
      <c r="H131" s="18">
        <v>19</v>
      </c>
      <c r="I131" s="18">
        <v>3</v>
      </c>
      <c r="J131" s="18">
        <v>16</v>
      </c>
      <c r="K131" s="17">
        <v>9</v>
      </c>
      <c r="L131" s="51">
        <v>0</v>
      </c>
      <c r="M131" s="52">
        <v>9</v>
      </c>
    </row>
    <row r="132" spans="1:13">
      <c r="A132" s="40" t="s">
        <v>135</v>
      </c>
      <c r="B132" s="21">
        <v>-38</v>
      </c>
      <c r="C132" s="22">
        <v>-7</v>
      </c>
      <c r="D132" s="22">
        <v>-31</v>
      </c>
      <c r="E132" s="21">
        <v>39</v>
      </c>
      <c r="F132" s="22">
        <v>8</v>
      </c>
      <c r="G132" s="23">
        <v>31</v>
      </c>
      <c r="H132" s="22">
        <v>4</v>
      </c>
      <c r="I132" s="22">
        <v>1</v>
      </c>
      <c r="J132" s="22">
        <v>3</v>
      </c>
      <c r="K132" s="21">
        <v>3</v>
      </c>
      <c r="L132" s="53">
        <v>0</v>
      </c>
      <c r="M132" s="54">
        <v>3</v>
      </c>
    </row>
    <row r="133" spans="1:13">
      <c r="A133" s="40" t="s">
        <v>136</v>
      </c>
      <c r="B133" s="21">
        <v>-29</v>
      </c>
      <c r="C133" s="22">
        <v>-9</v>
      </c>
      <c r="D133" s="22">
        <v>-20</v>
      </c>
      <c r="E133" s="21">
        <v>37</v>
      </c>
      <c r="F133" s="22">
        <v>9</v>
      </c>
      <c r="G133" s="23">
        <v>28</v>
      </c>
      <c r="H133" s="22">
        <v>8</v>
      </c>
      <c r="I133" s="22">
        <v>0</v>
      </c>
      <c r="J133" s="22">
        <v>8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28</v>
      </c>
      <c r="C134" s="22">
        <v>-5</v>
      </c>
      <c r="D134" s="22">
        <v>-23</v>
      </c>
      <c r="E134" s="21">
        <v>29</v>
      </c>
      <c r="F134" s="22">
        <v>6</v>
      </c>
      <c r="G134" s="23">
        <v>23</v>
      </c>
      <c r="H134" s="22">
        <v>5</v>
      </c>
      <c r="I134" s="22">
        <v>1</v>
      </c>
      <c r="J134" s="22">
        <v>4</v>
      </c>
      <c r="K134" s="21">
        <v>4</v>
      </c>
      <c r="L134" s="53">
        <v>0</v>
      </c>
      <c r="M134" s="54">
        <v>4</v>
      </c>
    </row>
    <row r="135" spans="1:13">
      <c r="A135" s="40" t="s">
        <v>138</v>
      </c>
      <c r="B135" s="21">
        <v>-20</v>
      </c>
      <c r="C135" s="22">
        <v>-7</v>
      </c>
      <c r="D135" s="22">
        <v>-13</v>
      </c>
      <c r="E135" s="21">
        <v>22</v>
      </c>
      <c r="F135" s="22">
        <v>8</v>
      </c>
      <c r="G135" s="23">
        <v>14</v>
      </c>
      <c r="H135" s="22">
        <v>2</v>
      </c>
      <c r="I135" s="22">
        <v>1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5</v>
      </c>
      <c r="C136" s="22">
        <v>-3</v>
      </c>
      <c r="D136" s="22">
        <v>-22</v>
      </c>
      <c r="E136" s="21">
        <v>23</v>
      </c>
      <c r="F136" s="22">
        <v>3</v>
      </c>
      <c r="G136" s="23">
        <v>20</v>
      </c>
      <c r="H136" s="22">
        <v>0</v>
      </c>
      <c r="I136" s="22">
        <v>0</v>
      </c>
      <c r="J136" s="22">
        <v>0</v>
      </c>
      <c r="K136" s="21">
        <v>2</v>
      </c>
      <c r="L136" s="53">
        <v>0</v>
      </c>
      <c r="M136" s="54">
        <v>2</v>
      </c>
    </row>
    <row r="137" spans="1:13" ht="19.5" customHeight="1">
      <c r="A137" s="41" t="s">
        <v>140</v>
      </c>
      <c r="B137" s="42">
        <v>-35</v>
      </c>
      <c r="C137" s="43">
        <v>-6</v>
      </c>
      <c r="D137" s="43">
        <v>-29</v>
      </c>
      <c r="E137" s="42">
        <v>36</v>
      </c>
      <c r="F137" s="43">
        <v>6</v>
      </c>
      <c r="G137" s="44">
        <v>30</v>
      </c>
      <c r="H137" s="43">
        <v>1</v>
      </c>
      <c r="I137" s="43">
        <v>0</v>
      </c>
      <c r="J137" s="43">
        <v>1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8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7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224</v>
      </c>
      <c r="C5" s="14">
        <v>506</v>
      </c>
      <c r="D5" s="14">
        <v>718</v>
      </c>
      <c r="E5" s="13">
        <v>1400</v>
      </c>
      <c r="F5" s="14">
        <v>722</v>
      </c>
      <c r="G5" s="15">
        <v>678</v>
      </c>
      <c r="H5" s="14">
        <v>11028</v>
      </c>
      <c r="I5" s="14">
        <v>5501</v>
      </c>
      <c r="J5" s="14">
        <v>5527</v>
      </c>
      <c r="K5" s="13">
        <v>9707</v>
      </c>
      <c r="L5" s="49">
        <v>4967</v>
      </c>
      <c r="M5" s="50">
        <v>4740</v>
      </c>
    </row>
    <row r="6" spans="1:13" ht="19.5" customHeight="1">
      <c r="A6" s="16" t="s">
        <v>13</v>
      </c>
      <c r="B6" s="17">
        <v>1357</v>
      </c>
      <c r="C6" s="18">
        <v>727</v>
      </c>
      <c r="D6" s="18">
        <v>630</v>
      </c>
      <c r="E6" s="17">
        <v>2</v>
      </c>
      <c r="F6" s="18">
        <v>2</v>
      </c>
      <c r="G6" s="19">
        <v>0</v>
      </c>
      <c r="H6" s="18">
        <v>620</v>
      </c>
      <c r="I6" s="18">
        <v>332</v>
      </c>
      <c r="J6" s="18">
        <v>288</v>
      </c>
      <c r="K6" s="17">
        <v>564</v>
      </c>
      <c r="L6" s="51">
        <v>297</v>
      </c>
      <c r="M6" s="52">
        <v>267</v>
      </c>
    </row>
    <row r="7" spans="1:13">
      <c r="A7" s="20" t="s">
        <v>14</v>
      </c>
      <c r="B7" s="21">
        <v>1310</v>
      </c>
      <c r="C7" s="22">
        <v>701</v>
      </c>
      <c r="D7" s="22">
        <v>609</v>
      </c>
      <c r="E7" s="21">
        <v>2</v>
      </c>
      <c r="F7" s="22">
        <v>2</v>
      </c>
      <c r="G7" s="23">
        <v>0</v>
      </c>
      <c r="H7" s="22">
        <v>106</v>
      </c>
      <c r="I7" s="22">
        <v>58</v>
      </c>
      <c r="J7" s="22">
        <v>48</v>
      </c>
      <c r="K7" s="21">
        <v>97</v>
      </c>
      <c r="L7" s="53">
        <v>49</v>
      </c>
      <c r="M7" s="54">
        <v>48</v>
      </c>
    </row>
    <row r="8" spans="1:13">
      <c r="A8" s="20" t="s">
        <v>15</v>
      </c>
      <c r="B8" s="21">
        <v>-2</v>
      </c>
      <c r="C8" s="22">
        <v>1</v>
      </c>
      <c r="D8" s="22">
        <v>-3</v>
      </c>
      <c r="E8" s="21">
        <v>0</v>
      </c>
      <c r="F8" s="22">
        <v>0</v>
      </c>
      <c r="G8" s="23">
        <v>0</v>
      </c>
      <c r="H8" s="22">
        <v>161</v>
      </c>
      <c r="I8" s="22">
        <v>85</v>
      </c>
      <c r="J8" s="22">
        <v>76</v>
      </c>
      <c r="K8" s="21">
        <v>163</v>
      </c>
      <c r="L8" s="53">
        <v>84</v>
      </c>
      <c r="M8" s="54">
        <v>79</v>
      </c>
    </row>
    <row r="9" spans="1:13">
      <c r="A9" s="20" t="s">
        <v>16</v>
      </c>
      <c r="B9" s="21">
        <v>21</v>
      </c>
      <c r="C9" s="22">
        <v>19</v>
      </c>
      <c r="D9" s="22">
        <v>2</v>
      </c>
      <c r="E9" s="21">
        <v>0</v>
      </c>
      <c r="F9" s="22">
        <v>0</v>
      </c>
      <c r="G9" s="23">
        <v>0</v>
      </c>
      <c r="H9" s="22">
        <v>139</v>
      </c>
      <c r="I9" s="22">
        <v>82</v>
      </c>
      <c r="J9" s="22">
        <v>57</v>
      </c>
      <c r="K9" s="21">
        <v>118</v>
      </c>
      <c r="L9" s="53">
        <v>63</v>
      </c>
      <c r="M9" s="54">
        <v>55</v>
      </c>
    </row>
    <row r="10" spans="1:13">
      <c r="A10" s="20" t="s">
        <v>17</v>
      </c>
      <c r="B10" s="21">
        <v>25</v>
      </c>
      <c r="C10" s="22">
        <v>3</v>
      </c>
      <c r="D10" s="22">
        <v>22</v>
      </c>
      <c r="E10" s="21">
        <v>0</v>
      </c>
      <c r="F10" s="22">
        <v>0</v>
      </c>
      <c r="G10" s="23">
        <v>0</v>
      </c>
      <c r="H10" s="22">
        <v>132</v>
      </c>
      <c r="I10" s="22">
        <v>62</v>
      </c>
      <c r="J10" s="22">
        <v>70</v>
      </c>
      <c r="K10" s="21">
        <v>107</v>
      </c>
      <c r="L10" s="53">
        <v>59</v>
      </c>
      <c r="M10" s="54">
        <v>48</v>
      </c>
    </row>
    <row r="11" spans="1:13">
      <c r="A11" s="20" t="s">
        <v>18</v>
      </c>
      <c r="B11" s="21">
        <v>3</v>
      </c>
      <c r="C11" s="22">
        <v>3</v>
      </c>
      <c r="D11" s="22">
        <v>0</v>
      </c>
      <c r="E11" s="21">
        <v>0</v>
      </c>
      <c r="F11" s="22">
        <v>0</v>
      </c>
      <c r="G11" s="23">
        <v>0</v>
      </c>
      <c r="H11" s="22">
        <v>82</v>
      </c>
      <c r="I11" s="22">
        <v>45</v>
      </c>
      <c r="J11" s="22">
        <v>37</v>
      </c>
      <c r="K11" s="21">
        <v>79</v>
      </c>
      <c r="L11" s="53">
        <v>42</v>
      </c>
      <c r="M11" s="54">
        <v>37</v>
      </c>
    </row>
    <row r="12" spans="1:13" ht="20.100000000000001" customHeight="1">
      <c r="A12" s="16" t="s">
        <v>19</v>
      </c>
      <c r="B12" s="17">
        <v>32</v>
      </c>
      <c r="C12" s="18">
        <v>31</v>
      </c>
      <c r="D12" s="18">
        <v>1</v>
      </c>
      <c r="E12" s="17">
        <v>0</v>
      </c>
      <c r="F12" s="18">
        <v>0</v>
      </c>
      <c r="G12" s="19">
        <v>0</v>
      </c>
      <c r="H12" s="18">
        <v>346</v>
      </c>
      <c r="I12" s="18">
        <v>191</v>
      </c>
      <c r="J12" s="18">
        <v>155</v>
      </c>
      <c r="K12" s="17">
        <v>314</v>
      </c>
      <c r="L12" s="51">
        <v>160</v>
      </c>
      <c r="M12" s="52">
        <v>154</v>
      </c>
    </row>
    <row r="13" spans="1:13">
      <c r="A13" s="20" t="s">
        <v>20</v>
      </c>
      <c r="B13" s="21">
        <v>11</v>
      </c>
      <c r="C13" s="22">
        <v>16</v>
      </c>
      <c r="D13" s="22">
        <v>-5</v>
      </c>
      <c r="E13" s="21">
        <v>0</v>
      </c>
      <c r="F13" s="22">
        <v>0</v>
      </c>
      <c r="G13" s="23">
        <v>0</v>
      </c>
      <c r="H13" s="22">
        <v>88</v>
      </c>
      <c r="I13" s="22">
        <v>51</v>
      </c>
      <c r="J13" s="22">
        <v>37</v>
      </c>
      <c r="K13" s="21">
        <v>77</v>
      </c>
      <c r="L13" s="53">
        <v>35</v>
      </c>
      <c r="M13" s="54">
        <v>42</v>
      </c>
    </row>
    <row r="14" spans="1:13">
      <c r="A14" s="20" t="s">
        <v>21</v>
      </c>
      <c r="B14" s="21">
        <v>-5</v>
      </c>
      <c r="C14" s="22">
        <v>6</v>
      </c>
      <c r="D14" s="22">
        <v>-11</v>
      </c>
      <c r="E14" s="21">
        <v>0</v>
      </c>
      <c r="F14" s="22">
        <v>0</v>
      </c>
      <c r="G14" s="23">
        <v>0</v>
      </c>
      <c r="H14" s="22">
        <v>83</v>
      </c>
      <c r="I14" s="22">
        <v>45</v>
      </c>
      <c r="J14" s="22">
        <v>38</v>
      </c>
      <c r="K14" s="21">
        <v>88</v>
      </c>
      <c r="L14" s="53">
        <v>39</v>
      </c>
      <c r="M14" s="54">
        <v>49</v>
      </c>
    </row>
    <row r="15" spans="1:13">
      <c r="A15" s="20" t="s">
        <v>22</v>
      </c>
      <c r="B15" s="21">
        <v>21</v>
      </c>
      <c r="C15" s="22">
        <v>12</v>
      </c>
      <c r="D15" s="22">
        <v>9</v>
      </c>
      <c r="E15" s="21">
        <v>0</v>
      </c>
      <c r="F15" s="22">
        <v>0</v>
      </c>
      <c r="G15" s="23">
        <v>0</v>
      </c>
      <c r="H15" s="22">
        <v>85</v>
      </c>
      <c r="I15" s="22">
        <v>52</v>
      </c>
      <c r="J15" s="22">
        <v>33</v>
      </c>
      <c r="K15" s="21">
        <v>64</v>
      </c>
      <c r="L15" s="53">
        <v>40</v>
      </c>
      <c r="M15" s="54">
        <v>24</v>
      </c>
    </row>
    <row r="16" spans="1:13">
      <c r="A16" s="20" t="s">
        <v>23</v>
      </c>
      <c r="B16" s="21">
        <v>4</v>
      </c>
      <c r="C16" s="22">
        <v>-3</v>
      </c>
      <c r="D16" s="22">
        <v>7</v>
      </c>
      <c r="E16" s="21">
        <v>0</v>
      </c>
      <c r="F16" s="22">
        <v>0</v>
      </c>
      <c r="G16" s="23">
        <v>0</v>
      </c>
      <c r="H16" s="22">
        <v>45</v>
      </c>
      <c r="I16" s="22">
        <v>19</v>
      </c>
      <c r="J16" s="22">
        <v>26</v>
      </c>
      <c r="K16" s="21">
        <v>41</v>
      </c>
      <c r="L16" s="53">
        <v>22</v>
      </c>
      <c r="M16" s="54">
        <v>19</v>
      </c>
    </row>
    <row r="17" spans="1:13">
      <c r="A17" s="20" t="s">
        <v>24</v>
      </c>
      <c r="B17" s="21">
        <v>1</v>
      </c>
      <c r="C17" s="22">
        <v>0</v>
      </c>
      <c r="D17" s="22">
        <v>1</v>
      </c>
      <c r="E17" s="21">
        <v>0</v>
      </c>
      <c r="F17" s="22">
        <v>0</v>
      </c>
      <c r="G17" s="23">
        <v>0</v>
      </c>
      <c r="H17" s="22">
        <v>45</v>
      </c>
      <c r="I17" s="22">
        <v>24</v>
      </c>
      <c r="J17" s="22">
        <v>21</v>
      </c>
      <c r="K17" s="21">
        <v>44</v>
      </c>
      <c r="L17" s="53">
        <v>24</v>
      </c>
      <c r="M17" s="54">
        <v>20</v>
      </c>
    </row>
    <row r="18" spans="1:13" ht="20.100000000000001" customHeight="1">
      <c r="A18" s="16" t="s">
        <v>25</v>
      </c>
      <c r="B18" s="17">
        <v>49</v>
      </c>
      <c r="C18" s="18">
        <v>19</v>
      </c>
      <c r="D18" s="18">
        <v>30</v>
      </c>
      <c r="E18" s="17">
        <v>1</v>
      </c>
      <c r="F18" s="18">
        <v>1</v>
      </c>
      <c r="G18" s="19">
        <v>0</v>
      </c>
      <c r="H18" s="18">
        <v>199</v>
      </c>
      <c r="I18" s="18">
        <v>103</v>
      </c>
      <c r="J18" s="18">
        <v>96</v>
      </c>
      <c r="K18" s="17">
        <v>149</v>
      </c>
      <c r="L18" s="51">
        <v>83</v>
      </c>
      <c r="M18" s="52">
        <v>66</v>
      </c>
    </row>
    <row r="19" spans="1:13">
      <c r="A19" s="20" t="s">
        <v>26</v>
      </c>
      <c r="B19" s="21">
        <v>9</v>
      </c>
      <c r="C19" s="22">
        <v>0</v>
      </c>
      <c r="D19" s="22">
        <v>9</v>
      </c>
      <c r="E19" s="21">
        <v>0</v>
      </c>
      <c r="F19" s="22">
        <v>0</v>
      </c>
      <c r="G19" s="23">
        <v>0</v>
      </c>
      <c r="H19" s="22">
        <v>50</v>
      </c>
      <c r="I19" s="22">
        <v>25</v>
      </c>
      <c r="J19" s="22">
        <v>25</v>
      </c>
      <c r="K19" s="21">
        <v>41</v>
      </c>
      <c r="L19" s="53">
        <v>25</v>
      </c>
      <c r="M19" s="54">
        <v>16</v>
      </c>
    </row>
    <row r="20" spans="1:13">
      <c r="A20" s="20" t="s">
        <v>27</v>
      </c>
      <c r="B20" s="21">
        <v>5</v>
      </c>
      <c r="C20" s="22">
        <v>0</v>
      </c>
      <c r="D20" s="22">
        <v>5</v>
      </c>
      <c r="E20" s="21">
        <v>0</v>
      </c>
      <c r="F20" s="22">
        <v>0</v>
      </c>
      <c r="G20" s="23">
        <v>0</v>
      </c>
      <c r="H20" s="22">
        <v>33</v>
      </c>
      <c r="I20" s="22">
        <v>14</v>
      </c>
      <c r="J20" s="22">
        <v>19</v>
      </c>
      <c r="K20" s="21">
        <v>28</v>
      </c>
      <c r="L20" s="53">
        <v>14</v>
      </c>
      <c r="M20" s="54">
        <v>14</v>
      </c>
    </row>
    <row r="21" spans="1:13">
      <c r="A21" s="20" t="s">
        <v>28</v>
      </c>
      <c r="B21" s="21">
        <v>11</v>
      </c>
      <c r="C21" s="22">
        <v>6</v>
      </c>
      <c r="D21" s="22">
        <v>5</v>
      </c>
      <c r="E21" s="21">
        <v>1</v>
      </c>
      <c r="F21" s="22">
        <v>1</v>
      </c>
      <c r="G21" s="23">
        <v>0</v>
      </c>
      <c r="H21" s="22">
        <v>38</v>
      </c>
      <c r="I21" s="22">
        <v>20</v>
      </c>
      <c r="J21" s="22">
        <v>18</v>
      </c>
      <c r="K21" s="21">
        <v>26</v>
      </c>
      <c r="L21" s="53">
        <v>13</v>
      </c>
      <c r="M21" s="54">
        <v>13</v>
      </c>
    </row>
    <row r="22" spans="1:13">
      <c r="A22" s="20" t="s">
        <v>29</v>
      </c>
      <c r="B22" s="21">
        <v>15</v>
      </c>
      <c r="C22" s="22">
        <v>5</v>
      </c>
      <c r="D22" s="22">
        <v>10</v>
      </c>
      <c r="E22" s="21">
        <v>0</v>
      </c>
      <c r="F22" s="22">
        <v>0</v>
      </c>
      <c r="G22" s="23">
        <v>0</v>
      </c>
      <c r="H22" s="22">
        <v>55</v>
      </c>
      <c r="I22" s="22">
        <v>30</v>
      </c>
      <c r="J22" s="22">
        <v>25</v>
      </c>
      <c r="K22" s="21">
        <v>40</v>
      </c>
      <c r="L22" s="53">
        <v>25</v>
      </c>
      <c r="M22" s="54">
        <v>15</v>
      </c>
    </row>
    <row r="23" spans="1:13">
      <c r="A23" s="20" t="s">
        <v>30</v>
      </c>
      <c r="B23" s="21">
        <v>9</v>
      </c>
      <c r="C23" s="22">
        <v>8</v>
      </c>
      <c r="D23" s="22">
        <v>1</v>
      </c>
      <c r="E23" s="21">
        <v>0</v>
      </c>
      <c r="F23" s="22">
        <v>0</v>
      </c>
      <c r="G23" s="23">
        <v>0</v>
      </c>
      <c r="H23" s="22">
        <v>23</v>
      </c>
      <c r="I23" s="22">
        <v>14</v>
      </c>
      <c r="J23" s="22">
        <v>9</v>
      </c>
      <c r="K23" s="21">
        <v>14</v>
      </c>
      <c r="L23" s="53">
        <v>6</v>
      </c>
      <c r="M23" s="54">
        <v>8</v>
      </c>
    </row>
    <row r="24" spans="1:13" ht="20.100000000000001" customHeight="1">
      <c r="A24" s="16" t="s">
        <v>31</v>
      </c>
      <c r="B24" s="17">
        <v>188</v>
      </c>
      <c r="C24" s="18">
        <v>86</v>
      </c>
      <c r="D24" s="18">
        <v>102</v>
      </c>
      <c r="E24" s="17">
        <v>3</v>
      </c>
      <c r="F24" s="18">
        <v>1</v>
      </c>
      <c r="G24" s="19">
        <v>2</v>
      </c>
      <c r="H24" s="18">
        <v>416</v>
      </c>
      <c r="I24" s="18">
        <v>209</v>
      </c>
      <c r="J24" s="18">
        <v>207</v>
      </c>
      <c r="K24" s="17">
        <v>225</v>
      </c>
      <c r="L24" s="51">
        <v>122</v>
      </c>
      <c r="M24" s="52">
        <v>103</v>
      </c>
    </row>
    <row r="25" spans="1:13">
      <c r="A25" s="20" t="s">
        <v>32</v>
      </c>
      <c r="B25" s="21">
        <v>8</v>
      </c>
      <c r="C25" s="22">
        <v>5</v>
      </c>
      <c r="D25" s="22">
        <v>3</v>
      </c>
      <c r="E25" s="21">
        <v>1</v>
      </c>
      <c r="F25" s="22">
        <v>0</v>
      </c>
      <c r="G25" s="23">
        <v>1</v>
      </c>
      <c r="H25" s="22">
        <v>29</v>
      </c>
      <c r="I25" s="22">
        <v>17</v>
      </c>
      <c r="J25" s="22">
        <v>12</v>
      </c>
      <c r="K25" s="21">
        <v>20</v>
      </c>
      <c r="L25" s="53">
        <v>12</v>
      </c>
      <c r="M25" s="54">
        <v>8</v>
      </c>
    </row>
    <row r="26" spans="1:13">
      <c r="A26" s="20" t="s">
        <v>33</v>
      </c>
      <c r="B26" s="21">
        <v>12</v>
      </c>
      <c r="C26" s="22">
        <v>0</v>
      </c>
      <c r="D26" s="22">
        <v>12</v>
      </c>
      <c r="E26" s="21">
        <v>2</v>
      </c>
      <c r="F26" s="22">
        <v>1</v>
      </c>
      <c r="G26" s="23">
        <v>1</v>
      </c>
      <c r="H26" s="22">
        <v>58</v>
      </c>
      <c r="I26" s="22">
        <v>26</v>
      </c>
      <c r="J26" s="22">
        <v>32</v>
      </c>
      <c r="K26" s="21">
        <v>44</v>
      </c>
      <c r="L26" s="53">
        <v>25</v>
      </c>
      <c r="M26" s="54">
        <v>19</v>
      </c>
    </row>
    <row r="27" spans="1:13">
      <c r="A27" s="20" t="s">
        <v>34</v>
      </c>
      <c r="B27" s="21">
        <v>15</v>
      </c>
      <c r="C27" s="22">
        <v>7</v>
      </c>
      <c r="D27" s="22">
        <v>8</v>
      </c>
      <c r="E27" s="21">
        <v>0</v>
      </c>
      <c r="F27" s="22">
        <v>0</v>
      </c>
      <c r="G27" s="23">
        <v>0</v>
      </c>
      <c r="H27" s="22">
        <v>39</v>
      </c>
      <c r="I27" s="22">
        <v>19</v>
      </c>
      <c r="J27" s="22">
        <v>20</v>
      </c>
      <c r="K27" s="21">
        <v>24</v>
      </c>
      <c r="L27" s="53">
        <v>12</v>
      </c>
      <c r="M27" s="54">
        <v>12</v>
      </c>
    </row>
    <row r="28" spans="1:13">
      <c r="A28" s="20" t="s">
        <v>35</v>
      </c>
      <c r="B28" s="21">
        <v>14</v>
      </c>
      <c r="C28" s="22">
        <v>1</v>
      </c>
      <c r="D28" s="22">
        <v>13</v>
      </c>
      <c r="E28" s="21">
        <v>0</v>
      </c>
      <c r="F28" s="22">
        <v>0</v>
      </c>
      <c r="G28" s="23">
        <v>0</v>
      </c>
      <c r="H28" s="22">
        <v>64</v>
      </c>
      <c r="I28" s="22">
        <v>28</v>
      </c>
      <c r="J28" s="22">
        <v>36</v>
      </c>
      <c r="K28" s="21">
        <v>50</v>
      </c>
      <c r="L28" s="53">
        <v>27</v>
      </c>
      <c r="M28" s="54">
        <v>23</v>
      </c>
    </row>
    <row r="29" spans="1:13">
      <c r="A29" s="20" t="s">
        <v>36</v>
      </c>
      <c r="B29" s="21">
        <v>139</v>
      </c>
      <c r="C29" s="22">
        <v>73</v>
      </c>
      <c r="D29" s="22">
        <v>66</v>
      </c>
      <c r="E29" s="21">
        <v>0</v>
      </c>
      <c r="F29" s="22">
        <v>0</v>
      </c>
      <c r="G29" s="23">
        <v>0</v>
      </c>
      <c r="H29" s="22">
        <v>226</v>
      </c>
      <c r="I29" s="22">
        <v>119</v>
      </c>
      <c r="J29" s="22">
        <v>107</v>
      </c>
      <c r="K29" s="21">
        <v>87</v>
      </c>
      <c r="L29" s="53">
        <v>46</v>
      </c>
      <c r="M29" s="54">
        <v>41</v>
      </c>
    </row>
    <row r="30" spans="1:13" ht="20.100000000000001" customHeight="1">
      <c r="A30" s="16" t="s">
        <v>37</v>
      </c>
      <c r="B30" s="17">
        <v>257</v>
      </c>
      <c r="C30" s="18">
        <v>52</v>
      </c>
      <c r="D30" s="18">
        <v>205</v>
      </c>
      <c r="E30" s="17">
        <v>2</v>
      </c>
      <c r="F30" s="18">
        <v>1</v>
      </c>
      <c r="G30" s="19">
        <v>1</v>
      </c>
      <c r="H30" s="18">
        <v>1746</v>
      </c>
      <c r="I30" s="18">
        <v>789</v>
      </c>
      <c r="J30" s="18">
        <v>957</v>
      </c>
      <c r="K30" s="17">
        <v>1487</v>
      </c>
      <c r="L30" s="51">
        <v>736</v>
      </c>
      <c r="M30" s="52">
        <v>751</v>
      </c>
    </row>
    <row r="31" spans="1:13">
      <c r="A31" s="20" t="s">
        <v>38</v>
      </c>
      <c r="B31" s="21">
        <v>61</v>
      </c>
      <c r="C31" s="22">
        <v>23</v>
      </c>
      <c r="D31" s="22">
        <v>38</v>
      </c>
      <c r="E31" s="21">
        <v>0</v>
      </c>
      <c r="F31" s="22">
        <v>0</v>
      </c>
      <c r="G31" s="23">
        <v>0</v>
      </c>
      <c r="H31" s="22">
        <v>183</v>
      </c>
      <c r="I31" s="22">
        <v>77</v>
      </c>
      <c r="J31" s="22">
        <v>106</v>
      </c>
      <c r="K31" s="21">
        <v>122</v>
      </c>
      <c r="L31" s="53">
        <v>54</v>
      </c>
      <c r="M31" s="54">
        <v>68</v>
      </c>
    </row>
    <row r="32" spans="1:13">
      <c r="A32" s="20" t="s">
        <v>39</v>
      </c>
      <c r="B32" s="21">
        <v>55</v>
      </c>
      <c r="C32" s="22">
        <v>2</v>
      </c>
      <c r="D32" s="22">
        <v>53</v>
      </c>
      <c r="E32" s="21">
        <v>1</v>
      </c>
      <c r="F32" s="22">
        <v>0</v>
      </c>
      <c r="G32" s="23">
        <v>1</v>
      </c>
      <c r="H32" s="22">
        <v>252</v>
      </c>
      <c r="I32" s="22">
        <v>105</v>
      </c>
      <c r="J32" s="22">
        <v>147</v>
      </c>
      <c r="K32" s="21">
        <v>196</v>
      </c>
      <c r="L32" s="53">
        <v>103</v>
      </c>
      <c r="M32" s="54">
        <v>93</v>
      </c>
    </row>
    <row r="33" spans="1:13">
      <c r="A33" s="20" t="s">
        <v>40</v>
      </c>
      <c r="B33" s="21">
        <v>59</v>
      </c>
      <c r="C33" s="22">
        <v>13</v>
      </c>
      <c r="D33" s="22">
        <v>46</v>
      </c>
      <c r="E33" s="21">
        <v>1</v>
      </c>
      <c r="F33" s="22">
        <v>1</v>
      </c>
      <c r="G33" s="23">
        <v>0</v>
      </c>
      <c r="H33" s="22">
        <v>323</v>
      </c>
      <c r="I33" s="22">
        <v>142</v>
      </c>
      <c r="J33" s="22">
        <v>181</v>
      </c>
      <c r="K33" s="21">
        <v>263</v>
      </c>
      <c r="L33" s="53">
        <v>128</v>
      </c>
      <c r="M33" s="54">
        <v>135</v>
      </c>
    </row>
    <row r="34" spans="1:13">
      <c r="A34" s="20" t="s">
        <v>41</v>
      </c>
      <c r="B34" s="21">
        <v>67</v>
      </c>
      <c r="C34" s="22">
        <v>28</v>
      </c>
      <c r="D34" s="22">
        <v>39</v>
      </c>
      <c r="E34" s="21">
        <v>0</v>
      </c>
      <c r="F34" s="22">
        <v>0</v>
      </c>
      <c r="G34" s="23">
        <v>0</v>
      </c>
      <c r="H34" s="22">
        <v>574</v>
      </c>
      <c r="I34" s="22">
        <v>266</v>
      </c>
      <c r="J34" s="22">
        <v>308</v>
      </c>
      <c r="K34" s="21">
        <v>507</v>
      </c>
      <c r="L34" s="53">
        <v>238</v>
      </c>
      <c r="M34" s="54">
        <v>269</v>
      </c>
    </row>
    <row r="35" spans="1:13">
      <c r="A35" s="20" t="s">
        <v>42</v>
      </c>
      <c r="B35" s="21">
        <v>15</v>
      </c>
      <c r="C35" s="22">
        <v>-14</v>
      </c>
      <c r="D35" s="22">
        <v>29</v>
      </c>
      <c r="E35" s="21">
        <v>0</v>
      </c>
      <c r="F35" s="22">
        <v>0</v>
      </c>
      <c r="G35" s="23">
        <v>0</v>
      </c>
      <c r="H35" s="22">
        <v>414</v>
      </c>
      <c r="I35" s="22">
        <v>199</v>
      </c>
      <c r="J35" s="22">
        <v>215</v>
      </c>
      <c r="K35" s="21">
        <v>399</v>
      </c>
      <c r="L35" s="53">
        <v>213</v>
      </c>
      <c r="M35" s="54">
        <v>186</v>
      </c>
    </row>
    <row r="36" spans="1:13" ht="20.100000000000001" customHeight="1">
      <c r="A36" s="16" t="s">
        <v>43</v>
      </c>
      <c r="B36" s="17">
        <v>219</v>
      </c>
      <c r="C36" s="18">
        <v>68</v>
      </c>
      <c r="D36" s="18">
        <v>151</v>
      </c>
      <c r="E36" s="17">
        <v>4</v>
      </c>
      <c r="F36" s="18">
        <v>1</v>
      </c>
      <c r="G36" s="19">
        <v>3</v>
      </c>
      <c r="H36" s="18">
        <v>2190</v>
      </c>
      <c r="I36" s="18">
        <v>1042</v>
      </c>
      <c r="J36" s="18">
        <v>1148</v>
      </c>
      <c r="K36" s="17">
        <v>1967</v>
      </c>
      <c r="L36" s="51">
        <v>973</v>
      </c>
      <c r="M36" s="52">
        <v>994</v>
      </c>
    </row>
    <row r="37" spans="1:13">
      <c r="A37" s="20" t="s">
        <v>44</v>
      </c>
      <c r="B37" s="21">
        <v>-1</v>
      </c>
      <c r="C37" s="22">
        <v>-1</v>
      </c>
      <c r="D37" s="22">
        <v>0</v>
      </c>
      <c r="E37" s="21">
        <v>0</v>
      </c>
      <c r="F37" s="22">
        <v>0</v>
      </c>
      <c r="G37" s="23">
        <v>0</v>
      </c>
      <c r="H37" s="22">
        <v>481</v>
      </c>
      <c r="I37" s="22">
        <v>227</v>
      </c>
      <c r="J37" s="22">
        <v>254</v>
      </c>
      <c r="K37" s="21">
        <v>482</v>
      </c>
      <c r="L37" s="53">
        <v>228</v>
      </c>
      <c r="M37" s="54">
        <v>254</v>
      </c>
    </row>
    <row r="38" spans="1:13">
      <c r="A38" s="20" t="s">
        <v>45</v>
      </c>
      <c r="B38" s="21">
        <v>49</v>
      </c>
      <c r="C38" s="22">
        <v>1</v>
      </c>
      <c r="D38" s="22">
        <v>48</v>
      </c>
      <c r="E38" s="21">
        <v>1</v>
      </c>
      <c r="F38" s="22">
        <v>0</v>
      </c>
      <c r="G38" s="23">
        <v>1</v>
      </c>
      <c r="H38" s="22">
        <v>449</v>
      </c>
      <c r="I38" s="22">
        <v>204</v>
      </c>
      <c r="J38" s="22">
        <v>245</v>
      </c>
      <c r="K38" s="21">
        <v>399</v>
      </c>
      <c r="L38" s="53">
        <v>203</v>
      </c>
      <c r="M38" s="54">
        <v>196</v>
      </c>
    </row>
    <row r="39" spans="1:13">
      <c r="A39" s="20" t="s">
        <v>46</v>
      </c>
      <c r="B39" s="21">
        <v>49</v>
      </c>
      <c r="C39" s="22">
        <v>16</v>
      </c>
      <c r="D39" s="22">
        <v>33</v>
      </c>
      <c r="E39" s="21">
        <v>2</v>
      </c>
      <c r="F39" s="22">
        <v>0</v>
      </c>
      <c r="G39" s="23">
        <v>2</v>
      </c>
      <c r="H39" s="22">
        <v>442</v>
      </c>
      <c r="I39" s="22">
        <v>213</v>
      </c>
      <c r="J39" s="22">
        <v>229</v>
      </c>
      <c r="K39" s="21">
        <v>391</v>
      </c>
      <c r="L39" s="53">
        <v>197</v>
      </c>
      <c r="M39" s="54">
        <v>194</v>
      </c>
    </row>
    <row r="40" spans="1:13">
      <c r="A40" s="20" t="s">
        <v>47</v>
      </c>
      <c r="B40" s="21">
        <v>44</v>
      </c>
      <c r="C40" s="22">
        <v>3</v>
      </c>
      <c r="D40" s="22">
        <v>41</v>
      </c>
      <c r="E40" s="21">
        <v>0</v>
      </c>
      <c r="F40" s="22">
        <v>0</v>
      </c>
      <c r="G40" s="23">
        <v>0</v>
      </c>
      <c r="H40" s="22">
        <v>418</v>
      </c>
      <c r="I40" s="22">
        <v>198</v>
      </c>
      <c r="J40" s="22">
        <v>220</v>
      </c>
      <c r="K40" s="21">
        <v>374</v>
      </c>
      <c r="L40" s="53">
        <v>195</v>
      </c>
      <c r="M40" s="54">
        <v>179</v>
      </c>
    </row>
    <row r="41" spans="1:13">
      <c r="A41" s="20" t="s">
        <v>48</v>
      </c>
      <c r="B41" s="21">
        <v>78</v>
      </c>
      <c r="C41" s="22">
        <v>49</v>
      </c>
      <c r="D41" s="22">
        <v>29</v>
      </c>
      <c r="E41" s="21">
        <v>1</v>
      </c>
      <c r="F41" s="22">
        <v>1</v>
      </c>
      <c r="G41" s="23">
        <v>0</v>
      </c>
      <c r="H41" s="22">
        <v>400</v>
      </c>
      <c r="I41" s="22">
        <v>200</v>
      </c>
      <c r="J41" s="22">
        <v>200</v>
      </c>
      <c r="K41" s="21">
        <v>321</v>
      </c>
      <c r="L41" s="53">
        <v>150</v>
      </c>
      <c r="M41" s="54">
        <v>171</v>
      </c>
    </row>
    <row r="42" spans="1:13" ht="20.100000000000001" customHeight="1">
      <c r="A42" s="16" t="s">
        <v>49</v>
      </c>
      <c r="B42" s="17">
        <v>144</v>
      </c>
      <c r="C42" s="18">
        <v>94</v>
      </c>
      <c r="D42" s="18">
        <v>50</v>
      </c>
      <c r="E42" s="17">
        <v>6</v>
      </c>
      <c r="F42" s="18">
        <v>4</v>
      </c>
      <c r="G42" s="19">
        <v>2</v>
      </c>
      <c r="H42" s="18">
        <v>1607</v>
      </c>
      <c r="I42" s="18">
        <v>831</v>
      </c>
      <c r="J42" s="18">
        <v>776</v>
      </c>
      <c r="K42" s="17">
        <v>1457</v>
      </c>
      <c r="L42" s="51">
        <v>733</v>
      </c>
      <c r="M42" s="52">
        <v>724</v>
      </c>
    </row>
    <row r="43" spans="1:13">
      <c r="A43" s="20" t="s">
        <v>50</v>
      </c>
      <c r="B43" s="21">
        <v>73</v>
      </c>
      <c r="C43" s="22">
        <v>44</v>
      </c>
      <c r="D43" s="22">
        <v>29</v>
      </c>
      <c r="E43" s="21">
        <v>2</v>
      </c>
      <c r="F43" s="22">
        <v>1</v>
      </c>
      <c r="G43" s="23">
        <v>1</v>
      </c>
      <c r="H43" s="22">
        <v>418</v>
      </c>
      <c r="I43" s="22">
        <v>215</v>
      </c>
      <c r="J43" s="22">
        <v>203</v>
      </c>
      <c r="K43" s="21">
        <v>343</v>
      </c>
      <c r="L43" s="53">
        <v>170</v>
      </c>
      <c r="M43" s="54">
        <v>173</v>
      </c>
    </row>
    <row r="44" spans="1:13">
      <c r="A44" s="20" t="s">
        <v>51</v>
      </c>
      <c r="B44" s="21">
        <v>23</v>
      </c>
      <c r="C44" s="22">
        <v>25</v>
      </c>
      <c r="D44" s="22">
        <v>-2</v>
      </c>
      <c r="E44" s="21">
        <v>1</v>
      </c>
      <c r="F44" s="22">
        <v>1</v>
      </c>
      <c r="G44" s="23">
        <v>0</v>
      </c>
      <c r="H44" s="22">
        <v>344</v>
      </c>
      <c r="I44" s="22">
        <v>184</v>
      </c>
      <c r="J44" s="22">
        <v>160</v>
      </c>
      <c r="K44" s="21">
        <v>320</v>
      </c>
      <c r="L44" s="53">
        <v>158</v>
      </c>
      <c r="M44" s="54">
        <v>162</v>
      </c>
    </row>
    <row r="45" spans="1:13">
      <c r="A45" s="20" t="s">
        <v>52</v>
      </c>
      <c r="B45" s="21">
        <v>43</v>
      </c>
      <c r="C45" s="22">
        <v>23</v>
      </c>
      <c r="D45" s="22">
        <v>20</v>
      </c>
      <c r="E45" s="21">
        <v>1</v>
      </c>
      <c r="F45" s="22">
        <v>1</v>
      </c>
      <c r="G45" s="23">
        <v>0</v>
      </c>
      <c r="H45" s="22">
        <v>303</v>
      </c>
      <c r="I45" s="22">
        <v>157</v>
      </c>
      <c r="J45" s="22">
        <v>146</v>
      </c>
      <c r="K45" s="21">
        <v>259</v>
      </c>
      <c r="L45" s="53">
        <v>133</v>
      </c>
      <c r="M45" s="54">
        <v>126</v>
      </c>
    </row>
    <row r="46" spans="1:13">
      <c r="A46" s="20" t="s">
        <v>53</v>
      </c>
      <c r="B46" s="21">
        <v>-19</v>
      </c>
      <c r="C46" s="22">
        <v>-11</v>
      </c>
      <c r="D46" s="22">
        <v>-8</v>
      </c>
      <c r="E46" s="21">
        <v>0</v>
      </c>
      <c r="F46" s="22">
        <v>0</v>
      </c>
      <c r="G46" s="23">
        <v>0</v>
      </c>
      <c r="H46" s="22">
        <v>256</v>
      </c>
      <c r="I46" s="22">
        <v>134</v>
      </c>
      <c r="J46" s="22">
        <v>122</v>
      </c>
      <c r="K46" s="21">
        <v>275</v>
      </c>
      <c r="L46" s="53">
        <v>145</v>
      </c>
      <c r="M46" s="54">
        <v>130</v>
      </c>
    </row>
    <row r="47" spans="1:13">
      <c r="A47" s="20" t="s">
        <v>54</v>
      </c>
      <c r="B47" s="21">
        <v>24</v>
      </c>
      <c r="C47" s="22">
        <v>13</v>
      </c>
      <c r="D47" s="22">
        <v>11</v>
      </c>
      <c r="E47" s="21">
        <v>2</v>
      </c>
      <c r="F47" s="22">
        <v>1</v>
      </c>
      <c r="G47" s="23">
        <v>1</v>
      </c>
      <c r="H47" s="22">
        <v>286</v>
      </c>
      <c r="I47" s="22">
        <v>141</v>
      </c>
      <c r="J47" s="22">
        <v>145</v>
      </c>
      <c r="K47" s="21">
        <v>260</v>
      </c>
      <c r="L47" s="53">
        <v>127</v>
      </c>
      <c r="M47" s="54">
        <v>133</v>
      </c>
    </row>
    <row r="48" spans="1:13" ht="20.100000000000001" customHeight="1">
      <c r="A48" s="16" t="s">
        <v>55</v>
      </c>
      <c r="B48" s="17">
        <v>99</v>
      </c>
      <c r="C48" s="18">
        <v>83</v>
      </c>
      <c r="D48" s="18">
        <v>16</v>
      </c>
      <c r="E48" s="17">
        <v>8</v>
      </c>
      <c r="F48" s="18">
        <v>4</v>
      </c>
      <c r="G48" s="19">
        <v>4</v>
      </c>
      <c r="H48" s="18">
        <v>1037</v>
      </c>
      <c r="I48" s="18">
        <v>567</v>
      </c>
      <c r="J48" s="18">
        <v>470</v>
      </c>
      <c r="K48" s="17">
        <v>930</v>
      </c>
      <c r="L48" s="51">
        <v>480</v>
      </c>
      <c r="M48" s="52">
        <v>450</v>
      </c>
    </row>
    <row r="49" spans="1:13">
      <c r="A49" s="20" t="s">
        <v>56</v>
      </c>
      <c r="B49" s="21">
        <v>48</v>
      </c>
      <c r="C49" s="22">
        <v>52</v>
      </c>
      <c r="D49" s="22">
        <v>-4</v>
      </c>
      <c r="E49" s="21">
        <v>0</v>
      </c>
      <c r="F49" s="22">
        <v>0</v>
      </c>
      <c r="G49" s="23">
        <v>0</v>
      </c>
      <c r="H49" s="22">
        <v>259</v>
      </c>
      <c r="I49" s="22">
        <v>156</v>
      </c>
      <c r="J49" s="22">
        <v>103</v>
      </c>
      <c r="K49" s="21">
        <v>211</v>
      </c>
      <c r="L49" s="53">
        <v>104</v>
      </c>
      <c r="M49" s="54">
        <v>107</v>
      </c>
    </row>
    <row r="50" spans="1:13">
      <c r="A50" s="20" t="s">
        <v>57</v>
      </c>
      <c r="B50" s="21">
        <v>24</v>
      </c>
      <c r="C50" s="22">
        <v>2</v>
      </c>
      <c r="D50" s="22">
        <v>22</v>
      </c>
      <c r="E50" s="21">
        <v>4</v>
      </c>
      <c r="F50" s="22">
        <v>4</v>
      </c>
      <c r="G50" s="23">
        <v>0</v>
      </c>
      <c r="H50" s="22">
        <v>232</v>
      </c>
      <c r="I50" s="22">
        <v>118</v>
      </c>
      <c r="J50" s="22">
        <v>114</v>
      </c>
      <c r="K50" s="21">
        <v>204</v>
      </c>
      <c r="L50" s="53">
        <v>112</v>
      </c>
      <c r="M50" s="54">
        <v>92</v>
      </c>
    </row>
    <row r="51" spans="1:13">
      <c r="A51" s="20" t="s">
        <v>58</v>
      </c>
      <c r="B51" s="21">
        <v>19</v>
      </c>
      <c r="C51" s="22">
        <v>17</v>
      </c>
      <c r="D51" s="22">
        <v>2</v>
      </c>
      <c r="E51" s="21">
        <v>0</v>
      </c>
      <c r="F51" s="22">
        <v>0</v>
      </c>
      <c r="G51" s="23">
        <v>0</v>
      </c>
      <c r="H51" s="22">
        <v>207</v>
      </c>
      <c r="I51" s="22">
        <v>117</v>
      </c>
      <c r="J51" s="22">
        <v>90</v>
      </c>
      <c r="K51" s="21">
        <v>188</v>
      </c>
      <c r="L51" s="53">
        <v>100</v>
      </c>
      <c r="M51" s="54">
        <v>88</v>
      </c>
    </row>
    <row r="52" spans="1:13">
      <c r="A52" s="20" t="s">
        <v>59</v>
      </c>
      <c r="B52" s="21">
        <v>22</v>
      </c>
      <c r="C52" s="22">
        <v>9</v>
      </c>
      <c r="D52" s="22">
        <v>13</v>
      </c>
      <c r="E52" s="21">
        <v>1</v>
      </c>
      <c r="F52" s="22">
        <v>0</v>
      </c>
      <c r="G52" s="23">
        <v>1</v>
      </c>
      <c r="H52" s="22">
        <v>195</v>
      </c>
      <c r="I52" s="22">
        <v>98</v>
      </c>
      <c r="J52" s="22">
        <v>97</v>
      </c>
      <c r="K52" s="21">
        <v>172</v>
      </c>
      <c r="L52" s="53">
        <v>89</v>
      </c>
      <c r="M52" s="54">
        <v>83</v>
      </c>
    </row>
    <row r="53" spans="1:13">
      <c r="A53" s="20" t="s">
        <v>60</v>
      </c>
      <c r="B53" s="21">
        <v>-14</v>
      </c>
      <c r="C53" s="22">
        <v>3</v>
      </c>
      <c r="D53" s="22">
        <v>-17</v>
      </c>
      <c r="E53" s="21">
        <v>3</v>
      </c>
      <c r="F53" s="22">
        <v>0</v>
      </c>
      <c r="G53" s="23">
        <v>3</v>
      </c>
      <c r="H53" s="22">
        <v>144</v>
      </c>
      <c r="I53" s="22">
        <v>78</v>
      </c>
      <c r="J53" s="22">
        <v>66</v>
      </c>
      <c r="K53" s="21">
        <v>155</v>
      </c>
      <c r="L53" s="53">
        <v>75</v>
      </c>
      <c r="M53" s="54">
        <v>80</v>
      </c>
    </row>
    <row r="54" spans="1:13" ht="20.100000000000001" customHeight="1">
      <c r="A54" s="16" t="s">
        <v>61</v>
      </c>
      <c r="B54" s="17">
        <v>18</v>
      </c>
      <c r="C54" s="18">
        <v>-7</v>
      </c>
      <c r="D54" s="18">
        <v>25</v>
      </c>
      <c r="E54" s="17">
        <v>10</v>
      </c>
      <c r="F54" s="18">
        <v>6</v>
      </c>
      <c r="G54" s="19">
        <v>4</v>
      </c>
      <c r="H54" s="18">
        <v>679</v>
      </c>
      <c r="I54" s="18">
        <v>365</v>
      </c>
      <c r="J54" s="18">
        <v>314</v>
      </c>
      <c r="K54" s="17">
        <v>651</v>
      </c>
      <c r="L54" s="51">
        <v>366</v>
      </c>
      <c r="M54" s="52">
        <v>285</v>
      </c>
    </row>
    <row r="55" spans="1:13">
      <c r="A55" s="20" t="s">
        <v>62</v>
      </c>
      <c r="B55" s="21">
        <v>6</v>
      </c>
      <c r="C55" s="22">
        <v>2</v>
      </c>
      <c r="D55" s="22">
        <v>4</v>
      </c>
      <c r="E55" s="21">
        <v>2</v>
      </c>
      <c r="F55" s="22">
        <v>2</v>
      </c>
      <c r="G55" s="23">
        <v>0</v>
      </c>
      <c r="H55" s="22">
        <v>171</v>
      </c>
      <c r="I55" s="22">
        <v>94</v>
      </c>
      <c r="J55" s="22">
        <v>77</v>
      </c>
      <c r="K55" s="21">
        <v>163</v>
      </c>
      <c r="L55" s="53">
        <v>90</v>
      </c>
      <c r="M55" s="54">
        <v>73</v>
      </c>
    </row>
    <row r="56" spans="1:13">
      <c r="A56" s="20" t="s">
        <v>63</v>
      </c>
      <c r="B56" s="21">
        <v>-9</v>
      </c>
      <c r="C56" s="22">
        <v>-5</v>
      </c>
      <c r="D56" s="22">
        <v>-4</v>
      </c>
      <c r="E56" s="21">
        <v>4</v>
      </c>
      <c r="F56" s="22">
        <v>1</v>
      </c>
      <c r="G56" s="23">
        <v>3</v>
      </c>
      <c r="H56" s="22">
        <v>136</v>
      </c>
      <c r="I56" s="22">
        <v>69</v>
      </c>
      <c r="J56" s="22">
        <v>67</v>
      </c>
      <c r="K56" s="21">
        <v>141</v>
      </c>
      <c r="L56" s="53">
        <v>73</v>
      </c>
      <c r="M56" s="54">
        <v>68</v>
      </c>
    </row>
    <row r="57" spans="1:13">
      <c r="A57" s="20" t="s">
        <v>64</v>
      </c>
      <c r="B57" s="21">
        <v>31</v>
      </c>
      <c r="C57" s="22">
        <v>11</v>
      </c>
      <c r="D57" s="22">
        <v>20</v>
      </c>
      <c r="E57" s="21">
        <v>4</v>
      </c>
      <c r="F57" s="22">
        <v>3</v>
      </c>
      <c r="G57" s="23">
        <v>1</v>
      </c>
      <c r="H57" s="22">
        <v>160</v>
      </c>
      <c r="I57" s="22">
        <v>90</v>
      </c>
      <c r="J57" s="22">
        <v>70</v>
      </c>
      <c r="K57" s="21">
        <v>125</v>
      </c>
      <c r="L57" s="53">
        <v>76</v>
      </c>
      <c r="M57" s="54">
        <v>49</v>
      </c>
    </row>
    <row r="58" spans="1:13">
      <c r="A58" s="20" t="s">
        <v>65</v>
      </c>
      <c r="B58" s="21">
        <v>-3</v>
      </c>
      <c r="C58" s="22">
        <v>-13</v>
      </c>
      <c r="D58" s="22">
        <v>10</v>
      </c>
      <c r="E58" s="21">
        <v>0</v>
      </c>
      <c r="F58" s="22">
        <v>0</v>
      </c>
      <c r="G58" s="23">
        <v>0</v>
      </c>
      <c r="H58" s="22">
        <v>118</v>
      </c>
      <c r="I58" s="22">
        <v>60</v>
      </c>
      <c r="J58" s="22">
        <v>58</v>
      </c>
      <c r="K58" s="21">
        <v>121</v>
      </c>
      <c r="L58" s="53">
        <v>73</v>
      </c>
      <c r="M58" s="54">
        <v>48</v>
      </c>
    </row>
    <row r="59" spans="1:13">
      <c r="A59" s="20" t="s">
        <v>66</v>
      </c>
      <c r="B59" s="21">
        <v>-7</v>
      </c>
      <c r="C59" s="22">
        <v>-2</v>
      </c>
      <c r="D59" s="22">
        <v>-5</v>
      </c>
      <c r="E59" s="21">
        <v>0</v>
      </c>
      <c r="F59" s="22">
        <v>0</v>
      </c>
      <c r="G59" s="23">
        <v>0</v>
      </c>
      <c r="H59" s="22">
        <v>94</v>
      </c>
      <c r="I59" s="22">
        <v>52</v>
      </c>
      <c r="J59" s="22">
        <v>42</v>
      </c>
      <c r="K59" s="21">
        <v>101</v>
      </c>
      <c r="L59" s="53">
        <v>54</v>
      </c>
      <c r="M59" s="54">
        <v>47</v>
      </c>
    </row>
    <row r="60" spans="1:13" ht="20.100000000000001" customHeight="1">
      <c r="A60" s="16" t="s">
        <v>67</v>
      </c>
      <c r="B60" s="17">
        <v>84</v>
      </c>
      <c r="C60" s="18">
        <v>17</v>
      </c>
      <c r="D60" s="18">
        <v>67</v>
      </c>
      <c r="E60" s="17">
        <v>17</v>
      </c>
      <c r="F60" s="18">
        <v>12</v>
      </c>
      <c r="G60" s="19">
        <v>5</v>
      </c>
      <c r="H60" s="18">
        <v>579</v>
      </c>
      <c r="I60" s="18">
        <v>286</v>
      </c>
      <c r="J60" s="18">
        <v>293</v>
      </c>
      <c r="K60" s="17">
        <v>478</v>
      </c>
      <c r="L60" s="51">
        <v>257</v>
      </c>
      <c r="M60" s="52">
        <v>221</v>
      </c>
    </row>
    <row r="61" spans="1:13">
      <c r="A61" s="20" t="s">
        <v>68</v>
      </c>
      <c r="B61" s="21">
        <v>10</v>
      </c>
      <c r="C61" s="22">
        <v>7</v>
      </c>
      <c r="D61" s="22">
        <v>3</v>
      </c>
      <c r="E61" s="21">
        <v>2</v>
      </c>
      <c r="F61" s="22">
        <v>1</v>
      </c>
      <c r="G61" s="23">
        <v>1</v>
      </c>
      <c r="H61" s="22">
        <v>132</v>
      </c>
      <c r="I61" s="22">
        <v>71</v>
      </c>
      <c r="J61" s="22">
        <v>61</v>
      </c>
      <c r="K61" s="21">
        <v>120</v>
      </c>
      <c r="L61" s="53">
        <v>63</v>
      </c>
      <c r="M61" s="54">
        <v>57</v>
      </c>
    </row>
    <row r="62" spans="1:13">
      <c r="A62" s="20" t="s">
        <v>69</v>
      </c>
      <c r="B62" s="21">
        <v>9</v>
      </c>
      <c r="C62" s="22">
        <v>0</v>
      </c>
      <c r="D62" s="22">
        <v>9</v>
      </c>
      <c r="E62" s="21">
        <v>6</v>
      </c>
      <c r="F62" s="22">
        <v>5</v>
      </c>
      <c r="G62" s="23">
        <v>1</v>
      </c>
      <c r="H62" s="22">
        <v>123</v>
      </c>
      <c r="I62" s="22">
        <v>62</v>
      </c>
      <c r="J62" s="22">
        <v>61</v>
      </c>
      <c r="K62" s="21">
        <v>108</v>
      </c>
      <c r="L62" s="53">
        <v>57</v>
      </c>
      <c r="M62" s="54">
        <v>51</v>
      </c>
    </row>
    <row r="63" spans="1:13">
      <c r="A63" s="20" t="s">
        <v>70</v>
      </c>
      <c r="B63" s="21">
        <v>28</v>
      </c>
      <c r="C63" s="22">
        <v>6</v>
      </c>
      <c r="D63" s="22">
        <v>22</v>
      </c>
      <c r="E63" s="21">
        <v>1</v>
      </c>
      <c r="F63" s="22">
        <v>0</v>
      </c>
      <c r="G63" s="23">
        <v>1</v>
      </c>
      <c r="H63" s="22">
        <v>110</v>
      </c>
      <c r="I63" s="22">
        <v>50</v>
      </c>
      <c r="J63" s="22">
        <v>60</v>
      </c>
      <c r="K63" s="21">
        <v>81</v>
      </c>
      <c r="L63" s="53">
        <v>44</v>
      </c>
      <c r="M63" s="54">
        <v>37</v>
      </c>
    </row>
    <row r="64" spans="1:13">
      <c r="A64" s="20" t="s">
        <v>71</v>
      </c>
      <c r="B64" s="21">
        <v>37</v>
      </c>
      <c r="C64" s="22">
        <v>9</v>
      </c>
      <c r="D64" s="22">
        <v>28</v>
      </c>
      <c r="E64" s="21">
        <v>4</v>
      </c>
      <c r="F64" s="22">
        <v>4</v>
      </c>
      <c r="G64" s="23">
        <v>0</v>
      </c>
      <c r="H64" s="22">
        <v>115</v>
      </c>
      <c r="I64" s="22">
        <v>55</v>
      </c>
      <c r="J64" s="22">
        <v>60</v>
      </c>
      <c r="K64" s="21">
        <v>74</v>
      </c>
      <c r="L64" s="53">
        <v>42</v>
      </c>
      <c r="M64" s="54">
        <v>32</v>
      </c>
    </row>
    <row r="65" spans="1:13">
      <c r="A65" s="24" t="s">
        <v>72</v>
      </c>
      <c r="B65" s="25">
        <v>0</v>
      </c>
      <c r="C65" s="26">
        <v>-5</v>
      </c>
      <c r="D65" s="26">
        <v>5</v>
      </c>
      <c r="E65" s="25">
        <v>4</v>
      </c>
      <c r="F65" s="26">
        <v>2</v>
      </c>
      <c r="G65" s="27">
        <v>2</v>
      </c>
      <c r="H65" s="26">
        <v>99</v>
      </c>
      <c r="I65" s="26">
        <v>48</v>
      </c>
      <c r="J65" s="26">
        <v>51</v>
      </c>
      <c r="K65" s="25">
        <v>95</v>
      </c>
      <c r="L65" s="55">
        <v>51</v>
      </c>
      <c r="M65" s="56">
        <v>44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303</v>
      </c>
      <c r="C69" s="58">
        <v>694</v>
      </c>
      <c r="D69" s="59">
        <v>60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303</v>
      </c>
      <c r="C70" s="61">
        <v>694</v>
      </c>
      <c r="D70" s="62">
        <v>609</v>
      </c>
    </row>
    <row r="71" spans="1:13">
      <c r="A71" s="24" t="s">
        <v>14</v>
      </c>
      <c r="B71" s="63">
        <v>1303</v>
      </c>
      <c r="C71" s="64">
        <v>694</v>
      </c>
      <c r="D71" s="65">
        <v>609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7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32</v>
      </c>
      <c r="C77" s="18">
        <v>-40</v>
      </c>
      <c r="D77" s="18">
        <v>8</v>
      </c>
      <c r="E77" s="17">
        <v>25</v>
      </c>
      <c r="F77" s="18">
        <v>17</v>
      </c>
      <c r="G77" s="19">
        <v>8</v>
      </c>
      <c r="H77" s="18">
        <v>371</v>
      </c>
      <c r="I77" s="18">
        <v>196</v>
      </c>
      <c r="J77" s="18">
        <v>175</v>
      </c>
      <c r="K77" s="17">
        <v>378</v>
      </c>
      <c r="L77" s="51">
        <v>219</v>
      </c>
      <c r="M77" s="52">
        <v>159</v>
      </c>
    </row>
    <row r="78" spans="1:13">
      <c r="A78" s="40" t="s">
        <v>81</v>
      </c>
      <c r="B78" s="21">
        <v>13</v>
      </c>
      <c r="C78" s="22">
        <v>7</v>
      </c>
      <c r="D78" s="22">
        <v>6</v>
      </c>
      <c r="E78" s="21">
        <v>4</v>
      </c>
      <c r="F78" s="22">
        <v>2</v>
      </c>
      <c r="G78" s="23">
        <v>2</v>
      </c>
      <c r="H78" s="22">
        <v>91</v>
      </c>
      <c r="I78" s="22">
        <v>52</v>
      </c>
      <c r="J78" s="22">
        <v>39</v>
      </c>
      <c r="K78" s="21">
        <v>74</v>
      </c>
      <c r="L78" s="53">
        <v>43</v>
      </c>
      <c r="M78" s="54">
        <v>31</v>
      </c>
    </row>
    <row r="79" spans="1:13">
      <c r="A79" s="40" t="s">
        <v>82</v>
      </c>
      <c r="B79" s="21">
        <v>-14</v>
      </c>
      <c r="C79" s="22">
        <v>-19</v>
      </c>
      <c r="D79" s="22">
        <v>5</v>
      </c>
      <c r="E79" s="21">
        <v>2</v>
      </c>
      <c r="F79" s="22">
        <v>2</v>
      </c>
      <c r="G79" s="23">
        <v>0</v>
      </c>
      <c r="H79" s="22">
        <v>81</v>
      </c>
      <c r="I79" s="22">
        <v>35</v>
      </c>
      <c r="J79" s="22">
        <v>46</v>
      </c>
      <c r="K79" s="21">
        <v>93</v>
      </c>
      <c r="L79" s="53">
        <v>52</v>
      </c>
      <c r="M79" s="54">
        <v>41</v>
      </c>
    </row>
    <row r="80" spans="1:13">
      <c r="A80" s="40" t="s">
        <v>83</v>
      </c>
      <c r="B80" s="21">
        <v>-2</v>
      </c>
      <c r="C80" s="22">
        <v>-10</v>
      </c>
      <c r="D80" s="22">
        <v>8</v>
      </c>
      <c r="E80" s="21">
        <v>7</v>
      </c>
      <c r="F80" s="22">
        <v>6</v>
      </c>
      <c r="G80" s="23">
        <v>1</v>
      </c>
      <c r="H80" s="22">
        <v>61</v>
      </c>
      <c r="I80" s="22">
        <v>28</v>
      </c>
      <c r="J80" s="22">
        <v>33</v>
      </c>
      <c r="K80" s="21">
        <v>56</v>
      </c>
      <c r="L80" s="53">
        <v>32</v>
      </c>
      <c r="M80" s="54">
        <v>24</v>
      </c>
    </row>
    <row r="81" spans="1:13">
      <c r="A81" s="40" t="s">
        <v>84</v>
      </c>
      <c r="B81" s="21">
        <v>-19</v>
      </c>
      <c r="C81" s="22">
        <v>-7</v>
      </c>
      <c r="D81" s="22">
        <v>-12</v>
      </c>
      <c r="E81" s="21">
        <v>6</v>
      </c>
      <c r="F81" s="22">
        <v>4</v>
      </c>
      <c r="G81" s="23">
        <v>2</v>
      </c>
      <c r="H81" s="22">
        <v>58</v>
      </c>
      <c r="I81" s="22">
        <v>40</v>
      </c>
      <c r="J81" s="22">
        <v>18</v>
      </c>
      <c r="K81" s="21">
        <v>71</v>
      </c>
      <c r="L81" s="53">
        <v>43</v>
      </c>
      <c r="M81" s="54">
        <v>28</v>
      </c>
    </row>
    <row r="82" spans="1:13">
      <c r="A82" s="40" t="s">
        <v>85</v>
      </c>
      <c r="B82" s="21">
        <v>-10</v>
      </c>
      <c r="C82" s="22">
        <v>-11</v>
      </c>
      <c r="D82" s="22">
        <v>1</v>
      </c>
      <c r="E82" s="21">
        <v>6</v>
      </c>
      <c r="F82" s="22">
        <v>3</v>
      </c>
      <c r="G82" s="23">
        <v>3</v>
      </c>
      <c r="H82" s="22">
        <v>80</v>
      </c>
      <c r="I82" s="22">
        <v>41</v>
      </c>
      <c r="J82" s="22">
        <v>39</v>
      </c>
      <c r="K82" s="21">
        <v>84</v>
      </c>
      <c r="L82" s="53">
        <v>49</v>
      </c>
      <c r="M82" s="54">
        <v>35</v>
      </c>
    </row>
    <row r="83" spans="1:13" ht="19.5" customHeight="1">
      <c r="A83" s="34" t="s">
        <v>86</v>
      </c>
      <c r="B83" s="17">
        <v>-31</v>
      </c>
      <c r="C83" s="18">
        <v>-16</v>
      </c>
      <c r="D83" s="18">
        <v>-15</v>
      </c>
      <c r="E83" s="17">
        <v>28</v>
      </c>
      <c r="F83" s="18">
        <v>18</v>
      </c>
      <c r="G83" s="19">
        <v>10</v>
      </c>
      <c r="H83" s="18">
        <v>283</v>
      </c>
      <c r="I83" s="18">
        <v>161</v>
      </c>
      <c r="J83" s="18">
        <v>122</v>
      </c>
      <c r="K83" s="17">
        <v>286</v>
      </c>
      <c r="L83" s="51">
        <v>159</v>
      </c>
      <c r="M83" s="52">
        <v>127</v>
      </c>
    </row>
    <row r="84" spans="1:13">
      <c r="A84" s="40" t="s">
        <v>87</v>
      </c>
      <c r="B84" s="21">
        <v>-3</v>
      </c>
      <c r="C84" s="22">
        <v>-4</v>
      </c>
      <c r="D84" s="22">
        <v>1</v>
      </c>
      <c r="E84" s="21">
        <v>3</v>
      </c>
      <c r="F84" s="22">
        <v>2</v>
      </c>
      <c r="G84" s="23">
        <v>1</v>
      </c>
      <c r="H84" s="22">
        <v>70</v>
      </c>
      <c r="I84" s="22">
        <v>38</v>
      </c>
      <c r="J84" s="22">
        <v>32</v>
      </c>
      <c r="K84" s="21">
        <v>70</v>
      </c>
      <c r="L84" s="53">
        <v>40</v>
      </c>
      <c r="M84" s="54">
        <v>30</v>
      </c>
    </row>
    <row r="85" spans="1:13">
      <c r="A85" s="40" t="s">
        <v>88</v>
      </c>
      <c r="B85" s="21">
        <v>-7</v>
      </c>
      <c r="C85" s="22">
        <v>-9</v>
      </c>
      <c r="D85" s="22">
        <v>2</v>
      </c>
      <c r="E85" s="21">
        <v>2</v>
      </c>
      <c r="F85" s="22">
        <v>2</v>
      </c>
      <c r="G85" s="23">
        <v>0</v>
      </c>
      <c r="H85" s="22">
        <v>57</v>
      </c>
      <c r="I85" s="22">
        <v>31</v>
      </c>
      <c r="J85" s="22">
        <v>26</v>
      </c>
      <c r="K85" s="21">
        <v>62</v>
      </c>
      <c r="L85" s="53">
        <v>38</v>
      </c>
      <c r="M85" s="54">
        <v>24</v>
      </c>
    </row>
    <row r="86" spans="1:13">
      <c r="A86" s="40" t="s">
        <v>89</v>
      </c>
      <c r="B86" s="21">
        <v>-17</v>
      </c>
      <c r="C86" s="22">
        <v>-2</v>
      </c>
      <c r="D86" s="22">
        <v>-15</v>
      </c>
      <c r="E86" s="21">
        <v>6</v>
      </c>
      <c r="F86" s="22">
        <v>1</v>
      </c>
      <c r="G86" s="23">
        <v>5</v>
      </c>
      <c r="H86" s="22">
        <v>43</v>
      </c>
      <c r="I86" s="22">
        <v>25</v>
      </c>
      <c r="J86" s="22">
        <v>18</v>
      </c>
      <c r="K86" s="21">
        <v>54</v>
      </c>
      <c r="L86" s="53">
        <v>26</v>
      </c>
      <c r="M86" s="54">
        <v>28</v>
      </c>
    </row>
    <row r="87" spans="1:13">
      <c r="A87" s="40" t="s">
        <v>90</v>
      </c>
      <c r="B87" s="21">
        <v>-1</v>
      </c>
      <c r="C87" s="22">
        <v>4</v>
      </c>
      <c r="D87" s="22">
        <v>-5</v>
      </c>
      <c r="E87" s="21">
        <v>8</v>
      </c>
      <c r="F87" s="22">
        <v>5</v>
      </c>
      <c r="G87" s="23">
        <v>3</v>
      </c>
      <c r="H87" s="22">
        <v>70</v>
      </c>
      <c r="I87" s="22">
        <v>44</v>
      </c>
      <c r="J87" s="22">
        <v>26</v>
      </c>
      <c r="K87" s="21">
        <v>63</v>
      </c>
      <c r="L87" s="53">
        <v>35</v>
      </c>
      <c r="M87" s="54">
        <v>28</v>
      </c>
    </row>
    <row r="88" spans="1:13">
      <c r="A88" s="40" t="s">
        <v>91</v>
      </c>
      <c r="B88" s="21">
        <v>-3</v>
      </c>
      <c r="C88" s="22">
        <v>-5</v>
      </c>
      <c r="D88" s="22">
        <v>2</v>
      </c>
      <c r="E88" s="21">
        <v>9</v>
      </c>
      <c r="F88" s="22">
        <v>8</v>
      </c>
      <c r="G88" s="23">
        <v>1</v>
      </c>
      <c r="H88" s="22">
        <v>43</v>
      </c>
      <c r="I88" s="22">
        <v>23</v>
      </c>
      <c r="J88" s="22">
        <v>20</v>
      </c>
      <c r="K88" s="21">
        <v>37</v>
      </c>
      <c r="L88" s="53">
        <v>20</v>
      </c>
      <c r="M88" s="54">
        <v>17</v>
      </c>
    </row>
    <row r="89" spans="1:13" ht="19.5" customHeight="1">
      <c r="A89" s="34" t="s">
        <v>92</v>
      </c>
      <c r="B89" s="17">
        <v>-80</v>
      </c>
      <c r="C89" s="18">
        <v>-43</v>
      </c>
      <c r="D89" s="18">
        <v>-37</v>
      </c>
      <c r="E89" s="17">
        <v>41</v>
      </c>
      <c r="F89" s="18">
        <v>27</v>
      </c>
      <c r="G89" s="19">
        <v>14</v>
      </c>
      <c r="H89" s="18">
        <v>208</v>
      </c>
      <c r="I89" s="18">
        <v>120</v>
      </c>
      <c r="J89" s="18">
        <v>88</v>
      </c>
      <c r="K89" s="17">
        <v>247</v>
      </c>
      <c r="L89" s="51">
        <v>136</v>
      </c>
      <c r="M89" s="52">
        <v>111</v>
      </c>
    </row>
    <row r="90" spans="1:13">
      <c r="A90" s="40" t="s">
        <v>93</v>
      </c>
      <c r="B90" s="21">
        <v>-6</v>
      </c>
      <c r="C90" s="22">
        <v>-3</v>
      </c>
      <c r="D90" s="22">
        <v>-3</v>
      </c>
      <c r="E90" s="21">
        <v>8</v>
      </c>
      <c r="F90" s="22">
        <v>8</v>
      </c>
      <c r="G90" s="23">
        <v>0</v>
      </c>
      <c r="H90" s="22">
        <v>63</v>
      </c>
      <c r="I90" s="22">
        <v>39</v>
      </c>
      <c r="J90" s="22">
        <v>24</v>
      </c>
      <c r="K90" s="21">
        <v>61</v>
      </c>
      <c r="L90" s="53">
        <v>34</v>
      </c>
      <c r="M90" s="54">
        <v>27</v>
      </c>
    </row>
    <row r="91" spans="1:13">
      <c r="A91" s="40" t="s">
        <v>94</v>
      </c>
      <c r="B91" s="21">
        <v>-14</v>
      </c>
      <c r="C91" s="22">
        <v>-9</v>
      </c>
      <c r="D91" s="22">
        <v>-5</v>
      </c>
      <c r="E91" s="21">
        <v>8</v>
      </c>
      <c r="F91" s="22">
        <v>3</v>
      </c>
      <c r="G91" s="23">
        <v>5</v>
      </c>
      <c r="H91" s="22">
        <v>50</v>
      </c>
      <c r="I91" s="22">
        <v>23</v>
      </c>
      <c r="J91" s="22">
        <v>27</v>
      </c>
      <c r="K91" s="21">
        <v>56</v>
      </c>
      <c r="L91" s="53">
        <v>29</v>
      </c>
      <c r="M91" s="54">
        <v>27</v>
      </c>
    </row>
    <row r="92" spans="1:13">
      <c r="A92" s="40" t="s">
        <v>95</v>
      </c>
      <c r="B92" s="21">
        <v>-17</v>
      </c>
      <c r="C92" s="22">
        <v>-8</v>
      </c>
      <c r="D92" s="22">
        <v>-9</v>
      </c>
      <c r="E92" s="21">
        <v>8</v>
      </c>
      <c r="F92" s="22">
        <v>6</v>
      </c>
      <c r="G92" s="23">
        <v>2</v>
      </c>
      <c r="H92" s="22">
        <v>34</v>
      </c>
      <c r="I92" s="22">
        <v>20</v>
      </c>
      <c r="J92" s="22">
        <v>14</v>
      </c>
      <c r="K92" s="21">
        <v>43</v>
      </c>
      <c r="L92" s="53">
        <v>22</v>
      </c>
      <c r="M92" s="54">
        <v>21</v>
      </c>
    </row>
    <row r="93" spans="1:13">
      <c r="A93" s="40" t="s">
        <v>96</v>
      </c>
      <c r="B93" s="21">
        <v>-8</v>
      </c>
      <c r="C93" s="22">
        <v>-6</v>
      </c>
      <c r="D93" s="22">
        <v>-2</v>
      </c>
      <c r="E93" s="21">
        <v>12</v>
      </c>
      <c r="F93" s="22">
        <v>7</v>
      </c>
      <c r="G93" s="23">
        <v>5</v>
      </c>
      <c r="H93" s="22">
        <v>40</v>
      </c>
      <c r="I93" s="22">
        <v>24</v>
      </c>
      <c r="J93" s="22">
        <v>16</v>
      </c>
      <c r="K93" s="21">
        <v>36</v>
      </c>
      <c r="L93" s="53">
        <v>23</v>
      </c>
      <c r="M93" s="54">
        <v>13</v>
      </c>
    </row>
    <row r="94" spans="1:13">
      <c r="A94" s="40" t="s">
        <v>97</v>
      </c>
      <c r="B94" s="21">
        <v>-35</v>
      </c>
      <c r="C94" s="22">
        <v>-17</v>
      </c>
      <c r="D94" s="22">
        <v>-18</v>
      </c>
      <c r="E94" s="21">
        <v>5</v>
      </c>
      <c r="F94" s="22">
        <v>3</v>
      </c>
      <c r="G94" s="23">
        <v>2</v>
      </c>
      <c r="H94" s="22">
        <v>21</v>
      </c>
      <c r="I94" s="22">
        <v>14</v>
      </c>
      <c r="J94" s="22">
        <v>7</v>
      </c>
      <c r="K94" s="21">
        <v>51</v>
      </c>
      <c r="L94" s="53">
        <v>28</v>
      </c>
      <c r="M94" s="54">
        <v>23</v>
      </c>
    </row>
    <row r="95" spans="1:13" ht="19.5" customHeight="1">
      <c r="A95" s="34" t="s">
        <v>98</v>
      </c>
      <c r="B95" s="17">
        <v>-68</v>
      </c>
      <c r="C95" s="18">
        <v>-42</v>
      </c>
      <c r="D95" s="18">
        <v>-26</v>
      </c>
      <c r="E95" s="17">
        <v>69</v>
      </c>
      <c r="F95" s="18">
        <v>46</v>
      </c>
      <c r="G95" s="19">
        <v>23</v>
      </c>
      <c r="H95" s="18">
        <v>167</v>
      </c>
      <c r="I95" s="18">
        <v>92</v>
      </c>
      <c r="J95" s="18">
        <v>75</v>
      </c>
      <c r="K95" s="17">
        <v>166</v>
      </c>
      <c r="L95" s="51">
        <v>88</v>
      </c>
      <c r="M95" s="52">
        <v>78</v>
      </c>
    </row>
    <row r="96" spans="1:13">
      <c r="A96" s="40" t="s">
        <v>99</v>
      </c>
      <c r="B96" s="21">
        <v>-4</v>
      </c>
      <c r="C96" s="22">
        <v>-9</v>
      </c>
      <c r="D96" s="22">
        <v>5</v>
      </c>
      <c r="E96" s="21">
        <v>10</v>
      </c>
      <c r="F96" s="22">
        <v>9</v>
      </c>
      <c r="G96" s="23">
        <v>1</v>
      </c>
      <c r="H96" s="22">
        <v>37</v>
      </c>
      <c r="I96" s="22">
        <v>19</v>
      </c>
      <c r="J96" s="22">
        <v>18</v>
      </c>
      <c r="K96" s="21">
        <v>31</v>
      </c>
      <c r="L96" s="53">
        <v>19</v>
      </c>
      <c r="M96" s="54">
        <v>12</v>
      </c>
    </row>
    <row r="97" spans="1:13">
      <c r="A97" s="40" t="s">
        <v>100</v>
      </c>
      <c r="B97" s="21">
        <v>-23</v>
      </c>
      <c r="C97" s="22">
        <v>-8</v>
      </c>
      <c r="D97" s="22">
        <v>-15</v>
      </c>
      <c r="E97" s="21">
        <v>8</v>
      </c>
      <c r="F97" s="22">
        <v>6</v>
      </c>
      <c r="G97" s="23">
        <v>2</v>
      </c>
      <c r="H97" s="22">
        <v>27</v>
      </c>
      <c r="I97" s="22">
        <v>17</v>
      </c>
      <c r="J97" s="22">
        <v>10</v>
      </c>
      <c r="K97" s="21">
        <v>42</v>
      </c>
      <c r="L97" s="53">
        <v>19</v>
      </c>
      <c r="M97" s="54">
        <v>23</v>
      </c>
    </row>
    <row r="98" spans="1:13">
      <c r="A98" s="40" t="s">
        <v>101</v>
      </c>
      <c r="B98" s="21">
        <v>2</v>
      </c>
      <c r="C98" s="22">
        <v>3</v>
      </c>
      <c r="D98" s="22">
        <v>-1</v>
      </c>
      <c r="E98" s="21">
        <v>13</v>
      </c>
      <c r="F98" s="22">
        <v>7</v>
      </c>
      <c r="G98" s="23">
        <v>6</v>
      </c>
      <c r="H98" s="22">
        <v>37</v>
      </c>
      <c r="I98" s="22">
        <v>22</v>
      </c>
      <c r="J98" s="22">
        <v>15</v>
      </c>
      <c r="K98" s="21">
        <v>22</v>
      </c>
      <c r="L98" s="53">
        <v>12</v>
      </c>
      <c r="M98" s="54">
        <v>10</v>
      </c>
    </row>
    <row r="99" spans="1:13">
      <c r="A99" s="40" t="s">
        <v>102</v>
      </c>
      <c r="B99" s="21">
        <v>-18</v>
      </c>
      <c r="C99" s="22">
        <v>-17</v>
      </c>
      <c r="D99" s="22">
        <v>-1</v>
      </c>
      <c r="E99" s="21">
        <v>20</v>
      </c>
      <c r="F99" s="22">
        <v>15</v>
      </c>
      <c r="G99" s="23">
        <v>5</v>
      </c>
      <c r="H99" s="22">
        <v>37</v>
      </c>
      <c r="I99" s="22">
        <v>18</v>
      </c>
      <c r="J99" s="22">
        <v>19</v>
      </c>
      <c r="K99" s="21">
        <v>35</v>
      </c>
      <c r="L99" s="53">
        <v>20</v>
      </c>
      <c r="M99" s="54">
        <v>15</v>
      </c>
    </row>
    <row r="100" spans="1:13">
      <c r="A100" s="40" t="s">
        <v>103</v>
      </c>
      <c r="B100" s="21">
        <v>-25</v>
      </c>
      <c r="C100" s="22">
        <v>-11</v>
      </c>
      <c r="D100" s="22">
        <v>-14</v>
      </c>
      <c r="E100" s="21">
        <v>18</v>
      </c>
      <c r="F100" s="22">
        <v>9</v>
      </c>
      <c r="G100" s="23">
        <v>9</v>
      </c>
      <c r="H100" s="22">
        <v>29</v>
      </c>
      <c r="I100" s="22">
        <v>16</v>
      </c>
      <c r="J100" s="22">
        <v>13</v>
      </c>
      <c r="K100" s="21">
        <v>36</v>
      </c>
      <c r="L100" s="53">
        <v>18</v>
      </c>
      <c r="M100" s="54">
        <v>18</v>
      </c>
    </row>
    <row r="101" spans="1:13" ht="19.5" customHeight="1">
      <c r="A101" s="34" t="s">
        <v>104</v>
      </c>
      <c r="B101" s="17">
        <v>-58</v>
      </c>
      <c r="C101" s="18">
        <v>-35</v>
      </c>
      <c r="D101" s="18">
        <v>-23</v>
      </c>
      <c r="E101" s="17">
        <v>105</v>
      </c>
      <c r="F101" s="18">
        <v>64</v>
      </c>
      <c r="G101" s="19">
        <v>41</v>
      </c>
      <c r="H101" s="18">
        <v>153</v>
      </c>
      <c r="I101" s="18">
        <v>80</v>
      </c>
      <c r="J101" s="18">
        <v>73</v>
      </c>
      <c r="K101" s="17">
        <v>106</v>
      </c>
      <c r="L101" s="51">
        <v>51</v>
      </c>
      <c r="M101" s="52">
        <v>55</v>
      </c>
    </row>
    <row r="102" spans="1:13">
      <c r="A102" s="40" t="s">
        <v>105</v>
      </c>
      <c r="B102" s="21">
        <v>-8</v>
      </c>
      <c r="C102" s="22">
        <v>2</v>
      </c>
      <c r="D102" s="22">
        <v>-10</v>
      </c>
      <c r="E102" s="21">
        <v>22</v>
      </c>
      <c r="F102" s="22">
        <v>10</v>
      </c>
      <c r="G102" s="23">
        <v>12</v>
      </c>
      <c r="H102" s="22">
        <v>43</v>
      </c>
      <c r="I102" s="22">
        <v>26</v>
      </c>
      <c r="J102" s="22">
        <v>17</v>
      </c>
      <c r="K102" s="21">
        <v>29</v>
      </c>
      <c r="L102" s="53">
        <v>14</v>
      </c>
      <c r="M102" s="54">
        <v>15</v>
      </c>
    </row>
    <row r="103" spans="1:13">
      <c r="A103" s="40" t="s">
        <v>106</v>
      </c>
      <c r="B103" s="21">
        <v>-13</v>
      </c>
      <c r="C103" s="22">
        <v>-13</v>
      </c>
      <c r="D103" s="22">
        <v>0</v>
      </c>
      <c r="E103" s="21">
        <v>22</v>
      </c>
      <c r="F103" s="22">
        <v>20</v>
      </c>
      <c r="G103" s="23">
        <v>2</v>
      </c>
      <c r="H103" s="22">
        <v>34</v>
      </c>
      <c r="I103" s="22">
        <v>18</v>
      </c>
      <c r="J103" s="22">
        <v>16</v>
      </c>
      <c r="K103" s="21">
        <v>25</v>
      </c>
      <c r="L103" s="53">
        <v>11</v>
      </c>
      <c r="M103" s="54">
        <v>14</v>
      </c>
    </row>
    <row r="104" spans="1:13">
      <c r="A104" s="40" t="s">
        <v>107</v>
      </c>
      <c r="B104" s="21">
        <v>-12</v>
      </c>
      <c r="C104" s="22">
        <v>-6</v>
      </c>
      <c r="D104" s="22">
        <v>-6</v>
      </c>
      <c r="E104" s="21">
        <v>22</v>
      </c>
      <c r="F104" s="22">
        <v>12</v>
      </c>
      <c r="G104" s="23">
        <v>10</v>
      </c>
      <c r="H104" s="22">
        <v>31</v>
      </c>
      <c r="I104" s="22">
        <v>15</v>
      </c>
      <c r="J104" s="22">
        <v>16</v>
      </c>
      <c r="K104" s="21">
        <v>21</v>
      </c>
      <c r="L104" s="53">
        <v>9</v>
      </c>
      <c r="M104" s="54">
        <v>12</v>
      </c>
    </row>
    <row r="105" spans="1:13">
      <c r="A105" s="40" t="s">
        <v>108</v>
      </c>
      <c r="B105" s="21">
        <v>1</v>
      </c>
      <c r="C105" s="22">
        <v>-3</v>
      </c>
      <c r="D105" s="22">
        <v>4</v>
      </c>
      <c r="E105" s="21">
        <v>15</v>
      </c>
      <c r="F105" s="22">
        <v>8</v>
      </c>
      <c r="G105" s="23">
        <v>7</v>
      </c>
      <c r="H105" s="22">
        <v>32</v>
      </c>
      <c r="I105" s="22">
        <v>12</v>
      </c>
      <c r="J105" s="22">
        <v>20</v>
      </c>
      <c r="K105" s="21">
        <v>16</v>
      </c>
      <c r="L105" s="53">
        <v>7</v>
      </c>
      <c r="M105" s="54">
        <v>9</v>
      </c>
    </row>
    <row r="106" spans="1:13">
      <c r="A106" s="40" t="s">
        <v>109</v>
      </c>
      <c r="B106" s="21">
        <v>-26</v>
      </c>
      <c r="C106" s="22">
        <v>-15</v>
      </c>
      <c r="D106" s="22">
        <v>-11</v>
      </c>
      <c r="E106" s="21">
        <v>24</v>
      </c>
      <c r="F106" s="22">
        <v>14</v>
      </c>
      <c r="G106" s="23">
        <v>10</v>
      </c>
      <c r="H106" s="22">
        <v>13</v>
      </c>
      <c r="I106" s="22">
        <v>9</v>
      </c>
      <c r="J106" s="22">
        <v>4</v>
      </c>
      <c r="K106" s="21">
        <v>15</v>
      </c>
      <c r="L106" s="53">
        <v>10</v>
      </c>
      <c r="M106" s="54">
        <v>5</v>
      </c>
    </row>
    <row r="107" spans="1:13" ht="19.5" customHeight="1">
      <c r="A107" s="34" t="s">
        <v>110</v>
      </c>
      <c r="B107" s="17">
        <v>-122</v>
      </c>
      <c r="C107" s="18">
        <v>-81</v>
      </c>
      <c r="D107" s="18">
        <v>-41</v>
      </c>
      <c r="E107" s="17">
        <v>145</v>
      </c>
      <c r="F107" s="18">
        <v>89</v>
      </c>
      <c r="G107" s="19">
        <v>56</v>
      </c>
      <c r="H107" s="18">
        <v>129</v>
      </c>
      <c r="I107" s="18">
        <v>55</v>
      </c>
      <c r="J107" s="18">
        <v>74</v>
      </c>
      <c r="K107" s="17">
        <v>106</v>
      </c>
      <c r="L107" s="51">
        <v>47</v>
      </c>
      <c r="M107" s="52">
        <v>59</v>
      </c>
    </row>
    <row r="108" spans="1:13">
      <c r="A108" s="40" t="s">
        <v>111</v>
      </c>
      <c r="B108" s="21">
        <v>-25</v>
      </c>
      <c r="C108" s="22">
        <v>-17</v>
      </c>
      <c r="D108" s="22">
        <v>-8</v>
      </c>
      <c r="E108" s="21">
        <v>27</v>
      </c>
      <c r="F108" s="22">
        <v>16</v>
      </c>
      <c r="G108" s="23">
        <v>11</v>
      </c>
      <c r="H108" s="22">
        <v>31</v>
      </c>
      <c r="I108" s="22">
        <v>15</v>
      </c>
      <c r="J108" s="22">
        <v>16</v>
      </c>
      <c r="K108" s="21">
        <v>29</v>
      </c>
      <c r="L108" s="53">
        <v>16</v>
      </c>
      <c r="M108" s="54">
        <v>13</v>
      </c>
    </row>
    <row r="109" spans="1:13">
      <c r="A109" s="40" t="s">
        <v>112</v>
      </c>
      <c r="B109" s="21">
        <v>-26</v>
      </c>
      <c r="C109" s="22">
        <v>-20</v>
      </c>
      <c r="D109" s="22">
        <v>-6</v>
      </c>
      <c r="E109" s="21">
        <v>32</v>
      </c>
      <c r="F109" s="22">
        <v>23</v>
      </c>
      <c r="G109" s="23">
        <v>9</v>
      </c>
      <c r="H109" s="22">
        <v>32</v>
      </c>
      <c r="I109" s="22">
        <v>13</v>
      </c>
      <c r="J109" s="22">
        <v>19</v>
      </c>
      <c r="K109" s="21">
        <v>26</v>
      </c>
      <c r="L109" s="53">
        <v>10</v>
      </c>
      <c r="M109" s="54">
        <v>16</v>
      </c>
    </row>
    <row r="110" spans="1:13">
      <c r="A110" s="40" t="s">
        <v>113</v>
      </c>
      <c r="B110" s="21">
        <v>-20</v>
      </c>
      <c r="C110" s="22">
        <v>-13</v>
      </c>
      <c r="D110" s="22">
        <v>-7</v>
      </c>
      <c r="E110" s="21">
        <v>23</v>
      </c>
      <c r="F110" s="22">
        <v>14</v>
      </c>
      <c r="G110" s="23">
        <v>9</v>
      </c>
      <c r="H110" s="22">
        <v>21</v>
      </c>
      <c r="I110" s="22">
        <v>9</v>
      </c>
      <c r="J110" s="22">
        <v>12</v>
      </c>
      <c r="K110" s="21">
        <v>18</v>
      </c>
      <c r="L110" s="53">
        <v>8</v>
      </c>
      <c r="M110" s="54">
        <v>10</v>
      </c>
    </row>
    <row r="111" spans="1:13">
      <c r="A111" s="40" t="s">
        <v>114</v>
      </c>
      <c r="B111" s="21">
        <v>-20</v>
      </c>
      <c r="C111" s="22">
        <v>-10</v>
      </c>
      <c r="D111" s="22">
        <v>-10</v>
      </c>
      <c r="E111" s="21">
        <v>31</v>
      </c>
      <c r="F111" s="22">
        <v>14</v>
      </c>
      <c r="G111" s="23">
        <v>17</v>
      </c>
      <c r="H111" s="22">
        <v>25</v>
      </c>
      <c r="I111" s="22">
        <v>11</v>
      </c>
      <c r="J111" s="22">
        <v>14</v>
      </c>
      <c r="K111" s="21">
        <v>14</v>
      </c>
      <c r="L111" s="53">
        <v>7</v>
      </c>
      <c r="M111" s="54">
        <v>7</v>
      </c>
    </row>
    <row r="112" spans="1:13">
      <c r="A112" s="40" t="s">
        <v>115</v>
      </c>
      <c r="B112" s="21">
        <v>-31</v>
      </c>
      <c r="C112" s="22">
        <v>-21</v>
      </c>
      <c r="D112" s="22">
        <v>-10</v>
      </c>
      <c r="E112" s="21">
        <v>32</v>
      </c>
      <c r="F112" s="22">
        <v>22</v>
      </c>
      <c r="G112" s="23">
        <v>10</v>
      </c>
      <c r="H112" s="22">
        <v>20</v>
      </c>
      <c r="I112" s="22">
        <v>7</v>
      </c>
      <c r="J112" s="22">
        <v>13</v>
      </c>
      <c r="K112" s="21">
        <v>19</v>
      </c>
      <c r="L112" s="53">
        <v>6</v>
      </c>
      <c r="M112" s="54">
        <v>13</v>
      </c>
    </row>
    <row r="113" spans="1:13" ht="19.5" customHeight="1">
      <c r="A113" s="34" t="s">
        <v>116</v>
      </c>
      <c r="B113" s="17">
        <v>-177</v>
      </c>
      <c r="C113" s="18">
        <v>-121</v>
      </c>
      <c r="D113" s="18">
        <v>-56</v>
      </c>
      <c r="E113" s="17">
        <v>194</v>
      </c>
      <c r="F113" s="18">
        <v>121</v>
      </c>
      <c r="G113" s="19">
        <v>73</v>
      </c>
      <c r="H113" s="18">
        <v>96</v>
      </c>
      <c r="I113" s="18">
        <v>26</v>
      </c>
      <c r="J113" s="18">
        <v>70</v>
      </c>
      <c r="K113" s="17">
        <v>79</v>
      </c>
      <c r="L113" s="51">
        <v>26</v>
      </c>
      <c r="M113" s="52">
        <v>53</v>
      </c>
    </row>
    <row r="114" spans="1:13">
      <c r="A114" s="40" t="s">
        <v>117</v>
      </c>
      <c r="B114" s="21">
        <v>-25</v>
      </c>
      <c r="C114" s="22">
        <v>-20</v>
      </c>
      <c r="D114" s="22">
        <v>-5</v>
      </c>
      <c r="E114" s="21">
        <v>31</v>
      </c>
      <c r="F114" s="22">
        <v>22</v>
      </c>
      <c r="G114" s="23">
        <v>9</v>
      </c>
      <c r="H114" s="22">
        <v>25</v>
      </c>
      <c r="I114" s="22">
        <v>6</v>
      </c>
      <c r="J114" s="22">
        <v>19</v>
      </c>
      <c r="K114" s="21">
        <v>19</v>
      </c>
      <c r="L114" s="53">
        <v>4</v>
      </c>
      <c r="M114" s="54">
        <v>15</v>
      </c>
    </row>
    <row r="115" spans="1:13">
      <c r="A115" s="40" t="s">
        <v>118</v>
      </c>
      <c r="B115" s="21">
        <v>-21</v>
      </c>
      <c r="C115" s="22">
        <v>-18</v>
      </c>
      <c r="D115" s="22">
        <v>-3</v>
      </c>
      <c r="E115" s="21">
        <v>31</v>
      </c>
      <c r="F115" s="22">
        <v>21</v>
      </c>
      <c r="G115" s="23">
        <v>10</v>
      </c>
      <c r="H115" s="22">
        <v>21</v>
      </c>
      <c r="I115" s="22">
        <v>7</v>
      </c>
      <c r="J115" s="22">
        <v>14</v>
      </c>
      <c r="K115" s="21">
        <v>11</v>
      </c>
      <c r="L115" s="53">
        <v>4</v>
      </c>
      <c r="M115" s="54">
        <v>7</v>
      </c>
    </row>
    <row r="116" spans="1:13">
      <c r="A116" s="40" t="s">
        <v>119</v>
      </c>
      <c r="B116" s="21">
        <v>-39</v>
      </c>
      <c r="C116" s="22">
        <v>-25</v>
      </c>
      <c r="D116" s="22">
        <v>-14</v>
      </c>
      <c r="E116" s="21">
        <v>44</v>
      </c>
      <c r="F116" s="22">
        <v>28</v>
      </c>
      <c r="G116" s="23">
        <v>16</v>
      </c>
      <c r="H116" s="22">
        <v>16</v>
      </c>
      <c r="I116" s="22">
        <v>6</v>
      </c>
      <c r="J116" s="22">
        <v>10</v>
      </c>
      <c r="K116" s="21">
        <v>11</v>
      </c>
      <c r="L116" s="53">
        <v>3</v>
      </c>
      <c r="M116" s="54">
        <v>8</v>
      </c>
    </row>
    <row r="117" spans="1:13">
      <c r="A117" s="40" t="s">
        <v>120</v>
      </c>
      <c r="B117" s="21">
        <v>-35</v>
      </c>
      <c r="C117" s="22">
        <v>-29</v>
      </c>
      <c r="D117" s="22">
        <v>-6</v>
      </c>
      <c r="E117" s="21">
        <v>34</v>
      </c>
      <c r="F117" s="22">
        <v>25</v>
      </c>
      <c r="G117" s="23">
        <v>9</v>
      </c>
      <c r="H117" s="22">
        <v>18</v>
      </c>
      <c r="I117" s="22">
        <v>5</v>
      </c>
      <c r="J117" s="22">
        <v>13</v>
      </c>
      <c r="K117" s="21">
        <v>19</v>
      </c>
      <c r="L117" s="53">
        <v>9</v>
      </c>
      <c r="M117" s="54">
        <v>10</v>
      </c>
    </row>
    <row r="118" spans="1:13">
      <c r="A118" s="40" t="s">
        <v>121</v>
      </c>
      <c r="B118" s="21">
        <v>-57</v>
      </c>
      <c r="C118" s="22">
        <v>-29</v>
      </c>
      <c r="D118" s="22">
        <v>-28</v>
      </c>
      <c r="E118" s="21">
        <v>54</v>
      </c>
      <c r="F118" s="22">
        <v>25</v>
      </c>
      <c r="G118" s="23">
        <v>29</v>
      </c>
      <c r="H118" s="22">
        <v>16</v>
      </c>
      <c r="I118" s="22">
        <v>2</v>
      </c>
      <c r="J118" s="22">
        <v>14</v>
      </c>
      <c r="K118" s="21">
        <v>19</v>
      </c>
      <c r="L118" s="53">
        <v>6</v>
      </c>
      <c r="M118" s="54">
        <v>13</v>
      </c>
    </row>
    <row r="119" spans="1:13" ht="19.5" customHeight="1">
      <c r="A119" s="34" t="s">
        <v>122</v>
      </c>
      <c r="B119" s="17">
        <v>-269</v>
      </c>
      <c r="C119" s="18">
        <v>-152</v>
      </c>
      <c r="D119" s="18">
        <v>-117</v>
      </c>
      <c r="E119" s="17">
        <v>306</v>
      </c>
      <c r="F119" s="18">
        <v>155</v>
      </c>
      <c r="G119" s="19">
        <v>151</v>
      </c>
      <c r="H119" s="18">
        <v>107</v>
      </c>
      <c r="I119" s="18">
        <v>29</v>
      </c>
      <c r="J119" s="18">
        <v>78</v>
      </c>
      <c r="K119" s="17">
        <v>70</v>
      </c>
      <c r="L119" s="51">
        <v>26</v>
      </c>
      <c r="M119" s="52">
        <v>44</v>
      </c>
    </row>
    <row r="120" spans="1:13">
      <c r="A120" s="40" t="s">
        <v>123</v>
      </c>
      <c r="B120" s="21">
        <v>-37</v>
      </c>
      <c r="C120" s="22">
        <v>-28</v>
      </c>
      <c r="D120" s="22">
        <v>-9</v>
      </c>
      <c r="E120" s="21">
        <v>46</v>
      </c>
      <c r="F120" s="22">
        <v>27</v>
      </c>
      <c r="G120" s="23">
        <v>19</v>
      </c>
      <c r="H120" s="22">
        <v>22</v>
      </c>
      <c r="I120" s="22">
        <v>6</v>
      </c>
      <c r="J120" s="22">
        <v>16</v>
      </c>
      <c r="K120" s="21">
        <v>13</v>
      </c>
      <c r="L120" s="53">
        <v>7</v>
      </c>
      <c r="M120" s="54">
        <v>6</v>
      </c>
    </row>
    <row r="121" spans="1:13">
      <c r="A121" s="40" t="s">
        <v>124</v>
      </c>
      <c r="B121" s="21">
        <v>-60</v>
      </c>
      <c r="C121" s="22">
        <v>-32</v>
      </c>
      <c r="D121" s="22">
        <v>-28</v>
      </c>
      <c r="E121" s="21">
        <v>64</v>
      </c>
      <c r="F121" s="22">
        <v>36</v>
      </c>
      <c r="G121" s="23">
        <v>28</v>
      </c>
      <c r="H121" s="22">
        <v>24</v>
      </c>
      <c r="I121" s="22">
        <v>8</v>
      </c>
      <c r="J121" s="22">
        <v>16</v>
      </c>
      <c r="K121" s="21">
        <v>20</v>
      </c>
      <c r="L121" s="53">
        <v>4</v>
      </c>
      <c r="M121" s="54">
        <v>16</v>
      </c>
    </row>
    <row r="122" spans="1:13">
      <c r="A122" s="40" t="s">
        <v>125</v>
      </c>
      <c r="B122" s="21">
        <v>-68</v>
      </c>
      <c r="C122" s="22">
        <v>-43</v>
      </c>
      <c r="D122" s="22">
        <v>-25</v>
      </c>
      <c r="E122" s="21">
        <v>80</v>
      </c>
      <c r="F122" s="22">
        <v>44</v>
      </c>
      <c r="G122" s="23">
        <v>36</v>
      </c>
      <c r="H122" s="22">
        <v>30</v>
      </c>
      <c r="I122" s="22">
        <v>9</v>
      </c>
      <c r="J122" s="22">
        <v>21</v>
      </c>
      <c r="K122" s="21">
        <v>18</v>
      </c>
      <c r="L122" s="53">
        <v>8</v>
      </c>
      <c r="M122" s="54">
        <v>10</v>
      </c>
    </row>
    <row r="123" spans="1:13">
      <c r="A123" s="40" t="s">
        <v>126</v>
      </c>
      <c r="B123" s="21">
        <v>-61</v>
      </c>
      <c r="C123" s="22">
        <v>-31</v>
      </c>
      <c r="D123" s="22">
        <v>-30</v>
      </c>
      <c r="E123" s="21">
        <v>61</v>
      </c>
      <c r="F123" s="22">
        <v>25</v>
      </c>
      <c r="G123" s="23">
        <v>36</v>
      </c>
      <c r="H123" s="22">
        <v>11</v>
      </c>
      <c r="I123" s="22">
        <v>1</v>
      </c>
      <c r="J123" s="22">
        <v>10</v>
      </c>
      <c r="K123" s="21">
        <v>11</v>
      </c>
      <c r="L123" s="53">
        <v>7</v>
      </c>
      <c r="M123" s="54">
        <v>4</v>
      </c>
    </row>
    <row r="124" spans="1:13">
      <c r="A124" s="40" t="s">
        <v>127</v>
      </c>
      <c r="B124" s="21">
        <v>-43</v>
      </c>
      <c r="C124" s="22">
        <v>-18</v>
      </c>
      <c r="D124" s="22">
        <v>-25</v>
      </c>
      <c r="E124" s="21">
        <v>55</v>
      </c>
      <c r="F124" s="22">
        <v>23</v>
      </c>
      <c r="G124" s="23">
        <v>32</v>
      </c>
      <c r="H124" s="22">
        <v>20</v>
      </c>
      <c r="I124" s="22">
        <v>5</v>
      </c>
      <c r="J124" s="22">
        <v>15</v>
      </c>
      <c r="K124" s="21">
        <v>8</v>
      </c>
      <c r="L124" s="53">
        <v>0</v>
      </c>
      <c r="M124" s="54">
        <v>8</v>
      </c>
    </row>
    <row r="125" spans="1:13" ht="19.5" customHeight="1">
      <c r="A125" s="34" t="s">
        <v>128</v>
      </c>
      <c r="B125" s="17">
        <v>-208</v>
      </c>
      <c r="C125" s="18">
        <v>-85</v>
      </c>
      <c r="D125" s="18">
        <v>-123</v>
      </c>
      <c r="E125" s="17">
        <v>245</v>
      </c>
      <c r="F125" s="18">
        <v>97</v>
      </c>
      <c r="G125" s="19">
        <v>148</v>
      </c>
      <c r="H125" s="18">
        <v>71</v>
      </c>
      <c r="I125" s="18">
        <v>18</v>
      </c>
      <c r="J125" s="18">
        <v>53</v>
      </c>
      <c r="K125" s="17">
        <v>34</v>
      </c>
      <c r="L125" s="51">
        <v>6</v>
      </c>
      <c r="M125" s="52">
        <v>28</v>
      </c>
    </row>
    <row r="126" spans="1:13">
      <c r="A126" s="40" t="s">
        <v>129</v>
      </c>
      <c r="B126" s="21">
        <v>-48</v>
      </c>
      <c r="C126" s="22">
        <v>-30</v>
      </c>
      <c r="D126" s="22">
        <v>-18</v>
      </c>
      <c r="E126" s="21">
        <v>55</v>
      </c>
      <c r="F126" s="22">
        <v>29</v>
      </c>
      <c r="G126" s="23">
        <v>26</v>
      </c>
      <c r="H126" s="22">
        <v>17</v>
      </c>
      <c r="I126" s="22">
        <v>1</v>
      </c>
      <c r="J126" s="22">
        <v>16</v>
      </c>
      <c r="K126" s="21">
        <v>10</v>
      </c>
      <c r="L126" s="53">
        <v>2</v>
      </c>
      <c r="M126" s="54">
        <v>8</v>
      </c>
    </row>
    <row r="127" spans="1:13">
      <c r="A127" s="40" t="s">
        <v>130</v>
      </c>
      <c r="B127" s="21">
        <v>-29</v>
      </c>
      <c r="C127" s="22">
        <v>-9</v>
      </c>
      <c r="D127" s="22">
        <v>-20</v>
      </c>
      <c r="E127" s="21">
        <v>41</v>
      </c>
      <c r="F127" s="22">
        <v>13</v>
      </c>
      <c r="G127" s="23">
        <v>28</v>
      </c>
      <c r="H127" s="22">
        <v>18</v>
      </c>
      <c r="I127" s="22">
        <v>7</v>
      </c>
      <c r="J127" s="22">
        <v>11</v>
      </c>
      <c r="K127" s="21">
        <v>6</v>
      </c>
      <c r="L127" s="53">
        <v>3</v>
      </c>
      <c r="M127" s="54">
        <v>3</v>
      </c>
    </row>
    <row r="128" spans="1:13">
      <c r="A128" s="40" t="s">
        <v>131</v>
      </c>
      <c r="B128" s="21">
        <v>-51</v>
      </c>
      <c r="C128" s="22">
        <v>-20</v>
      </c>
      <c r="D128" s="22">
        <v>-31</v>
      </c>
      <c r="E128" s="21">
        <v>57</v>
      </c>
      <c r="F128" s="22">
        <v>21</v>
      </c>
      <c r="G128" s="23">
        <v>36</v>
      </c>
      <c r="H128" s="22">
        <v>13</v>
      </c>
      <c r="I128" s="22">
        <v>2</v>
      </c>
      <c r="J128" s="22">
        <v>11</v>
      </c>
      <c r="K128" s="21">
        <v>7</v>
      </c>
      <c r="L128" s="53">
        <v>1</v>
      </c>
      <c r="M128" s="54">
        <v>6</v>
      </c>
    </row>
    <row r="129" spans="1:13">
      <c r="A129" s="40" t="s">
        <v>132</v>
      </c>
      <c r="B129" s="21">
        <v>-44</v>
      </c>
      <c r="C129" s="22">
        <v>-16</v>
      </c>
      <c r="D129" s="22">
        <v>-28</v>
      </c>
      <c r="E129" s="21">
        <v>49</v>
      </c>
      <c r="F129" s="22">
        <v>21</v>
      </c>
      <c r="G129" s="23">
        <v>28</v>
      </c>
      <c r="H129" s="22">
        <v>12</v>
      </c>
      <c r="I129" s="22">
        <v>5</v>
      </c>
      <c r="J129" s="22">
        <v>7</v>
      </c>
      <c r="K129" s="21">
        <v>7</v>
      </c>
      <c r="L129" s="53">
        <v>0</v>
      </c>
      <c r="M129" s="54">
        <v>7</v>
      </c>
    </row>
    <row r="130" spans="1:13">
      <c r="A130" s="40" t="s">
        <v>133</v>
      </c>
      <c r="B130" s="21">
        <v>-36</v>
      </c>
      <c r="C130" s="22">
        <v>-10</v>
      </c>
      <c r="D130" s="22">
        <v>-26</v>
      </c>
      <c r="E130" s="21">
        <v>43</v>
      </c>
      <c r="F130" s="22">
        <v>13</v>
      </c>
      <c r="G130" s="23">
        <v>30</v>
      </c>
      <c r="H130" s="22">
        <v>11</v>
      </c>
      <c r="I130" s="22">
        <v>3</v>
      </c>
      <c r="J130" s="22">
        <v>8</v>
      </c>
      <c r="K130" s="21">
        <v>4</v>
      </c>
      <c r="L130" s="53">
        <v>0</v>
      </c>
      <c r="M130" s="54">
        <v>4</v>
      </c>
    </row>
    <row r="131" spans="1:13" ht="19.5" customHeight="1">
      <c r="A131" s="34" t="s">
        <v>134</v>
      </c>
      <c r="B131" s="17">
        <v>-135</v>
      </c>
      <c r="C131" s="18">
        <v>-40</v>
      </c>
      <c r="D131" s="18">
        <v>-95</v>
      </c>
      <c r="E131" s="17">
        <v>148</v>
      </c>
      <c r="F131" s="18">
        <v>47</v>
      </c>
      <c r="G131" s="19">
        <v>101</v>
      </c>
      <c r="H131" s="18">
        <v>23</v>
      </c>
      <c r="I131" s="18">
        <v>9</v>
      </c>
      <c r="J131" s="18">
        <v>14</v>
      </c>
      <c r="K131" s="17">
        <v>10</v>
      </c>
      <c r="L131" s="51">
        <v>2</v>
      </c>
      <c r="M131" s="52">
        <v>8</v>
      </c>
    </row>
    <row r="132" spans="1:13">
      <c r="A132" s="40" t="s">
        <v>135</v>
      </c>
      <c r="B132" s="21">
        <v>-40</v>
      </c>
      <c r="C132" s="22">
        <v>-17</v>
      </c>
      <c r="D132" s="22">
        <v>-23</v>
      </c>
      <c r="E132" s="21">
        <v>45</v>
      </c>
      <c r="F132" s="22">
        <v>19</v>
      </c>
      <c r="G132" s="23">
        <v>26</v>
      </c>
      <c r="H132" s="22">
        <v>10</v>
      </c>
      <c r="I132" s="22">
        <v>4</v>
      </c>
      <c r="J132" s="22">
        <v>6</v>
      </c>
      <c r="K132" s="21">
        <v>5</v>
      </c>
      <c r="L132" s="53">
        <v>2</v>
      </c>
      <c r="M132" s="54">
        <v>3</v>
      </c>
    </row>
    <row r="133" spans="1:13">
      <c r="A133" s="40" t="s">
        <v>136</v>
      </c>
      <c r="B133" s="21">
        <v>-35</v>
      </c>
      <c r="C133" s="22">
        <v>-14</v>
      </c>
      <c r="D133" s="22">
        <v>-21</v>
      </c>
      <c r="E133" s="21">
        <v>37</v>
      </c>
      <c r="F133" s="22">
        <v>16</v>
      </c>
      <c r="G133" s="23">
        <v>21</v>
      </c>
      <c r="H133" s="22">
        <v>5</v>
      </c>
      <c r="I133" s="22">
        <v>2</v>
      </c>
      <c r="J133" s="22">
        <v>3</v>
      </c>
      <c r="K133" s="21">
        <v>3</v>
      </c>
      <c r="L133" s="53">
        <v>0</v>
      </c>
      <c r="M133" s="54">
        <v>3</v>
      </c>
    </row>
    <row r="134" spans="1:13">
      <c r="A134" s="40" t="s">
        <v>137</v>
      </c>
      <c r="B134" s="21">
        <v>-20</v>
      </c>
      <c r="C134" s="22">
        <v>-2</v>
      </c>
      <c r="D134" s="22">
        <v>-18</v>
      </c>
      <c r="E134" s="21">
        <v>24</v>
      </c>
      <c r="F134" s="22">
        <v>4</v>
      </c>
      <c r="G134" s="23">
        <v>20</v>
      </c>
      <c r="H134" s="22">
        <v>4</v>
      </c>
      <c r="I134" s="22">
        <v>2</v>
      </c>
      <c r="J134" s="22">
        <v>2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26</v>
      </c>
      <c r="C135" s="22">
        <v>-4</v>
      </c>
      <c r="D135" s="22">
        <v>-22</v>
      </c>
      <c r="E135" s="21">
        <v>27</v>
      </c>
      <c r="F135" s="22">
        <v>5</v>
      </c>
      <c r="G135" s="23">
        <v>22</v>
      </c>
      <c r="H135" s="22">
        <v>3</v>
      </c>
      <c r="I135" s="22">
        <v>1</v>
      </c>
      <c r="J135" s="22">
        <v>2</v>
      </c>
      <c r="K135" s="21">
        <v>2</v>
      </c>
      <c r="L135" s="53">
        <v>0</v>
      </c>
      <c r="M135" s="54">
        <v>2</v>
      </c>
    </row>
    <row r="136" spans="1:13">
      <c r="A136" s="40" t="s">
        <v>139</v>
      </c>
      <c r="B136" s="21">
        <v>-14</v>
      </c>
      <c r="C136" s="22">
        <v>-3</v>
      </c>
      <c r="D136" s="22">
        <v>-11</v>
      </c>
      <c r="E136" s="21">
        <v>15</v>
      </c>
      <c r="F136" s="22">
        <v>3</v>
      </c>
      <c r="G136" s="23">
        <v>12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43</v>
      </c>
      <c r="C137" s="43">
        <v>-9</v>
      </c>
      <c r="D137" s="43">
        <v>-34</v>
      </c>
      <c r="E137" s="42">
        <v>41</v>
      </c>
      <c r="F137" s="43">
        <v>9</v>
      </c>
      <c r="G137" s="44">
        <v>32</v>
      </c>
      <c r="H137" s="43">
        <v>1</v>
      </c>
      <c r="I137" s="43">
        <v>0</v>
      </c>
      <c r="J137" s="43">
        <v>1</v>
      </c>
      <c r="K137" s="42">
        <v>3</v>
      </c>
      <c r="L137" s="67">
        <v>0</v>
      </c>
      <c r="M137" s="68">
        <v>3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8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3" width="9.375" style="3" customWidth="1"/>
    <col min="4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4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4891</v>
      </c>
      <c r="C5" s="14">
        <v>-2511</v>
      </c>
      <c r="D5" s="15">
        <v>-2380</v>
      </c>
      <c r="E5" s="14">
        <v>8668</v>
      </c>
      <c r="F5" s="14">
        <v>4470</v>
      </c>
      <c r="G5" s="15">
        <v>4198</v>
      </c>
      <c r="H5" s="14">
        <v>27976</v>
      </c>
      <c r="I5" s="14">
        <v>15930</v>
      </c>
      <c r="J5" s="15">
        <v>12046</v>
      </c>
      <c r="K5" s="14">
        <v>28028</v>
      </c>
      <c r="L5" s="14">
        <v>15943</v>
      </c>
      <c r="M5" s="15">
        <v>12085</v>
      </c>
    </row>
    <row r="6" spans="1:13" ht="19.5" customHeight="1">
      <c r="A6" s="16" t="s">
        <v>13</v>
      </c>
      <c r="B6" s="17">
        <v>4204</v>
      </c>
      <c r="C6" s="18">
        <v>2192</v>
      </c>
      <c r="D6" s="19">
        <v>2012</v>
      </c>
      <c r="E6" s="18">
        <v>9</v>
      </c>
      <c r="F6" s="18">
        <v>5</v>
      </c>
      <c r="G6" s="19">
        <v>4</v>
      </c>
      <c r="H6" s="18">
        <v>1679</v>
      </c>
      <c r="I6" s="18">
        <v>871</v>
      </c>
      <c r="J6" s="19">
        <v>808</v>
      </c>
      <c r="K6" s="18">
        <v>1295</v>
      </c>
      <c r="L6" s="18">
        <v>646</v>
      </c>
      <c r="M6" s="19">
        <v>649</v>
      </c>
    </row>
    <row r="7" spans="1:13">
      <c r="A7" s="20" t="s">
        <v>14</v>
      </c>
      <c r="B7" s="21">
        <v>3926</v>
      </c>
      <c r="C7" s="22">
        <v>2028</v>
      </c>
      <c r="D7" s="23">
        <v>1898</v>
      </c>
      <c r="E7" s="21">
        <v>7</v>
      </c>
      <c r="F7" s="22">
        <v>3</v>
      </c>
      <c r="G7" s="23">
        <v>4</v>
      </c>
      <c r="H7" s="21">
        <v>376</v>
      </c>
      <c r="I7" s="22">
        <v>196</v>
      </c>
      <c r="J7" s="23">
        <v>180</v>
      </c>
      <c r="K7" s="21">
        <v>272</v>
      </c>
      <c r="L7" s="22">
        <v>137</v>
      </c>
      <c r="M7" s="23">
        <v>135</v>
      </c>
    </row>
    <row r="8" spans="1:13">
      <c r="A8" s="20" t="s">
        <v>15</v>
      </c>
      <c r="B8" s="21">
        <v>96</v>
      </c>
      <c r="C8" s="22">
        <v>51</v>
      </c>
      <c r="D8" s="23">
        <v>45</v>
      </c>
      <c r="E8" s="21">
        <v>1</v>
      </c>
      <c r="F8" s="22">
        <v>1</v>
      </c>
      <c r="G8" s="23">
        <v>0</v>
      </c>
      <c r="H8" s="21">
        <v>376</v>
      </c>
      <c r="I8" s="22">
        <v>198</v>
      </c>
      <c r="J8" s="23">
        <v>178</v>
      </c>
      <c r="K8" s="21">
        <v>279</v>
      </c>
      <c r="L8" s="22">
        <v>146</v>
      </c>
      <c r="M8" s="23">
        <v>133</v>
      </c>
    </row>
    <row r="9" spans="1:13">
      <c r="A9" s="20" t="s">
        <v>16</v>
      </c>
      <c r="B9" s="21">
        <v>62</v>
      </c>
      <c r="C9" s="22">
        <v>45</v>
      </c>
      <c r="D9" s="23">
        <v>17</v>
      </c>
      <c r="E9" s="21">
        <v>0</v>
      </c>
      <c r="F9" s="22">
        <v>0</v>
      </c>
      <c r="G9" s="23">
        <v>0</v>
      </c>
      <c r="H9" s="21">
        <v>350</v>
      </c>
      <c r="I9" s="22">
        <v>181</v>
      </c>
      <c r="J9" s="23">
        <v>169</v>
      </c>
      <c r="K9" s="21">
        <v>288</v>
      </c>
      <c r="L9" s="22">
        <v>136</v>
      </c>
      <c r="M9" s="23">
        <v>152</v>
      </c>
    </row>
    <row r="10" spans="1:13">
      <c r="A10" s="20" t="s">
        <v>17</v>
      </c>
      <c r="B10" s="21">
        <v>45</v>
      </c>
      <c r="C10" s="22">
        <v>30</v>
      </c>
      <c r="D10" s="23">
        <v>15</v>
      </c>
      <c r="E10" s="21">
        <v>1</v>
      </c>
      <c r="F10" s="22">
        <v>1</v>
      </c>
      <c r="G10" s="23">
        <v>0</v>
      </c>
      <c r="H10" s="21">
        <v>292</v>
      </c>
      <c r="I10" s="22">
        <v>147</v>
      </c>
      <c r="J10" s="23">
        <v>145</v>
      </c>
      <c r="K10" s="21">
        <v>246</v>
      </c>
      <c r="L10" s="22">
        <v>116</v>
      </c>
      <c r="M10" s="23">
        <v>130</v>
      </c>
    </row>
    <row r="11" spans="1:13">
      <c r="A11" s="20" t="s">
        <v>18</v>
      </c>
      <c r="B11" s="21">
        <v>75</v>
      </c>
      <c r="C11" s="22">
        <v>38</v>
      </c>
      <c r="D11" s="23">
        <v>37</v>
      </c>
      <c r="E11" s="21">
        <v>0</v>
      </c>
      <c r="F11" s="22">
        <v>0</v>
      </c>
      <c r="G11" s="23">
        <v>0</v>
      </c>
      <c r="H11" s="21">
        <v>285</v>
      </c>
      <c r="I11" s="22">
        <v>149</v>
      </c>
      <c r="J11" s="23">
        <v>136</v>
      </c>
      <c r="K11" s="21">
        <v>210</v>
      </c>
      <c r="L11" s="22">
        <v>111</v>
      </c>
      <c r="M11" s="23">
        <v>99</v>
      </c>
    </row>
    <row r="12" spans="1:13" ht="20.100000000000001" customHeight="1">
      <c r="A12" s="16" t="s">
        <v>19</v>
      </c>
      <c r="B12" s="17">
        <v>193</v>
      </c>
      <c r="C12" s="18">
        <v>108</v>
      </c>
      <c r="D12" s="19">
        <v>85</v>
      </c>
      <c r="E12" s="18">
        <v>1</v>
      </c>
      <c r="F12" s="18">
        <v>0</v>
      </c>
      <c r="G12" s="19">
        <v>1</v>
      </c>
      <c r="H12" s="18">
        <v>911</v>
      </c>
      <c r="I12" s="18">
        <v>467</v>
      </c>
      <c r="J12" s="19">
        <v>444</v>
      </c>
      <c r="K12" s="18">
        <v>717</v>
      </c>
      <c r="L12" s="18">
        <v>359</v>
      </c>
      <c r="M12" s="19">
        <v>358</v>
      </c>
    </row>
    <row r="13" spans="1:13">
      <c r="A13" s="20" t="s">
        <v>20</v>
      </c>
      <c r="B13" s="21">
        <v>56</v>
      </c>
      <c r="C13" s="22">
        <v>23</v>
      </c>
      <c r="D13" s="23">
        <v>33</v>
      </c>
      <c r="E13" s="21">
        <v>0</v>
      </c>
      <c r="F13" s="22">
        <v>0</v>
      </c>
      <c r="G13" s="23">
        <v>0</v>
      </c>
      <c r="H13" s="21">
        <v>203</v>
      </c>
      <c r="I13" s="22">
        <v>110</v>
      </c>
      <c r="J13" s="23">
        <v>93</v>
      </c>
      <c r="K13" s="21">
        <v>147</v>
      </c>
      <c r="L13" s="22">
        <v>87</v>
      </c>
      <c r="M13" s="23">
        <v>60</v>
      </c>
    </row>
    <row r="14" spans="1:13">
      <c r="A14" s="20" t="s">
        <v>21</v>
      </c>
      <c r="B14" s="21">
        <v>25</v>
      </c>
      <c r="C14" s="22">
        <v>15</v>
      </c>
      <c r="D14" s="23">
        <v>10</v>
      </c>
      <c r="E14" s="21">
        <v>0</v>
      </c>
      <c r="F14" s="22">
        <v>0</v>
      </c>
      <c r="G14" s="23">
        <v>0</v>
      </c>
      <c r="H14" s="21">
        <v>233</v>
      </c>
      <c r="I14" s="22">
        <v>122</v>
      </c>
      <c r="J14" s="23">
        <v>111</v>
      </c>
      <c r="K14" s="21">
        <v>208</v>
      </c>
      <c r="L14" s="22">
        <v>107</v>
      </c>
      <c r="M14" s="23">
        <v>101</v>
      </c>
    </row>
    <row r="15" spans="1:13">
      <c r="A15" s="20" t="s">
        <v>22</v>
      </c>
      <c r="B15" s="21">
        <v>58</v>
      </c>
      <c r="C15" s="22">
        <v>35</v>
      </c>
      <c r="D15" s="23">
        <v>23</v>
      </c>
      <c r="E15" s="21">
        <v>0</v>
      </c>
      <c r="F15" s="22">
        <v>0</v>
      </c>
      <c r="G15" s="23">
        <v>0</v>
      </c>
      <c r="H15" s="21">
        <v>182</v>
      </c>
      <c r="I15" s="22">
        <v>90</v>
      </c>
      <c r="J15" s="23">
        <v>92</v>
      </c>
      <c r="K15" s="21">
        <v>124</v>
      </c>
      <c r="L15" s="22">
        <v>55</v>
      </c>
      <c r="M15" s="23">
        <v>69</v>
      </c>
    </row>
    <row r="16" spans="1:13">
      <c r="A16" s="20" t="s">
        <v>23</v>
      </c>
      <c r="B16" s="21">
        <v>25</v>
      </c>
      <c r="C16" s="22">
        <v>22</v>
      </c>
      <c r="D16" s="23">
        <v>3</v>
      </c>
      <c r="E16" s="21">
        <v>0</v>
      </c>
      <c r="F16" s="22">
        <v>0</v>
      </c>
      <c r="G16" s="23">
        <v>0</v>
      </c>
      <c r="H16" s="21">
        <v>157</v>
      </c>
      <c r="I16" s="22">
        <v>81</v>
      </c>
      <c r="J16" s="23">
        <v>76</v>
      </c>
      <c r="K16" s="21">
        <v>132</v>
      </c>
      <c r="L16" s="22">
        <v>59</v>
      </c>
      <c r="M16" s="23">
        <v>73</v>
      </c>
    </row>
    <row r="17" spans="1:13">
      <c r="A17" s="20" t="s">
        <v>24</v>
      </c>
      <c r="B17" s="21">
        <v>29</v>
      </c>
      <c r="C17" s="22">
        <v>13</v>
      </c>
      <c r="D17" s="23">
        <v>16</v>
      </c>
      <c r="E17" s="21">
        <v>1</v>
      </c>
      <c r="F17" s="22">
        <v>0</v>
      </c>
      <c r="G17" s="23">
        <v>1</v>
      </c>
      <c r="H17" s="21">
        <v>136</v>
      </c>
      <c r="I17" s="22">
        <v>64</v>
      </c>
      <c r="J17" s="23">
        <v>72</v>
      </c>
      <c r="K17" s="21">
        <v>106</v>
      </c>
      <c r="L17" s="22">
        <v>51</v>
      </c>
      <c r="M17" s="23">
        <v>55</v>
      </c>
    </row>
    <row r="18" spans="1:13" ht="20.100000000000001" customHeight="1">
      <c r="A18" s="16" t="s">
        <v>25</v>
      </c>
      <c r="B18" s="17">
        <v>44</v>
      </c>
      <c r="C18" s="18">
        <v>33</v>
      </c>
      <c r="D18" s="19">
        <v>11</v>
      </c>
      <c r="E18" s="18">
        <v>3</v>
      </c>
      <c r="F18" s="18">
        <v>1</v>
      </c>
      <c r="G18" s="19">
        <v>2</v>
      </c>
      <c r="H18" s="18">
        <v>466</v>
      </c>
      <c r="I18" s="18">
        <v>237</v>
      </c>
      <c r="J18" s="19">
        <v>229</v>
      </c>
      <c r="K18" s="18">
        <v>419</v>
      </c>
      <c r="L18" s="18">
        <v>203</v>
      </c>
      <c r="M18" s="19">
        <v>216</v>
      </c>
    </row>
    <row r="19" spans="1:13">
      <c r="A19" s="20" t="s">
        <v>26</v>
      </c>
      <c r="B19" s="21">
        <v>5</v>
      </c>
      <c r="C19" s="22">
        <v>-9</v>
      </c>
      <c r="D19" s="23">
        <v>14</v>
      </c>
      <c r="E19" s="21">
        <v>0</v>
      </c>
      <c r="F19" s="22">
        <v>0</v>
      </c>
      <c r="G19" s="23">
        <v>0</v>
      </c>
      <c r="H19" s="21">
        <v>104</v>
      </c>
      <c r="I19" s="22">
        <v>48</v>
      </c>
      <c r="J19" s="23">
        <v>56</v>
      </c>
      <c r="K19" s="21">
        <v>99</v>
      </c>
      <c r="L19" s="22">
        <v>57</v>
      </c>
      <c r="M19" s="23">
        <v>42</v>
      </c>
    </row>
    <row r="20" spans="1:13">
      <c r="A20" s="20" t="s">
        <v>27</v>
      </c>
      <c r="B20" s="21">
        <v>34</v>
      </c>
      <c r="C20" s="22">
        <v>25</v>
      </c>
      <c r="D20" s="23">
        <v>9</v>
      </c>
      <c r="E20" s="21">
        <v>1</v>
      </c>
      <c r="F20" s="22">
        <v>0</v>
      </c>
      <c r="G20" s="23">
        <v>1</v>
      </c>
      <c r="H20" s="21">
        <v>95</v>
      </c>
      <c r="I20" s="22">
        <v>43</v>
      </c>
      <c r="J20" s="23">
        <v>52</v>
      </c>
      <c r="K20" s="21">
        <v>60</v>
      </c>
      <c r="L20" s="22">
        <v>18</v>
      </c>
      <c r="M20" s="23">
        <v>42</v>
      </c>
    </row>
    <row r="21" spans="1:13">
      <c r="A21" s="20" t="s">
        <v>28</v>
      </c>
      <c r="B21" s="21">
        <v>9</v>
      </c>
      <c r="C21" s="22">
        <v>17</v>
      </c>
      <c r="D21" s="23">
        <v>-8</v>
      </c>
      <c r="E21" s="21">
        <v>0</v>
      </c>
      <c r="F21" s="22">
        <v>0</v>
      </c>
      <c r="G21" s="23">
        <v>0</v>
      </c>
      <c r="H21" s="21">
        <v>126</v>
      </c>
      <c r="I21" s="22">
        <v>73</v>
      </c>
      <c r="J21" s="23">
        <v>53</v>
      </c>
      <c r="K21" s="21">
        <v>117</v>
      </c>
      <c r="L21" s="22">
        <v>56</v>
      </c>
      <c r="M21" s="23">
        <v>61</v>
      </c>
    </row>
    <row r="22" spans="1:13">
      <c r="A22" s="20" t="s">
        <v>29</v>
      </c>
      <c r="B22" s="21">
        <v>-16</v>
      </c>
      <c r="C22" s="22">
        <v>-7</v>
      </c>
      <c r="D22" s="23">
        <v>-9</v>
      </c>
      <c r="E22" s="21">
        <v>1</v>
      </c>
      <c r="F22" s="22">
        <v>0</v>
      </c>
      <c r="G22" s="23">
        <v>1</v>
      </c>
      <c r="H22" s="21">
        <v>63</v>
      </c>
      <c r="I22" s="22">
        <v>30</v>
      </c>
      <c r="J22" s="23">
        <v>33</v>
      </c>
      <c r="K22" s="21">
        <v>78</v>
      </c>
      <c r="L22" s="22">
        <v>37</v>
      </c>
      <c r="M22" s="23">
        <v>41</v>
      </c>
    </row>
    <row r="23" spans="1:13">
      <c r="A23" s="20" t="s">
        <v>30</v>
      </c>
      <c r="B23" s="21">
        <v>12</v>
      </c>
      <c r="C23" s="22">
        <v>7</v>
      </c>
      <c r="D23" s="23">
        <v>5</v>
      </c>
      <c r="E23" s="21">
        <v>1</v>
      </c>
      <c r="F23" s="22">
        <v>1</v>
      </c>
      <c r="G23" s="23">
        <v>0</v>
      </c>
      <c r="H23" s="21">
        <v>78</v>
      </c>
      <c r="I23" s="22">
        <v>43</v>
      </c>
      <c r="J23" s="23">
        <v>35</v>
      </c>
      <c r="K23" s="21">
        <v>65</v>
      </c>
      <c r="L23" s="22">
        <v>35</v>
      </c>
      <c r="M23" s="23">
        <v>30</v>
      </c>
    </row>
    <row r="24" spans="1:13" ht="20.100000000000001" customHeight="1">
      <c r="A24" s="16" t="s">
        <v>31</v>
      </c>
      <c r="B24" s="17">
        <v>716</v>
      </c>
      <c r="C24" s="18">
        <v>659</v>
      </c>
      <c r="D24" s="19">
        <v>57</v>
      </c>
      <c r="E24" s="18">
        <v>6</v>
      </c>
      <c r="F24" s="18">
        <v>3</v>
      </c>
      <c r="G24" s="19">
        <v>3</v>
      </c>
      <c r="H24" s="18">
        <v>3027</v>
      </c>
      <c r="I24" s="18">
        <v>2384</v>
      </c>
      <c r="J24" s="19">
        <v>643</v>
      </c>
      <c r="K24" s="18">
        <v>2305</v>
      </c>
      <c r="L24" s="18">
        <v>1722</v>
      </c>
      <c r="M24" s="19">
        <v>583</v>
      </c>
    </row>
    <row r="25" spans="1:13">
      <c r="A25" s="20" t="s">
        <v>32</v>
      </c>
      <c r="B25" s="21">
        <v>245</v>
      </c>
      <c r="C25" s="22">
        <v>268</v>
      </c>
      <c r="D25" s="23">
        <v>-23</v>
      </c>
      <c r="E25" s="21">
        <v>1</v>
      </c>
      <c r="F25" s="22">
        <v>0</v>
      </c>
      <c r="G25" s="23">
        <v>1</v>
      </c>
      <c r="H25" s="21">
        <v>387</v>
      </c>
      <c r="I25" s="22">
        <v>338</v>
      </c>
      <c r="J25" s="23">
        <v>49</v>
      </c>
      <c r="K25" s="21">
        <v>141</v>
      </c>
      <c r="L25" s="22">
        <v>70</v>
      </c>
      <c r="M25" s="23">
        <v>71</v>
      </c>
    </row>
    <row r="26" spans="1:13">
      <c r="A26" s="20" t="s">
        <v>33</v>
      </c>
      <c r="B26" s="21">
        <v>45</v>
      </c>
      <c r="C26" s="22">
        <v>51</v>
      </c>
      <c r="D26" s="23">
        <v>-6</v>
      </c>
      <c r="E26" s="21">
        <v>1</v>
      </c>
      <c r="F26" s="22">
        <v>0</v>
      </c>
      <c r="G26" s="23">
        <v>1</v>
      </c>
      <c r="H26" s="21">
        <v>134</v>
      </c>
      <c r="I26" s="22">
        <v>94</v>
      </c>
      <c r="J26" s="23">
        <v>40</v>
      </c>
      <c r="K26" s="21">
        <v>88</v>
      </c>
      <c r="L26" s="22">
        <v>43</v>
      </c>
      <c r="M26" s="23">
        <v>45</v>
      </c>
    </row>
    <row r="27" spans="1:13">
      <c r="A27" s="20" t="s">
        <v>34</v>
      </c>
      <c r="B27" s="21">
        <v>-12</v>
      </c>
      <c r="C27" s="22">
        <v>-12</v>
      </c>
      <c r="D27" s="23">
        <v>0</v>
      </c>
      <c r="E27" s="21">
        <v>1</v>
      </c>
      <c r="F27" s="22">
        <v>1</v>
      </c>
      <c r="G27" s="23">
        <v>0</v>
      </c>
      <c r="H27" s="21">
        <v>84</v>
      </c>
      <c r="I27" s="22">
        <v>41</v>
      </c>
      <c r="J27" s="23">
        <v>43</v>
      </c>
      <c r="K27" s="21">
        <v>95</v>
      </c>
      <c r="L27" s="22">
        <v>52</v>
      </c>
      <c r="M27" s="23">
        <v>43</v>
      </c>
    </row>
    <row r="28" spans="1:13">
      <c r="A28" s="20" t="s">
        <v>35</v>
      </c>
      <c r="B28" s="21">
        <v>474</v>
      </c>
      <c r="C28" s="22">
        <v>376</v>
      </c>
      <c r="D28" s="23">
        <v>98</v>
      </c>
      <c r="E28" s="21">
        <v>2</v>
      </c>
      <c r="F28" s="22">
        <v>2</v>
      </c>
      <c r="G28" s="23">
        <v>0</v>
      </c>
      <c r="H28" s="21">
        <v>1656</v>
      </c>
      <c r="I28" s="22">
        <v>1326</v>
      </c>
      <c r="J28" s="23">
        <v>330</v>
      </c>
      <c r="K28" s="21">
        <v>1180</v>
      </c>
      <c r="L28" s="22">
        <v>948</v>
      </c>
      <c r="M28" s="23">
        <v>232</v>
      </c>
    </row>
    <row r="29" spans="1:13">
      <c r="A29" s="20" t="s">
        <v>36</v>
      </c>
      <c r="B29" s="21">
        <v>-36</v>
      </c>
      <c r="C29" s="22">
        <v>-24</v>
      </c>
      <c r="D29" s="23">
        <v>-12</v>
      </c>
      <c r="E29" s="21">
        <v>1</v>
      </c>
      <c r="F29" s="22">
        <v>0</v>
      </c>
      <c r="G29" s="23">
        <v>1</v>
      </c>
      <c r="H29" s="21">
        <v>766</v>
      </c>
      <c r="I29" s="22">
        <v>585</v>
      </c>
      <c r="J29" s="23">
        <v>181</v>
      </c>
      <c r="K29" s="21">
        <v>801</v>
      </c>
      <c r="L29" s="22">
        <v>609</v>
      </c>
      <c r="M29" s="23">
        <v>192</v>
      </c>
    </row>
    <row r="30" spans="1:13" ht="20.100000000000001" customHeight="1">
      <c r="A30" s="16" t="s">
        <v>37</v>
      </c>
      <c r="B30" s="17">
        <v>-1319</v>
      </c>
      <c r="C30" s="18">
        <v>-878</v>
      </c>
      <c r="D30" s="19">
        <v>-441</v>
      </c>
      <c r="E30" s="18">
        <v>9</v>
      </c>
      <c r="F30" s="18">
        <v>6</v>
      </c>
      <c r="G30" s="19">
        <v>3</v>
      </c>
      <c r="H30" s="18">
        <v>4097</v>
      </c>
      <c r="I30" s="18">
        <v>2490</v>
      </c>
      <c r="J30" s="19">
        <v>1607</v>
      </c>
      <c r="K30" s="18">
        <v>5407</v>
      </c>
      <c r="L30" s="18">
        <v>3362</v>
      </c>
      <c r="M30" s="19">
        <v>2045</v>
      </c>
    </row>
    <row r="31" spans="1:13">
      <c r="A31" s="20" t="s">
        <v>38</v>
      </c>
      <c r="B31" s="21">
        <v>33</v>
      </c>
      <c r="C31" s="22">
        <v>45</v>
      </c>
      <c r="D31" s="23">
        <v>-12</v>
      </c>
      <c r="E31" s="21">
        <v>2</v>
      </c>
      <c r="F31" s="22">
        <v>2</v>
      </c>
      <c r="G31" s="23">
        <v>0</v>
      </c>
      <c r="H31" s="21">
        <v>724</v>
      </c>
      <c r="I31" s="22">
        <v>502</v>
      </c>
      <c r="J31" s="23">
        <v>222</v>
      </c>
      <c r="K31" s="21">
        <v>689</v>
      </c>
      <c r="L31" s="22">
        <v>455</v>
      </c>
      <c r="M31" s="23">
        <v>234</v>
      </c>
    </row>
    <row r="32" spans="1:13">
      <c r="A32" s="20" t="s">
        <v>39</v>
      </c>
      <c r="B32" s="21">
        <v>-43</v>
      </c>
      <c r="C32" s="22">
        <v>-24</v>
      </c>
      <c r="D32" s="23">
        <v>-19</v>
      </c>
      <c r="E32" s="21">
        <v>2</v>
      </c>
      <c r="F32" s="22">
        <v>2</v>
      </c>
      <c r="G32" s="23">
        <v>0</v>
      </c>
      <c r="H32" s="21">
        <v>610</v>
      </c>
      <c r="I32" s="22">
        <v>343</v>
      </c>
      <c r="J32" s="23">
        <v>267</v>
      </c>
      <c r="K32" s="21">
        <v>651</v>
      </c>
      <c r="L32" s="22">
        <v>365</v>
      </c>
      <c r="M32" s="23">
        <v>286</v>
      </c>
    </row>
    <row r="33" spans="1:13">
      <c r="A33" s="20" t="s">
        <v>40</v>
      </c>
      <c r="B33" s="21">
        <v>-618</v>
      </c>
      <c r="C33" s="22">
        <v>-433</v>
      </c>
      <c r="D33" s="23">
        <v>-185</v>
      </c>
      <c r="E33" s="21">
        <v>2</v>
      </c>
      <c r="F33" s="22">
        <v>1</v>
      </c>
      <c r="G33" s="23">
        <v>1</v>
      </c>
      <c r="H33" s="21">
        <v>1068</v>
      </c>
      <c r="I33" s="22">
        <v>651</v>
      </c>
      <c r="J33" s="23">
        <v>417</v>
      </c>
      <c r="K33" s="21">
        <v>1684</v>
      </c>
      <c r="L33" s="22">
        <v>1083</v>
      </c>
      <c r="M33" s="23">
        <v>601</v>
      </c>
    </row>
    <row r="34" spans="1:13">
      <c r="A34" s="20" t="s">
        <v>41</v>
      </c>
      <c r="B34" s="21">
        <v>-439</v>
      </c>
      <c r="C34" s="22">
        <v>-296</v>
      </c>
      <c r="D34" s="23">
        <v>-143</v>
      </c>
      <c r="E34" s="21">
        <v>2</v>
      </c>
      <c r="F34" s="22">
        <v>1</v>
      </c>
      <c r="G34" s="23">
        <v>1</v>
      </c>
      <c r="H34" s="21">
        <v>805</v>
      </c>
      <c r="I34" s="22">
        <v>477</v>
      </c>
      <c r="J34" s="23">
        <v>328</v>
      </c>
      <c r="K34" s="21">
        <v>1242</v>
      </c>
      <c r="L34" s="22">
        <v>772</v>
      </c>
      <c r="M34" s="23">
        <v>470</v>
      </c>
    </row>
    <row r="35" spans="1:13">
      <c r="A35" s="20" t="s">
        <v>42</v>
      </c>
      <c r="B35" s="21">
        <v>-252</v>
      </c>
      <c r="C35" s="22">
        <v>-170</v>
      </c>
      <c r="D35" s="23">
        <v>-82</v>
      </c>
      <c r="E35" s="21">
        <v>1</v>
      </c>
      <c r="F35" s="22">
        <v>0</v>
      </c>
      <c r="G35" s="23">
        <v>1</v>
      </c>
      <c r="H35" s="21">
        <v>890</v>
      </c>
      <c r="I35" s="22">
        <v>517</v>
      </c>
      <c r="J35" s="23">
        <v>373</v>
      </c>
      <c r="K35" s="21">
        <v>1141</v>
      </c>
      <c r="L35" s="22">
        <v>687</v>
      </c>
      <c r="M35" s="23">
        <v>454</v>
      </c>
    </row>
    <row r="36" spans="1:13" ht="20.100000000000001" customHeight="1">
      <c r="A36" s="16" t="s">
        <v>43</v>
      </c>
      <c r="B36" s="17">
        <v>-662</v>
      </c>
      <c r="C36" s="18">
        <v>-364</v>
      </c>
      <c r="D36" s="19">
        <v>-298</v>
      </c>
      <c r="E36" s="18">
        <v>14</v>
      </c>
      <c r="F36" s="18">
        <v>10</v>
      </c>
      <c r="G36" s="19">
        <v>4</v>
      </c>
      <c r="H36" s="18">
        <v>3860</v>
      </c>
      <c r="I36" s="18">
        <v>2153</v>
      </c>
      <c r="J36" s="19">
        <v>1707</v>
      </c>
      <c r="K36" s="18">
        <v>4508</v>
      </c>
      <c r="L36" s="18">
        <v>2507</v>
      </c>
      <c r="M36" s="19">
        <v>2001</v>
      </c>
    </row>
    <row r="37" spans="1:13">
      <c r="A37" s="20" t="s">
        <v>44</v>
      </c>
      <c r="B37" s="21">
        <v>-291</v>
      </c>
      <c r="C37" s="22">
        <v>-159</v>
      </c>
      <c r="D37" s="23">
        <v>-132</v>
      </c>
      <c r="E37" s="21">
        <v>2</v>
      </c>
      <c r="F37" s="22">
        <v>2</v>
      </c>
      <c r="G37" s="23">
        <v>0</v>
      </c>
      <c r="H37" s="21">
        <v>779</v>
      </c>
      <c r="I37" s="22">
        <v>479</v>
      </c>
      <c r="J37" s="23">
        <v>300</v>
      </c>
      <c r="K37" s="21">
        <v>1068</v>
      </c>
      <c r="L37" s="22">
        <v>636</v>
      </c>
      <c r="M37" s="23">
        <v>432</v>
      </c>
    </row>
    <row r="38" spans="1:13">
      <c r="A38" s="20" t="s">
        <v>45</v>
      </c>
      <c r="B38" s="21">
        <v>-138</v>
      </c>
      <c r="C38" s="22">
        <v>-71</v>
      </c>
      <c r="D38" s="23">
        <v>-67</v>
      </c>
      <c r="E38" s="21">
        <v>4</v>
      </c>
      <c r="F38" s="22">
        <v>2</v>
      </c>
      <c r="G38" s="23">
        <v>2</v>
      </c>
      <c r="H38" s="21">
        <v>834</v>
      </c>
      <c r="I38" s="22">
        <v>448</v>
      </c>
      <c r="J38" s="23">
        <v>386</v>
      </c>
      <c r="K38" s="21">
        <v>968</v>
      </c>
      <c r="L38" s="22">
        <v>517</v>
      </c>
      <c r="M38" s="23">
        <v>451</v>
      </c>
    </row>
    <row r="39" spans="1:13">
      <c r="A39" s="20" t="s">
        <v>46</v>
      </c>
      <c r="B39" s="21">
        <v>-104</v>
      </c>
      <c r="C39" s="22">
        <v>-64</v>
      </c>
      <c r="D39" s="23">
        <v>-40</v>
      </c>
      <c r="E39" s="21">
        <v>2</v>
      </c>
      <c r="F39" s="22">
        <v>2</v>
      </c>
      <c r="G39" s="23">
        <v>0</v>
      </c>
      <c r="H39" s="21">
        <v>774</v>
      </c>
      <c r="I39" s="22">
        <v>416</v>
      </c>
      <c r="J39" s="23">
        <v>358</v>
      </c>
      <c r="K39" s="21">
        <v>876</v>
      </c>
      <c r="L39" s="22">
        <v>478</v>
      </c>
      <c r="M39" s="23">
        <v>398</v>
      </c>
    </row>
    <row r="40" spans="1:13">
      <c r="A40" s="20" t="s">
        <v>47</v>
      </c>
      <c r="B40" s="21">
        <v>-105</v>
      </c>
      <c r="C40" s="22">
        <v>-58</v>
      </c>
      <c r="D40" s="23">
        <v>-47</v>
      </c>
      <c r="E40" s="21">
        <v>4</v>
      </c>
      <c r="F40" s="22">
        <v>3</v>
      </c>
      <c r="G40" s="23">
        <v>1</v>
      </c>
      <c r="H40" s="21">
        <v>749</v>
      </c>
      <c r="I40" s="22">
        <v>423</v>
      </c>
      <c r="J40" s="23">
        <v>326</v>
      </c>
      <c r="K40" s="21">
        <v>850</v>
      </c>
      <c r="L40" s="22">
        <v>478</v>
      </c>
      <c r="M40" s="23">
        <v>372</v>
      </c>
    </row>
    <row r="41" spans="1:13">
      <c r="A41" s="20" t="s">
        <v>48</v>
      </c>
      <c r="B41" s="21">
        <v>-24</v>
      </c>
      <c r="C41" s="22">
        <v>-12</v>
      </c>
      <c r="D41" s="23">
        <v>-12</v>
      </c>
      <c r="E41" s="21">
        <v>2</v>
      </c>
      <c r="F41" s="22">
        <v>1</v>
      </c>
      <c r="G41" s="23">
        <v>1</v>
      </c>
      <c r="H41" s="21">
        <v>724</v>
      </c>
      <c r="I41" s="22">
        <v>387</v>
      </c>
      <c r="J41" s="23">
        <v>337</v>
      </c>
      <c r="K41" s="21">
        <v>746</v>
      </c>
      <c r="L41" s="22">
        <v>398</v>
      </c>
      <c r="M41" s="23">
        <v>348</v>
      </c>
    </row>
    <row r="42" spans="1:13" ht="20.100000000000001" customHeight="1">
      <c r="A42" s="16" t="s">
        <v>49</v>
      </c>
      <c r="B42" s="17">
        <v>-16</v>
      </c>
      <c r="C42" s="18">
        <v>0</v>
      </c>
      <c r="D42" s="19">
        <v>-16</v>
      </c>
      <c r="E42" s="18">
        <v>20</v>
      </c>
      <c r="F42" s="18">
        <v>13</v>
      </c>
      <c r="G42" s="19">
        <v>7</v>
      </c>
      <c r="H42" s="18">
        <v>3228</v>
      </c>
      <c r="I42" s="18">
        <v>1772</v>
      </c>
      <c r="J42" s="19">
        <v>1456</v>
      </c>
      <c r="K42" s="18">
        <v>3224</v>
      </c>
      <c r="L42" s="18">
        <v>1759</v>
      </c>
      <c r="M42" s="19">
        <v>1465</v>
      </c>
    </row>
    <row r="43" spans="1:13">
      <c r="A43" s="20" t="s">
        <v>50</v>
      </c>
      <c r="B43" s="21">
        <v>-49</v>
      </c>
      <c r="C43" s="22">
        <v>-21</v>
      </c>
      <c r="D43" s="23">
        <v>-28</v>
      </c>
      <c r="E43" s="21">
        <v>3</v>
      </c>
      <c r="F43" s="22">
        <v>3</v>
      </c>
      <c r="G43" s="23">
        <v>0</v>
      </c>
      <c r="H43" s="21">
        <v>672</v>
      </c>
      <c r="I43" s="22">
        <v>380</v>
      </c>
      <c r="J43" s="23">
        <v>292</v>
      </c>
      <c r="K43" s="21">
        <v>718</v>
      </c>
      <c r="L43" s="22">
        <v>398</v>
      </c>
      <c r="M43" s="23">
        <v>320</v>
      </c>
    </row>
    <row r="44" spans="1:13">
      <c r="A44" s="20" t="s">
        <v>51</v>
      </c>
      <c r="B44" s="21">
        <v>-4</v>
      </c>
      <c r="C44" s="22">
        <v>21</v>
      </c>
      <c r="D44" s="23">
        <v>-25</v>
      </c>
      <c r="E44" s="21">
        <v>6</v>
      </c>
      <c r="F44" s="22">
        <v>3</v>
      </c>
      <c r="G44" s="23">
        <v>3</v>
      </c>
      <c r="H44" s="21">
        <v>701</v>
      </c>
      <c r="I44" s="22">
        <v>406</v>
      </c>
      <c r="J44" s="23">
        <v>295</v>
      </c>
      <c r="K44" s="21">
        <v>699</v>
      </c>
      <c r="L44" s="22">
        <v>382</v>
      </c>
      <c r="M44" s="23">
        <v>317</v>
      </c>
    </row>
    <row r="45" spans="1:13">
      <c r="A45" s="20" t="s">
        <v>52</v>
      </c>
      <c r="B45" s="21">
        <v>40</v>
      </c>
      <c r="C45" s="22">
        <v>21</v>
      </c>
      <c r="D45" s="23">
        <v>19</v>
      </c>
      <c r="E45" s="21">
        <v>4</v>
      </c>
      <c r="F45" s="22">
        <v>3</v>
      </c>
      <c r="G45" s="23">
        <v>1</v>
      </c>
      <c r="H45" s="21">
        <v>667</v>
      </c>
      <c r="I45" s="22">
        <v>363</v>
      </c>
      <c r="J45" s="23">
        <v>304</v>
      </c>
      <c r="K45" s="21">
        <v>623</v>
      </c>
      <c r="L45" s="22">
        <v>339</v>
      </c>
      <c r="M45" s="23">
        <v>284</v>
      </c>
    </row>
    <row r="46" spans="1:13">
      <c r="A46" s="20" t="s">
        <v>53</v>
      </c>
      <c r="B46" s="21">
        <v>-30</v>
      </c>
      <c r="C46" s="22">
        <v>-30</v>
      </c>
      <c r="D46" s="23">
        <v>0</v>
      </c>
      <c r="E46" s="21">
        <v>2</v>
      </c>
      <c r="F46" s="22">
        <v>1</v>
      </c>
      <c r="G46" s="23">
        <v>1</v>
      </c>
      <c r="H46" s="21">
        <v>596</v>
      </c>
      <c r="I46" s="22">
        <v>315</v>
      </c>
      <c r="J46" s="23">
        <v>281</v>
      </c>
      <c r="K46" s="21">
        <v>624</v>
      </c>
      <c r="L46" s="22">
        <v>344</v>
      </c>
      <c r="M46" s="23">
        <v>280</v>
      </c>
    </row>
    <row r="47" spans="1:13">
      <c r="A47" s="20" t="s">
        <v>54</v>
      </c>
      <c r="B47" s="21">
        <v>27</v>
      </c>
      <c r="C47" s="22">
        <v>9</v>
      </c>
      <c r="D47" s="23">
        <v>18</v>
      </c>
      <c r="E47" s="21">
        <v>5</v>
      </c>
      <c r="F47" s="22">
        <v>3</v>
      </c>
      <c r="G47" s="23">
        <v>2</v>
      </c>
      <c r="H47" s="21">
        <v>592</v>
      </c>
      <c r="I47" s="22">
        <v>308</v>
      </c>
      <c r="J47" s="23">
        <v>284</v>
      </c>
      <c r="K47" s="21">
        <v>560</v>
      </c>
      <c r="L47" s="22">
        <v>296</v>
      </c>
      <c r="M47" s="23">
        <v>264</v>
      </c>
    </row>
    <row r="48" spans="1:13" ht="20.100000000000001" customHeight="1">
      <c r="A48" s="16" t="s">
        <v>55</v>
      </c>
      <c r="B48" s="17">
        <v>322</v>
      </c>
      <c r="C48" s="18">
        <v>103</v>
      </c>
      <c r="D48" s="19">
        <v>219</v>
      </c>
      <c r="E48" s="18">
        <v>24</v>
      </c>
      <c r="F48" s="18">
        <v>13</v>
      </c>
      <c r="G48" s="19">
        <v>11</v>
      </c>
      <c r="H48" s="18">
        <v>2554</v>
      </c>
      <c r="I48" s="18">
        <v>1319</v>
      </c>
      <c r="J48" s="19">
        <v>1235</v>
      </c>
      <c r="K48" s="18">
        <v>2208</v>
      </c>
      <c r="L48" s="18">
        <v>1203</v>
      </c>
      <c r="M48" s="19">
        <v>1005</v>
      </c>
    </row>
    <row r="49" spans="1:13">
      <c r="A49" s="20" t="s">
        <v>56</v>
      </c>
      <c r="B49" s="21">
        <v>58</v>
      </c>
      <c r="C49" s="22">
        <v>3</v>
      </c>
      <c r="D49" s="23">
        <v>55</v>
      </c>
      <c r="E49" s="21">
        <v>3</v>
      </c>
      <c r="F49" s="22">
        <v>2</v>
      </c>
      <c r="G49" s="23">
        <v>1</v>
      </c>
      <c r="H49" s="21">
        <v>584</v>
      </c>
      <c r="I49" s="22">
        <v>284</v>
      </c>
      <c r="J49" s="23">
        <v>300</v>
      </c>
      <c r="K49" s="21">
        <v>523</v>
      </c>
      <c r="L49" s="22">
        <v>279</v>
      </c>
      <c r="M49" s="23">
        <v>244</v>
      </c>
    </row>
    <row r="50" spans="1:13">
      <c r="A50" s="20" t="s">
        <v>57</v>
      </c>
      <c r="B50" s="21">
        <v>118</v>
      </c>
      <c r="C50" s="22">
        <v>52</v>
      </c>
      <c r="D50" s="23">
        <v>66</v>
      </c>
      <c r="E50" s="21">
        <v>3</v>
      </c>
      <c r="F50" s="22">
        <v>1</v>
      </c>
      <c r="G50" s="23">
        <v>2</v>
      </c>
      <c r="H50" s="21">
        <v>567</v>
      </c>
      <c r="I50" s="22">
        <v>288</v>
      </c>
      <c r="J50" s="23">
        <v>279</v>
      </c>
      <c r="K50" s="21">
        <v>446</v>
      </c>
      <c r="L50" s="22">
        <v>235</v>
      </c>
      <c r="M50" s="23">
        <v>211</v>
      </c>
    </row>
    <row r="51" spans="1:13">
      <c r="A51" s="20" t="s">
        <v>58</v>
      </c>
      <c r="B51" s="21">
        <v>73</v>
      </c>
      <c r="C51" s="22">
        <v>28</v>
      </c>
      <c r="D51" s="23">
        <v>45</v>
      </c>
      <c r="E51" s="21">
        <v>2</v>
      </c>
      <c r="F51" s="22">
        <v>1</v>
      </c>
      <c r="G51" s="23">
        <v>1</v>
      </c>
      <c r="H51" s="21">
        <v>487</v>
      </c>
      <c r="I51" s="22">
        <v>259</v>
      </c>
      <c r="J51" s="23">
        <v>228</v>
      </c>
      <c r="K51" s="21">
        <v>412</v>
      </c>
      <c r="L51" s="22">
        <v>230</v>
      </c>
      <c r="M51" s="23">
        <v>182</v>
      </c>
    </row>
    <row r="52" spans="1:13">
      <c r="A52" s="20" t="s">
        <v>59</v>
      </c>
      <c r="B52" s="21">
        <v>18</v>
      </c>
      <c r="C52" s="22">
        <v>7</v>
      </c>
      <c r="D52" s="23">
        <v>11</v>
      </c>
      <c r="E52" s="21">
        <v>7</v>
      </c>
      <c r="F52" s="22">
        <v>4</v>
      </c>
      <c r="G52" s="23">
        <v>3</v>
      </c>
      <c r="H52" s="21">
        <v>459</v>
      </c>
      <c r="I52" s="22">
        <v>253</v>
      </c>
      <c r="J52" s="23">
        <v>206</v>
      </c>
      <c r="K52" s="21">
        <v>434</v>
      </c>
      <c r="L52" s="22">
        <v>242</v>
      </c>
      <c r="M52" s="23">
        <v>192</v>
      </c>
    </row>
    <row r="53" spans="1:13">
      <c r="A53" s="20" t="s">
        <v>60</v>
      </c>
      <c r="B53" s="21">
        <v>55</v>
      </c>
      <c r="C53" s="22">
        <v>13</v>
      </c>
      <c r="D53" s="23">
        <v>42</v>
      </c>
      <c r="E53" s="21">
        <v>9</v>
      </c>
      <c r="F53" s="22">
        <v>5</v>
      </c>
      <c r="G53" s="23">
        <v>4</v>
      </c>
      <c r="H53" s="21">
        <v>457</v>
      </c>
      <c r="I53" s="22">
        <v>235</v>
      </c>
      <c r="J53" s="23">
        <v>222</v>
      </c>
      <c r="K53" s="21">
        <v>393</v>
      </c>
      <c r="L53" s="22">
        <v>217</v>
      </c>
      <c r="M53" s="23">
        <v>176</v>
      </c>
    </row>
    <row r="54" spans="1:13" ht="20.100000000000001" customHeight="1">
      <c r="A54" s="16" t="s">
        <v>61</v>
      </c>
      <c r="B54" s="17">
        <v>-28</v>
      </c>
      <c r="C54" s="18">
        <v>-62</v>
      </c>
      <c r="D54" s="19">
        <v>34</v>
      </c>
      <c r="E54" s="18">
        <v>50</v>
      </c>
      <c r="F54" s="18">
        <v>31</v>
      </c>
      <c r="G54" s="19">
        <v>19</v>
      </c>
      <c r="H54" s="18">
        <v>1862</v>
      </c>
      <c r="I54" s="18">
        <v>1026</v>
      </c>
      <c r="J54" s="19">
        <v>836</v>
      </c>
      <c r="K54" s="18">
        <v>1840</v>
      </c>
      <c r="L54" s="18">
        <v>1057</v>
      </c>
      <c r="M54" s="19">
        <v>783</v>
      </c>
    </row>
    <row r="55" spans="1:13">
      <c r="A55" s="20" t="s">
        <v>62</v>
      </c>
      <c r="B55" s="21">
        <v>-16</v>
      </c>
      <c r="C55" s="22">
        <v>-26</v>
      </c>
      <c r="D55" s="23">
        <v>10</v>
      </c>
      <c r="E55" s="21">
        <v>8</v>
      </c>
      <c r="F55" s="22">
        <v>4</v>
      </c>
      <c r="G55" s="23">
        <v>4</v>
      </c>
      <c r="H55" s="21">
        <v>438</v>
      </c>
      <c r="I55" s="22">
        <v>234</v>
      </c>
      <c r="J55" s="23">
        <v>204</v>
      </c>
      <c r="K55" s="21">
        <v>446</v>
      </c>
      <c r="L55" s="22">
        <v>256</v>
      </c>
      <c r="M55" s="23">
        <v>190</v>
      </c>
    </row>
    <row r="56" spans="1:13">
      <c r="A56" s="20" t="s">
        <v>63</v>
      </c>
      <c r="B56" s="21">
        <v>2</v>
      </c>
      <c r="C56" s="22">
        <v>-18</v>
      </c>
      <c r="D56" s="23">
        <v>20</v>
      </c>
      <c r="E56" s="21">
        <v>7</v>
      </c>
      <c r="F56" s="22">
        <v>4</v>
      </c>
      <c r="G56" s="23">
        <v>3</v>
      </c>
      <c r="H56" s="21">
        <v>363</v>
      </c>
      <c r="I56" s="22">
        <v>204</v>
      </c>
      <c r="J56" s="23">
        <v>159</v>
      </c>
      <c r="K56" s="21">
        <v>354</v>
      </c>
      <c r="L56" s="22">
        <v>218</v>
      </c>
      <c r="M56" s="23">
        <v>136</v>
      </c>
    </row>
    <row r="57" spans="1:13">
      <c r="A57" s="20" t="s">
        <v>64</v>
      </c>
      <c r="B57" s="21">
        <v>-4</v>
      </c>
      <c r="C57" s="22">
        <v>-7</v>
      </c>
      <c r="D57" s="23">
        <v>3</v>
      </c>
      <c r="E57" s="21">
        <v>12</v>
      </c>
      <c r="F57" s="22">
        <v>7</v>
      </c>
      <c r="G57" s="23">
        <v>5</v>
      </c>
      <c r="H57" s="21">
        <v>362</v>
      </c>
      <c r="I57" s="22">
        <v>198</v>
      </c>
      <c r="J57" s="23">
        <v>164</v>
      </c>
      <c r="K57" s="21">
        <v>354</v>
      </c>
      <c r="L57" s="22">
        <v>198</v>
      </c>
      <c r="M57" s="23">
        <v>156</v>
      </c>
    </row>
    <row r="58" spans="1:13">
      <c r="A58" s="20" t="s">
        <v>65</v>
      </c>
      <c r="B58" s="21">
        <v>-6</v>
      </c>
      <c r="C58" s="22">
        <v>-12</v>
      </c>
      <c r="D58" s="23">
        <v>6</v>
      </c>
      <c r="E58" s="21">
        <v>16</v>
      </c>
      <c r="F58" s="22">
        <v>12</v>
      </c>
      <c r="G58" s="23">
        <v>4</v>
      </c>
      <c r="H58" s="21">
        <v>364</v>
      </c>
      <c r="I58" s="22">
        <v>206</v>
      </c>
      <c r="J58" s="23">
        <v>158</v>
      </c>
      <c r="K58" s="21">
        <v>354</v>
      </c>
      <c r="L58" s="22">
        <v>206</v>
      </c>
      <c r="M58" s="23">
        <v>148</v>
      </c>
    </row>
    <row r="59" spans="1:13">
      <c r="A59" s="20" t="s">
        <v>66</v>
      </c>
      <c r="B59" s="21">
        <v>-4</v>
      </c>
      <c r="C59" s="22">
        <v>1</v>
      </c>
      <c r="D59" s="23">
        <v>-5</v>
      </c>
      <c r="E59" s="21">
        <v>7</v>
      </c>
      <c r="F59" s="22">
        <v>4</v>
      </c>
      <c r="G59" s="23">
        <v>3</v>
      </c>
      <c r="H59" s="21">
        <v>335</v>
      </c>
      <c r="I59" s="22">
        <v>184</v>
      </c>
      <c r="J59" s="23">
        <v>151</v>
      </c>
      <c r="K59" s="21">
        <v>332</v>
      </c>
      <c r="L59" s="22">
        <v>179</v>
      </c>
      <c r="M59" s="23">
        <v>153</v>
      </c>
    </row>
    <row r="60" spans="1:13" ht="20.100000000000001" customHeight="1">
      <c r="A60" s="16" t="s">
        <v>67</v>
      </c>
      <c r="B60" s="17">
        <v>59</v>
      </c>
      <c r="C60" s="18">
        <v>-12</v>
      </c>
      <c r="D60" s="19">
        <v>71</v>
      </c>
      <c r="E60" s="18">
        <v>73</v>
      </c>
      <c r="F60" s="18">
        <v>34</v>
      </c>
      <c r="G60" s="19">
        <v>39</v>
      </c>
      <c r="H60" s="18">
        <v>1593</v>
      </c>
      <c r="I60" s="18">
        <v>862</v>
      </c>
      <c r="J60" s="19">
        <v>731</v>
      </c>
      <c r="K60" s="18">
        <v>1461</v>
      </c>
      <c r="L60" s="18">
        <v>840</v>
      </c>
      <c r="M60" s="19">
        <v>621</v>
      </c>
    </row>
    <row r="61" spans="1:13">
      <c r="A61" s="20" t="s">
        <v>68</v>
      </c>
      <c r="B61" s="21">
        <v>21</v>
      </c>
      <c r="C61" s="22">
        <v>-2</v>
      </c>
      <c r="D61" s="23">
        <v>23</v>
      </c>
      <c r="E61" s="21">
        <v>12</v>
      </c>
      <c r="F61" s="22">
        <v>9</v>
      </c>
      <c r="G61" s="23">
        <v>3</v>
      </c>
      <c r="H61" s="21">
        <v>360</v>
      </c>
      <c r="I61" s="22">
        <v>201</v>
      </c>
      <c r="J61" s="23">
        <v>159</v>
      </c>
      <c r="K61" s="21">
        <v>327</v>
      </c>
      <c r="L61" s="22">
        <v>194</v>
      </c>
      <c r="M61" s="23">
        <v>133</v>
      </c>
    </row>
    <row r="62" spans="1:13">
      <c r="A62" s="20" t="s">
        <v>69</v>
      </c>
      <c r="B62" s="21">
        <v>38</v>
      </c>
      <c r="C62" s="22">
        <v>0</v>
      </c>
      <c r="D62" s="23">
        <v>38</v>
      </c>
      <c r="E62" s="21">
        <v>11</v>
      </c>
      <c r="F62" s="22">
        <v>4</v>
      </c>
      <c r="G62" s="23">
        <v>7</v>
      </c>
      <c r="H62" s="21">
        <v>354</v>
      </c>
      <c r="I62" s="22">
        <v>185</v>
      </c>
      <c r="J62" s="23">
        <v>169</v>
      </c>
      <c r="K62" s="21">
        <v>305</v>
      </c>
      <c r="L62" s="22">
        <v>181</v>
      </c>
      <c r="M62" s="23">
        <v>124</v>
      </c>
    </row>
    <row r="63" spans="1:13">
      <c r="A63" s="20" t="s">
        <v>70</v>
      </c>
      <c r="B63" s="21">
        <v>-2</v>
      </c>
      <c r="C63" s="22">
        <v>-9</v>
      </c>
      <c r="D63" s="23">
        <v>7</v>
      </c>
      <c r="E63" s="21">
        <v>16</v>
      </c>
      <c r="F63" s="22">
        <v>7</v>
      </c>
      <c r="G63" s="23">
        <v>9</v>
      </c>
      <c r="H63" s="21">
        <v>315</v>
      </c>
      <c r="I63" s="22">
        <v>167</v>
      </c>
      <c r="J63" s="23">
        <v>148</v>
      </c>
      <c r="K63" s="21">
        <v>301</v>
      </c>
      <c r="L63" s="22">
        <v>169</v>
      </c>
      <c r="M63" s="23">
        <v>132</v>
      </c>
    </row>
    <row r="64" spans="1:13">
      <c r="A64" s="20" t="s">
        <v>71</v>
      </c>
      <c r="B64" s="21">
        <v>-1</v>
      </c>
      <c r="C64" s="22">
        <v>-2</v>
      </c>
      <c r="D64" s="23">
        <v>1</v>
      </c>
      <c r="E64" s="21">
        <v>15</v>
      </c>
      <c r="F64" s="22">
        <v>6</v>
      </c>
      <c r="G64" s="23">
        <v>9</v>
      </c>
      <c r="H64" s="21">
        <v>289</v>
      </c>
      <c r="I64" s="22">
        <v>159</v>
      </c>
      <c r="J64" s="23">
        <v>130</v>
      </c>
      <c r="K64" s="21">
        <v>275</v>
      </c>
      <c r="L64" s="22">
        <v>155</v>
      </c>
      <c r="M64" s="23">
        <v>120</v>
      </c>
    </row>
    <row r="65" spans="1:13">
      <c r="A65" s="24" t="s">
        <v>72</v>
      </c>
      <c r="B65" s="25">
        <v>3</v>
      </c>
      <c r="C65" s="26">
        <v>1</v>
      </c>
      <c r="D65" s="27">
        <v>2</v>
      </c>
      <c r="E65" s="25">
        <v>19</v>
      </c>
      <c r="F65" s="26">
        <v>8</v>
      </c>
      <c r="G65" s="27">
        <v>11</v>
      </c>
      <c r="H65" s="25">
        <v>275</v>
      </c>
      <c r="I65" s="26">
        <v>150</v>
      </c>
      <c r="J65" s="27">
        <v>125</v>
      </c>
      <c r="K65" s="25">
        <v>253</v>
      </c>
      <c r="L65" s="26">
        <v>141</v>
      </c>
      <c r="M65" s="27">
        <v>11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13">
        <v>3829</v>
      </c>
      <c r="C69" s="14">
        <v>1972</v>
      </c>
      <c r="D69" s="15">
        <v>185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17">
        <v>3829</v>
      </c>
      <c r="C70" s="18">
        <v>1972</v>
      </c>
      <c r="D70" s="19">
        <v>1857</v>
      </c>
    </row>
    <row r="71" spans="1:13">
      <c r="A71" s="24">
        <v>0</v>
      </c>
      <c r="B71" s="25">
        <v>3829</v>
      </c>
      <c r="C71" s="26">
        <v>1972</v>
      </c>
      <c r="D71" s="27">
        <v>1857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4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46</v>
      </c>
      <c r="C77" s="18">
        <v>-31</v>
      </c>
      <c r="D77" s="19">
        <v>-15</v>
      </c>
      <c r="E77" s="18">
        <v>121</v>
      </c>
      <c r="F77" s="18">
        <v>77</v>
      </c>
      <c r="G77" s="19">
        <v>44</v>
      </c>
      <c r="H77" s="18">
        <v>1223</v>
      </c>
      <c r="I77" s="18">
        <v>709</v>
      </c>
      <c r="J77" s="19">
        <v>514</v>
      </c>
      <c r="K77" s="18">
        <v>1148</v>
      </c>
      <c r="L77" s="18">
        <v>663</v>
      </c>
      <c r="M77" s="19">
        <v>485</v>
      </c>
    </row>
    <row r="78" spans="1:13">
      <c r="A78" s="40" t="s">
        <v>81</v>
      </c>
      <c r="B78" s="21">
        <v>-20</v>
      </c>
      <c r="C78" s="22">
        <v>-13</v>
      </c>
      <c r="D78" s="23">
        <v>-7</v>
      </c>
      <c r="E78" s="21">
        <v>19</v>
      </c>
      <c r="F78" s="22">
        <v>9</v>
      </c>
      <c r="G78" s="23">
        <v>10</v>
      </c>
      <c r="H78" s="21">
        <v>277</v>
      </c>
      <c r="I78" s="22">
        <v>155</v>
      </c>
      <c r="J78" s="23">
        <v>122</v>
      </c>
      <c r="K78" s="21">
        <v>278</v>
      </c>
      <c r="L78" s="22">
        <v>159</v>
      </c>
      <c r="M78" s="23">
        <v>119</v>
      </c>
    </row>
    <row r="79" spans="1:13">
      <c r="A79" s="40" t="s">
        <v>82</v>
      </c>
      <c r="B79" s="21">
        <v>6</v>
      </c>
      <c r="C79" s="22">
        <v>-14</v>
      </c>
      <c r="D79" s="23">
        <v>20</v>
      </c>
      <c r="E79" s="21">
        <v>29</v>
      </c>
      <c r="F79" s="22">
        <v>19</v>
      </c>
      <c r="G79" s="23">
        <v>10</v>
      </c>
      <c r="H79" s="21">
        <v>255</v>
      </c>
      <c r="I79" s="22">
        <v>148</v>
      </c>
      <c r="J79" s="23">
        <v>107</v>
      </c>
      <c r="K79" s="21">
        <v>220</v>
      </c>
      <c r="L79" s="22">
        <v>143</v>
      </c>
      <c r="M79" s="23">
        <v>77</v>
      </c>
    </row>
    <row r="80" spans="1:13">
      <c r="A80" s="40" t="s">
        <v>83</v>
      </c>
      <c r="B80" s="21">
        <v>-28</v>
      </c>
      <c r="C80" s="22">
        <v>-5</v>
      </c>
      <c r="D80" s="23">
        <v>-23</v>
      </c>
      <c r="E80" s="21">
        <v>24</v>
      </c>
      <c r="F80" s="22">
        <v>16</v>
      </c>
      <c r="G80" s="23">
        <v>8</v>
      </c>
      <c r="H80" s="21">
        <v>237</v>
      </c>
      <c r="I80" s="22">
        <v>139</v>
      </c>
      <c r="J80" s="23">
        <v>98</v>
      </c>
      <c r="K80" s="21">
        <v>241</v>
      </c>
      <c r="L80" s="22">
        <v>128</v>
      </c>
      <c r="M80" s="23">
        <v>113</v>
      </c>
    </row>
    <row r="81" spans="1:13">
      <c r="A81" s="40" t="s">
        <v>84</v>
      </c>
      <c r="B81" s="21">
        <v>-8</v>
      </c>
      <c r="C81" s="22">
        <v>-7</v>
      </c>
      <c r="D81" s="23">
        <v>-1</v>
      </c>
      <c r="E81" s="21">
        <v>19</v>
      </c>
      <c r="F81" s="22">
        <v>12</v>
      </c>
      <c r="G81" s="23">
        <v>7</v>
      </c>
      <c r="H81" s="21">
        <v>214</v>
      </c>
      <c r="I81" s="22">
        <v>128</v>
      </c>
      <c r="J81" s="23">
        <v>86</v>
      </c>
      <c r="K81" s="21">
        <v>203</v>
      </c>
      <c r="L81" s="22">
        <v>123</v>
      </c>
      <c r="M81" s="23">
        <v>80</v>
      </c>
    </row>
    <row r="82" spans="1:13">
      <c r="A82" s="40" t="s">
        <v>85</v>
      </c>
      <c r="B82" s="21">
        <v>4</v>
      </c>
      <c r="C82" s="22">
        <v>8</v>
      </c>
      <c r="D82" s="23">
        <v>-4</v>
      </c>
      <c r="E82" s="21">
        <v>30</v>
      </c>
      <c r="F82" s="22">
        <v>21</v>
      </c>
      <c r="G82" s="23">
        <v>9</v>
      </c>
      <c r="H82" s="21">
        <v>240</v>
      </c>
      <c r="I82" s="22">
        <v>139</v>
      </c>
      <c r="J82" s="23">
        <v>101</v>
      </c>
      <c r="K82" s="21">
        <v>206</v>
      </c>
      <c r="L82" s="22">
        <v>110</v>
      </c>
      <c r="M82" s="23">
        <v>96</v>
      </c>
    </row>
    <row r="83" spans="1:13" ht="19.5" customHeight="1">
      <c r="A83" s="34" t="s">
        <v>86</v>
      </c>
      <c r="B83" s="17">
        <v>-31</v>
      </c>
      <c r="C83" s="18">
        <v>-59</v>
      </c>
      <c r="D83" s="19">
        <v>28</v>
      </c>
      <c r="E83" s="18">
        <v>173</v>
      </c>
      <c r="F83" s="18">
        <v>118</v>
      </c>
      <c r="G83" s="19">
        <v>55</v>
      </c>
      <c r="H83" s="18">
        <v>822</v>
      </c>
      <c r="I83" s="18">
        <v>453</v>
      </c>
      <c r="J83" s="19">
        <v>369</v>
      </c>
      <c r="K83" s="18">
        <v>680</v>
      </c>
      <c r="L83" s="18">
        <v>394</v>
      </c>
      <c r="M83" s="19">
        <v>286</v>
      </c>
    </row>
    <row r="84" spans="1:13">
      <c r="A84" s="40" t="s">
        <v>87</v>
      </c>
      <c r="B84" s="21">
        <v>28</v>
      </c>
      <c r="C84" s="22">
        <v>-1</v>
      </c>
      <c r="D84" s="23">
        <v>29</v>
      </c>
      <c r="E84" s="21">
        <v>27</v>
      </c>
      <c r="F84" s="22">
        <v>20</v>
      </c>
      <c r="G84" s="23">
        <v>7</v>
      </c>
      <c r="H84" s="21">
        <v>213</v>
      </c>
      <c r="I84" s="22">
        <v>115</v>
      </c>
      <c r="J84" s="23">
        <v>98</v>
      </c>
      <c r="K84" s="21">
        <v>158</v>
      </c>
      <c r="L84" s="22">
        <v>96</v>
      </c>
      <c r="M84" s="23">
        <v>62</v>
      </c>
    </row>
    <row r="85" spans="1:13">
      <c r="A85" s="40" t="s">
        <v>88</v>
      </c>
      <c r="B85" s="21">
        <v>-10</v>
      </c>
      <c r="C85" s="22">
        <v>-15</v>
      </c>
      <c r="D85" s="23">
        <v>5</v>
      </c>
      <c r="E85" s="21">
        <v>38</v>
      </c>
      <c r="F85" s="22">
        <v>24</v>
      </c>
      <c r="G85" s="23">
        <v>14</v>
      </c>
      <c r="H85" s="21">
        <v>178</v>
      </c>
      <c r="I85" s="22">
        <v>99</v>
      </c>
      <c r="J85" s="23">
        <v>79</v>
      </c>
      <c r="K85" s="21">
        <v>150</v>
      </c>
      <c r="L85" s="22">
        <v>90</v>
      </c>
      <c r="M85" s="23">
        <v>60</v>
      </c>
    </row>
    <row r="86" spans="1:13">
      <c r="A86" s="40" t="s">
        <v>89</v>
      </c>
      <c r="B86" s="21">
        <v>-29</v>
      </c>
      <c r="C86" s="22">
        <v>-20</v>
      </c>
      <c r="D86" s="23">
        <v>-9</v>
      </c>
      <c r="E86" s="21">
        <v>45</v>
      </c>
      <c r="F86" s="22">
        <v>32</v>
      </c>
      <c r="G86" s="23">
        <v>13</v>
      </c>
      <c r="H86" s="21">
        <v>148</v>
      </c>
      <c r="I86" s="22">
        <v>86</v>
      </c>
      <c r="J86" s="23">
        <v>62</v>
      </c>
      <c r="K86" s="21">
        <v>132</v>
      </c>
      <c r="L86" s="22">
        <v>74</v>
      </c>
      <c r="M86" s="23">
        <v>58</v>
      </c>
    </row>
    <row r="87" spans="1:13">
      <c r="A87" s="40" t="s">
        <v>90</v>
      </c>
      <c r="B87" s="21">
        <v>-12</v>
      </c>
      <c r="C87" s="22">
        <v>-8</v>
      </c>
      <c r="D87" s="23">
        <v>-4</v>
      </c>
      <c r="E87" s="21">
        <v>24</v>
      </c>
      <c r="F87" s="22">
        <v>17</v>
      </c>
      <c r="G87" s="23">
        <v>7</v>
      </c>
      <c r="H87" s="21">
        <v>146</v>
      </c>
      <c r="I87" s="22">
        <v>78</v>
      </c>
      <c r="J87" s="23">
        <v>68</v>
      </c>
      <c r="K87" s="21">
        <v>134</v>
      </c>
      <c r="L87" s="22">
        <v>69</v>
      </c>
      <c r="M87" s="23">
        <v>65</v>
      </c>
    </row>
    <row r="88" spans="1:13">
      <c r="A88" s="40" t="s">
        <v>91</v>
      </c>
      <c r="B88" s="21">
        <v>-8</v>
      </c>
      <c r="C88" s="22">
        <v>-15</v>
      </c>
      <c r="D88" s="23">
        <v>7</v>
      </c>
      <c r="E88" s="21">
        <v>39</v>
      </c>
      <c r="F88" s="22">
        <v>25</v>
      </c>
      <c r="G88" s="23">
        <v>14</v>
      </c>
      <c r="H88" s="21">
        <v>137</v>
      </c>
      <c r="I88" s="22">
        <v>75</v>
      </c>
      <c r="J88" s="23">
        <v>62</v>
      </c>
      <c r="K88" s="21">
        <v>106</v>
      </c>
      <c r="L88" s="22">
        <v>65</v>
      </c>
      <c r="M88" s="23">
        <v>41</v>
      </c>
    </row>
    <row r="89" spans="1:13" ht="19.5" customHeight="1">
      <c r="A89" s="34" t="s">
        <v>92</v>
      </c>
      <c r="B89" s="17">
        <v>-115</v>
      </c>
      <c r="C89" s="18">
        <v>-85</v>
      </c>
      <c r="D89" s="19">
        <v>-30</v>
      </c>
      <c r="E89" s="18">
        <v>223</v>
      </c>
      <c r="F89" s="18">
        <v>148</v>
      </c>
      <c r="G89" s="19">
        <v>75</v>
      </c>
      <c r="H89" s="18">
        <v>657</v>
      </c>
      <c r="I89" s="18">
        <v>373</v>
      </c>
      <c r="J89" s="19">
        <v>284</v>
      </c>
      <c r="K89" s="18">
        <v>549</v>
      </c>
      <c r="L89" s="18">
        <v>310</v>
      </c>
      <c r="M89" s="19">
        <v>239</v>
      </c>
    </row>
    <row r="90" spans="1:13">
      <c r="A90" s="40" t="s">
        <v>93</v>
      </c>
      <c r="B90" s="21">
        <v>-4</v>
      </c>
      <c r="C90" s="22">
        <v>-10</v>
      </c>
      <c r="D90" s="23">
        <v>6</v>
      </c>
      <c r="E90" s="21">
        <v>32</v>
      </c>
      <c r="F90" s="22">
        <v>24</v>
      </c>
      <c r="G90" s="23">
        <v>8</v>
      </c>
      <c r="H90" s="21">
        <v>169</v>
      </c>
      <c r="I90" s="22">
        <v>103</v>
      </c>
      <c r="J90" s="23">
        <v>66</v>
      </c>
      <c r="K90" s="21">
        <v>141</v>
      </c>
      <c r="L90" s="22">
        <v>89</v>
      </c>
      <c r="M90" s="23">
        <v>52</v>
      </c>
    </row>
    <row r="91" spans="1:13">
      <c r="A91" s="40" t="s">
        <v>94</v>
      </c>
      <c r="B91" s="21">
        <v>-15</v>
      </c>
      <c r="C91" s="22">
        <v>-13</v>
      </c>
      <c r="D91" s="23">
        <v>-2</v>
      </c>
      <c r="E91" s="21">
        <v>51</v>
      </c>
      <c r="F91" s="22">
        <v>33</v>
      </c>
      <c r="G91" s="23">
        <v>18</v>
      </c>
      <c r="H91" s="21">
        <v>147</v>
      </c>
      <c r="I91" s="22">
        <v>84</v>
      </c>
      <c r="J91" s="23">
        <v>63</v>
      </c>
      <c r="K91" s="21">
        <v>111</v>
      </c>
      <c r="L91" s="22">
        <v>64</v>
      </c>
      <c r="M91" s="23">
        <v>47</v>
      </c>
    </row>
    <row r="92" spans="1:13">
      <c r="A92" s="40" t="s">
        <v>95</v>
      </c>
      <c r="B92" s="21">
        <v>-35</v>
      </c>
      <c r="C92" s="22">
        <v>-16</v>
      </c>
      <c r="D92" s="23">
        <v>-19</v>
      </c>
      <c r="E92" s="21">
        <v>45</v>
      </c>
      <c r="F92" s="22">
        <v>25</v>
      </c>
      <c r="G92" s="23">
        <v>20</v>
      </c>
      <c r="H92" s="21">
        <v>123</v>
      </c>
      <c r="I92" s="22">
        <v>70</v>
      </c>
      <c r="J92" s="23">
        <v>53</v>
      </c>
      <c r="K92" s="21">
        <v>113</v>
      </c>
      <c r="L92" s="22">
        <v>61</v>
      </c>
      <c r="M92" s="23">
        <v>52</v>
      </c>
    </row>
    <row r="93" spans="1:13">
      <c r="A93" s="40" t="s">
        <v>96</v>
      </c>
      <c r="B93" s="21">
        <v>-24</v>
      </c>
      <c r="C93" s="22">
        <v>-21</v>
      </c>
      <c r="D93" s="23">
        <v>-3</v>
      </c>
      <c r="E93" s="21">
        <v>37</v>
      </c>
      <c r="F93" s="22">
        <v>27</v>
      </c>
      <c r="G93" s="23">
        <v>10</v>
      </c>
      <c r="H93" s="21">
        <v>100</v>
      </c>
      <c r="I93" s="22">
        <v>54</v>
      </c>
      <c r="J93" s="23">
        <v>46</v>
      </c>
      <c r="K93" s="21">
        <v>87</v>
      </c>
      <c r="L93" s="22">
        <v>48</v>
      </c>
      <c r="M93" s="23">
        <v>39</v>
      </c>
    </row>
    <row r="94" spans="1:13">
      <c r="A94" s="40" t="s">
        <v>97</v>
      </c>
      <c r="B94" s="21">
        <v>-37</v>
      </c>
      <c r="C94" s="22">
        <v>-25</v>
      </c>
      <c r="D94" s="23">
        <v>-12</v>
      </c>
      <c r="E94" s="21">
        <v>58</v>
      </c>
      <c r="F94" s="22">
        <v>39</v>
      </c>
      <c r="G94" s="23">
        <v>19</v>
      </c>
      <c r="H94" s="21">
        <v>118</v>
      </c>
      <c r="I94" s="22">
        <v>62</v>
      </c>
      <c r="J94" s="23">
        <v>56</v>
      </c>
      <c r="K94" s="21">
        <v>97</v>
      </c>
      <c r="L94" s="22">
        <v>48</v>
      </c>
      <c r="M94" s="23">
        <v>49</v>
      </c>
    </row>
    <row r="95" spans="1:13" ht="19.5" customHeight="1">
      <c r="A95" s="34" t="s">
        <v>98</v>
      </c>
      <c r="B95" s="17">
        <v>-400</v>
      </c>
      <c r="C95" s="18">
        <v>-252</v>
      </c>
      <c r="D95" s="19">
        <v>-148</v>
      </c>
      <c r="E95" s="18">
        <v>390</v>
      </c>
      <c r="F95" s="18">
        <v>240</v>
      </c>
      <c r="G95" s="19">
        <v>150</v>
      </c>
      <c r="H95" s="18">
        <v>481</v>
      </c>
      <c r="I95" s="18">
        <v>248</v>
      </c>
      <c r="J95" s="19">
        <v>233</v>
      </c>
      <c r="K95" s="18">
        <v>491</v>
      </c>
      <c r="L95" s="18">
        <v>260</v>
      </c>
      <c r="M95" s="19">
        <v>231</v>
      </c>
    </row>
    <row r="96" spans="1:13">
      <c r="A96" s="40" t="s">
        <v>99</v>
      </c>
      <c r="B96" s="21">
        <v>-34</v>
      </c>
      <c r="C96" s="22">
        <v>-24</v>
      </c>
      <c r="D96" s="23">
        <v>-10</v>
      </c>
      <c r="E96" s="21">
        <v>45</v>
      </c>
      <c r="F96" s="22">
        <v>28</v>
      </c>
      <c r="G96" s="23">
        <v>17</v>
      </c>
      <c r="H96" s="21">
        <v>108</v>
      </c>
      <c r="I96" s="22">
        <v>58</v>
      </c>
      <c r="J96" s="23">
        <v>50</v>
      </c>
      <c r="K96" s="21">
        <v>97</v>
      </c>
      <c r="L96" s="22">
        <v>54</v>
      </c>
      <c r="M96" s="23">
        <v>43</v>
      </c>
    </row>
    <row r="97" spans="1:13">
      <c r="A97" s="40" t="s">
        <v>100</v>
      </c>
      <c r="B97" s="21">
        <v>-72</v>
      </c>
      <c r="C97" s="22">
        <v>-45</v>
      </c>
      <c r="D97" s="23">
        <v>-27</v>
      </c>
      <c r="E97" s="21">
        <v>74</v>
      </c>
      <c r="F97" s="22">
        <v>45</v>
      </c>
      <c r="G97" s="23">
        <v>29</v>
      </c>
      <c r="H97" s="21">
        <v>101</v>
      </c>
      <c r="I97" s="22">
        <v>51</v>
      </c>
      <c r="J97" s="23">
        <v>50</v>
      </c>
      <c r="K97" s="21">
        <v>99</v>
      </c>
      <c r="L97" s="22">
        <v>51</v>
      </c>
      <c r="M97" s="23">
        <v>48</v>
      </c>
    </row>
    <row r="98" spans="1:13">
      <c r="A98" s="40" t="s">
        <v>101</v>
      </c>
      <c r="B98" s="21">
        <v>-83</v>
      </c>
      <c r="C98" s="22">
        <v>-52</v>
      </c>
      <c r="D98" s="23">
        <v>-31</v>
      </c>
      <c r="E98" s="21">
        <v>69</v>
      </c>
      <c r="F98" s="22">
        <v>45</v>
      </c>
      <c r="G98" s="23">
        <v>24</v>
      </c>
      <c r="H98" s="21">
        <v>77</v>
      </c>
      <c r="I98" s="22">
        <v>41</v>
      </c>
      <c r="J98" s="23">
        <v>36</v>
      </c>
      <c r="K98" s="21">
        <v>91</v>
      </c>
      <c r="L98" s="22">
        <v>48</v>
      </c>
      <c r="M98" s="23">
        <v>43</v>
      </c>
    </row>
    <row r="99" spans="1:13">
      <c r="A99" s="40" t="s">
        <v>102</v>
      </c>
      <c r="B99" s="21">
        <v>-107</v>
      </c>
      <c r="C99" s="22">
        <v>-67</v>
      </c>
      <c r="D99" s="23">
        <v>-40</v>
      </c>
      <c r="E99" s="21">
        <v>108</v>
      </c>
      <c r="F99" s="22">
        <v>66</v>
      </c>
      <c r="G99" s="23">
        <v>42</v>
      </c>
      <c r="H99" s="21">
        <v>90</v>
      </c>
      <c r="I99" s="22">
        <v>45</v>
      </c>
      <c r="J99" s="23">
        <v>45</v>
      </c>
      <c r="K99" s="21">
        <v>89</v>
      </c>
      <c r="L99" s="22">
        <v>46</v>
      </c>
      <c r="M99" s="23">
        <v>43</v>
      </c>
    </row>
    <row r="100" spans="1:13">
      <c r="A100" s="40" t="s">
        <v>103</v>
      </c>
      <c r="B100" s="21">
        <v>-104</v>
      </c>
      <c r="C100" s="22">
        <v>-64</v>
      </c>
      <c r="D100" s="23">
        <v>-40</v>
      </c>
      <c r="E100" s="21">
        <v>94</v>
      </c>
      <c r="F100" s="22">
        <v>56</v>
      </c>
      <c r="G100" s="23">
        <v>38</v>
      </c>
      <c r="H100" s="21">
        <v>105</v>
      </c>
      <c r="I100" s="22">
        <v>53</v>
      </c>
      <c r="J100" s="23">
        <v>52</v>
      </c>
      <c r="K100" s="21">
        <v>115</v>
      </c>
      <c r="L100" s="22">
        <v>61</v>
      </c>
      <c r="M100" s="23">
        <v>54</v>
      </c>
    </row>
    <row r="101" spans="1:13" ht="19.5" customHeight="1">
      <c r="A101" s="34" t="s">
        <v>104</v>
      </c>
      <c r="B101" s="17">
        <v>-756</v>
      </c>
      <c r="C101" s="18">
        <v>-443</v>
      </c>
      <c r="D101" s="19">
        <v>-313</v>
      </c>
      <c r="E101" s="18">
        <v>698</v>
      </c>
      <c r="F101" s="18">
        <v>449</v>
      </c>
      <c r="G101" s="19">
        <v>249</v>
      </c>
      <c r="H101" s="18">
        <v>401</v>
      </c>
      <c r="I101" s="18">
        <v>205</v>
      </c>
      <c r="J101" s="19">
        <v>196</v>
      </c>
      <c r="K101" s="18">
        <v>459</v>
      </c>
      <c r="L101" s="18">
        <v>199</v>
      </c>
      <c r="M101" s="19">
        <v>260</v>
      </c>
    </row>
    <row r="102" spans="1:13">
      <c r="A102" s="40" t="s">
        <v>105</v>
      </c>
      <c r="B102" s="21">
        <v>-140</v>
      </c>
      <c r="C102" s="22">
        <v>-74</v>
      </c>
      <c r="D102" s="23">
        <v>-66</v>
      </c>
      <c r="E102" s="21">
        <v>144</v>
      </c>
      <c r="F102" s="22">
        <v>93</v>
      </c>
      <c r="G102" s="23">
        <v>51</v>
      </c>
      <c r="H102" s="21">
        <v>108</v>
      </c>
      <c r="I102" s="22">
        <v>59</v>
      </c>
      <c r="J102" s="23">
        <v>49</v>
      </c>
      <c r="K102" s="21">
        <v>104</v>
      </c>
      <c r="L102" s="22">
        <v>40</v>
      </c>
      <c r="M102" s="23">
        <v>64</v>
      </c>
    </row>
    <row r="103" spans="1:13">
      <c r="A103" s="40" t="s">
        <v>106</v>
      </c>
      <c r="B103" s="21">
        <v>-183</v>
      </c>
      <c r="C103" s="22">
        <v>-117</v>
      </c>
      <c r="D103" s="23">
        <v>-66</v>
      </c>
      <c r="E103" s="21">
        <v>165</v>
      </c>
      <c r="F103" s="22">
        <v>106</v>
      </c>
      <c r="G103" s="23">
        <v>59</v>
      </c>
      <c r="H103" s="21">
        <v>97</v>
      </c>
      <c r="I103" s="22">
        <v>50</v>
      </c>
      <c r="J103" s="23">
        <v>47</v>
      </c>
      <c r="K103" s="21">
        <v>115</v>
      </c>
      <c r="L103" s="22">
        <v>61</v>
      </c>
      <c r="M103" s="23">
        <v>54</v>
      </c>
    </row>
    <row r="104" spans="1:13">
      <c r="A104" s="40" t="s">
        <v>107</v>
      </c>
      <c r="B104" s="21">
        <v>-179</v>
      </c>
      <c r="C104" s="22">
        <v>-101</v>
      </c>
      <c r="D104" s="23">
        <v>-78</v>
      </c>
      <c r="E104" s="21">
        <v>154</v>
      </c>
      <c r="F104" s="22">
        <v>99</v>
      </c>
      <c r="G104" s="23">
        <v>55</v>
      </c>
      <c r="H104" s="21">
        <v>76</v>
      </c>
      <c r="I104" s="22">
        <v>39</v>
      </c>
      <c r="J104" s="23">
        <v>37</v>
      </c>
      <c r="K104" s="21">
        <v>101</v>
      </c>
      <c r="L104" s="22">
        <v>41</v>
      </c>
      <c r="M104" s="23">
        <v>60</v>
      </c>
    </row>
    <row r="105" spans="1:13">
      <c r="A105" s="40" t="s">
        <v>108</v>
      </c>
      <c r="B105" s="21">
        <v>-124</v>
      </c>
      <c r="C105" s="22">
        <v>-73</v>
      </c>
      <c r="D105" s="23">
        <v>-51</v>
      </c>
      <c r="E105" s="21">
        <v>107</v>
      </c>
      <c r="F105" s="22">
        <v>73</v>
      </c>
      <c r="G105" s="23">
        <v>34</v>
      </c>
      <c r="H105" s="21">
        <v>51</v>
      </c>
      <c r="I105" s="22">
        <v>26</v>
      </c>
      <c r="J105" s="23">
        <v>25</v>
      </c>
      <c r="K105" s="21">
        <v>68</v>
      </c>
      <c r="L105" s="22">
        <v>26</v>
      </c>
      <c r="M105" s="23">
        <v>42</v>
      </c>
    </row>
    <row r="106" spans="1:13">
      <c r="A106" s="40" t="s">
        <v>109</v>
      </c>
      <c r="B106" s="21">
        <v>-130</v>
      </c>
      <c r="C106" s="22">
        <v>-78</v>
      </c>
      <c r="D106" s="23">
        <v>-52</v>
      </c>
      <c r="E106" s="21">
        <v>128</v>
      </c>
      <c r="F106" s="22">
        <v>78</v>
      </c>
      <c r="G106" s="23">
        <v>50</v>
      </c>
      <c r="H106" s="21">
        <v>69</v>
      </c>
      <c r="I106" s="22">
        <v>31</v>
      </c>
      <c r="J106" s="23">
        <v>38</v>
      </c>
      <c r="K106" s="21">
        <v>71</v>
      </c>
      <c r="L106" s="22">
        <v>31</v>
      </c>
      <c r="M106" s="23">
        <v>40</v>
      </c>
    </row>
    <row r="107" spans="1:13" ht="19.5" customHeight="1">
      <c r="A107" s="34" t="s">
        <v>110</v>
      </c>
      <c r="B107" s="17">
        <v>-1104</v>
      </c>
      <c r="C107" s="18">
        <v>-718</v>
      </c>
      <c r="D107" s="19">
        <v>-386</v>
      </c>
      <c r="E107" s="18">
        <v>1010</v>
      </c>
      <c r="F107" s="18">
        <v>672</v>
      </c>
      <c r="G107" s="19">
        <v>338</v>
      </c>
      <c r="H107" s="18">
        <v>346</v>
      </c>
      <c r="I107" s="18">
        <v>134</v>
      </c>
      <c r="J107" s="19">
        <v>212</v>
      </c>
      <c r="K107" s="18">
        <v>440</v>
      </c>
      <c r="L107" s="18">
        <v>180</v>
      </c>
      <c r="M107" s="19">
        <v>260</v>
      </c>
    </row>
    <row r="108" spans="1:13">
      <c r="A108" s="40" t="s">
        <v>111</v>
      </c>
      <c r="B108" s="21">
        <v>-221</v>
      </c>
      <c r="C108" s="22">
        <v>-158</v>
      </c>
      <c r="D108" s="23">
        <v>-63</v>
      </c>
      <c r="E108" s="21">
        <v>189</v>
      </c>
      <c r="F108" s="22">
        <v>142</v>
      </c>
      <c r="G108" s="23">
        <v>47</v>
      </c>
      <c r="H108" s="21">
        <v>91</v>
      </c>
      <c r="I108" s="22">
        <v>34</v>
      </c>
      <c r="J108" s="23">
        <v>57</v>
      </c>
      <c r="K108" s="21">
        <v>123</v>
      </c>
      <c r="L108" s="22">
        <v>50</v>
      </c>
      <c r="M108" s="23">
        <v>73</v>
      </c>
    </row>
    <row r="109" spans="1:13">
      <c r="A109" s="40" t="s">
        <v>112</v>
      </c>
      <c r="B109" s="21">
        <v>-187</v>
      </c>
      <c r="C109" s="22">
        <v>-128</v>
      </c>
      <c r="D109" s="23">
        <v>-59</v>
      </c>
      <c r="E109" s="21">
        <v>178</v>
      </c>
      <c r="F109" s="22">
        <v>120</v>
      </c>
      <c r="G109" s="23">
        <v>58</v>
      </c>
      <c r="H109" s="21">
        <v>74</v>
      </c>
      <c r="I109" s="22">
        <v>27</v>
      </c>
      <c r="J109" s="23">
        <v>47</v>
      </c>
      <c r="K109" s="21">
        <v>83</v>
      </c>
      <c r="L109" s="22">
        <v>35</v>
      </c>
      <c r="M109" s="23">
        <v>48</v>
      </c>
    </row>
    <row r="110" spans="1:13">
      <c r="A110" s="40" t="s">
        <v>113</v>
      </c>
      <c r="B110" s="21">
        <v>-232</v>
      </c>
      <c r="C110" s="22">
        <v>-138</v>
      </c>
      <c r="D110" s="23">
        <v>-94</v>
      </c>
      <c r="E110" s="21">
        <v>211</v>
      </c>
      <c r="F110" s="22">
        <v>131</v>
      </c>
      <c r="G110" s="23">
        <v>80</v>
      </c>
      <c r="H110" s="21">
        <v>64</v>
      </c>
      <c r="I110" s="22">
        <v>27</v>
      </c>
      <c r="J110" s="23">
        <v>37</v>
      </c>
      <c r="K110" s="21">
        <v>85</v>
      </c>
      <c r="L110" s="22">
        <v>34</v>
      </c>
      <c r="M110" s="23">
        <v>51</v>
      </c>
    </row>
    <row r="111" spans="1:13">
      <c r="A111" s="40" t="s">
        <v>114</v>
      </c>
      <c r="B111" s="21">
        <v>-246</v>
      </c>
      <c r="C111" s="22">
        <v>-159</v>
      </c>
      <c r="D111" s="23">
        <v>-87</v>
      </c>
      <c r="E111" s="21">
        <v>228</v>
      </c>
      <c r="F111" s="22">
        <v>152</v>
      </c>
      <c r="G111" s="23">
        <v>76</v>
      </c>
      <c r="H111" s="21">
        <v>62</v>
      </c>
      <c r="I111" s="22">
        <v>29</v>
      </c>
      <c r="J111" s="23">
        <v>33</v>
      </c>
      <c r="K111" s="21">
        <v>80</v>
      </c>
      <c r="L111" s="22">
        <v>36</v>
      </c>
      <c r="M111" s="23">
        <v>44</v>
      </c>
    </row>
    <row r="112" spans="1:13">
      <c r="A112" s="40" t="s">
        <v>115</v>
      </c>
      <c r="B112" s="21">
        <v>-218</v>
      </c>
      <c r="C112" s="22">
        <v>-135</v>
      </c>
      <c r="D112" s="23">
        <v>-83</v>
      </c>
      <c r="E112" s="21">
        <v>204</v>
      </c>
      <c r="F112" s="22">
        <v>127</v>
      </c>
      <c r="G112" s="23">
        <v>77</v>
      </c>
      <c r="H112" s="21">
        <v>55</v>
      </c>
      <c r="I112" s="22">
        <v>17</v>
      </c>
      <c r="J112" s="23">
        <v>38</v>
      </c>
      <c r="K112" s="21">
        <v>69</v>
      </c>
      <c r="L112" s="22">
        <v>25</v>
      </c>
      <c r="M112" s="23">
        <v>44</v>
      </c>
    </row>
    <row r="113" spans="1:13" ht="19.5" customHeight="1">
      <c r="A113" s="34" t="s">
        <v>116</v>
      </c>
      <c r="B113" s="17">
        <v>-1481</v>
      </c>
      <c r="C113" s="18">
        <v>-875</v>
      </c>
      <c r="D113" s="19">
        <v>-606</v>
      </c>
      <c r="E113" s="18">
        <v>1434</v>
      </c>
      <c r="F113" s="18">
        <v>854</v>
      </c>
      <c r="G113" s="19">
        <v>580</v>
      </c>
      <c r="H113" s="18">
        <v>295</v>
      </c>
      <c r="I113" s="18">
        <v>98</v>
      </c>
      <c r="J113" s="19">
        <v>197</v>
      </c>
      <c r="K113" s="18">
        <v>342</v>
      </c>
      <c r="L113" s="18">
        <v>119</v>
      </c>
      <c r="M113" s="19">
        <v>223</v>
      </c>
    </row>
    <row r="114" spans="1:13">
      <c r="A114" s="40" t="s">
        <v>117</v>
      </c>
      <c r="B114" s="21">
        <v>-208</v>
      </c>
      <c r="C114" s="22">
        <v>-131</v>
      </c>
      <c r="D114" s="23">
        <v>-77</v>
      </c>
      <c r="E114" s="21">
        <v>211</v>
      </c>
      <c r="F114" s="22">
        <v>134</v>
      </c>
      <c r="G114" s="23">
        <v>77</v>
      </c>
      <c r="H114" s="21">
        <v>66</v>
      </c>
      <c r="I114" s="22">
        <v>29</v>
      </c>
      <c r="J114" s="23">
        <v>37</v>
      </c>
      <c r="K114" s="21">
        <v>63</v>
      </c>
      <c r="L114" s="22">
        <v>26</v>
      </c>
      <c r="M114" s="23">
        <v>37</v>
      </c>
    </row>
    <row r="115" spans="1:13">
      <c r="A115" s="40" t="s">
        <v>118</v>
      </c>
      <c r="B115" s="21">
        <v>-286</v>
      </c>
      <c r="C115" s="22">
        <v>-179</v>
      </c>
      <c r="D115" s="23">
        <v>-107</v>
      </c>
      <c r="E115" s="21">
        <v>275</v>
      </c>
      <c r="F115" s="22">
        <v>177</v>
      </c>
      <c r="G115" s="23">
        <v>98</v>
      </c>
      <c r="H115" s="21">
        <v>59</v>
      </c>
      <c r="I115" s="22">
        <v>21</v>
      </c>
      <c r="J115" s="23">
        <v>38</v>
      </c>
      <c r="K115" s="21">
        <v>70</v>
      </c>
      <c r="L115" s="22">
        <v>23</v>
      </c>
      <c r="M115" s="23">
        <v>47</v>
      </c>
    </row>
    <row r="116" spans="1:13">
      <c r="A116" s="40" t="s">
        <v>119</v>
      </c>
      <c r="B116" s="21">
        <v>-294</v>
      </c>
      <c r="C116" s="22">
        <v>-177</v>
      </c>
      <c r="D116" s="23">
        <v>-117</v>
      </c>
      <c r="E116" s="21">
        <v>291</v>
      </c>
      <c r="F116" s="22">
        <v>171</v>
      </c>
      <c r="G116" s="23">
        <v>120</v>
      </c>
      <c r="H116" s="21">
        <v>67</v>
      </c>
      <c r="I116" s="22">
        <v>19</v>
      </c>
      <c r="J116" s="23">
        <v>48</v>
      </c>
      <c r="K116" s="21">
        <v>70</v>
      </c>
      <c r="L116" s="22">
        <v>25</v>
      </c>
      <c r="M116" s="23">
        <v>45</v>
      </c>
    </row>
    <row r="117" spans="1:13">
      <c r="A117" s="40" t="s">
        <v>120</v>
      </c>
      <c r="B117" s="21">
        <v>-328</v>
      </c>
      <c r="C117" s="22">
        <v>-192</v>
      </c>
      <c r="D117" s="23">
        <v>-136</v>
      </c>
      <c r="E117" s="21">
        <v>307</v>
      </c>
      <c r="F117" s="22">
        <v>180</v>
      </c>
      <c r="G117" s="23">
        <v>127</v>
      </c>
      <c r="H117" s="21">
        <v>45</v>
      </c>
      <c r="I117" s="22">
        <v>9</v>
      </c>
      <c r="J117" s="23">
        <v>36</v>
      </c>
      <c r="K117" s="21">
        <v>66</v>
      </c>
      <c r="L117" s="22">
        <v>21</v>
      </c>
      <c r="M117" s="23">
        <v>45</v>
      </c>
    </row>
    <row r="118" spans="1:13">
      <c r="A118" s="40" t="s">
        <v>121</v>
      </c>
      <c r="B118" s="21">
        <v>-365</v>
      </c>
      <c r="C118" s="22">
        <v>-196</v>
      </c>
      <c r="D118" s="23">
        <v>-169</v>
      </c>
      <c r="E118" s="21">
        <v>350</v>
      </c>
      <c r="F118" s="22">
        <v>192</v>
      </c>
      <c r="G118" s="23">
        <v>158</v>
      </c>
      <c r="H118" s="21">
        <v>58</v>
      </c>
      <c r="I118" s="22">
        <v>20</v>
      </c>
      <c r="J118" s="23">
        <v>38</v>
      </c>
      <c r="K118" s="21">
        <v>73</v>
      </c>
      <c r="L118" s="22">
        <v>24</v>
      </c>
      <c r="M118" s="23">
        <v>49</v>
      </c>
    </row>
    <row r="119" spans="1:13" ht="19.5" customHeight="1">
      <c r="A119" s="34" t="s">
        <v>122</v>
      </c>
      <c r="B119" s="17">
        <v>-1858</v>
      </c>
      <c r="C119" s="18">
        <v>-949</v>
      </c>
      <c r="D119" s="19">
        <v>-909</v>
      </c>
      <c r="E119" s="18">
        <v>1833</v>
      </c>
      <c r="F119" s="18">
        <v>936</v>
      </c>
      <c r="G119" s="19">
        <v>897</v>
      </c>
      <c r="H119" s="18">
        <v>276</v>
      </c>
      <c r="I119" s="18">
        <v>82</v>
      </c>
      <c r="J119" s="19">
        <v>194</v>
      </c>
      <c r="K119" s="18">
        <v>301</v>
      </c>
      <c r="L119" s="18">
        <v>95</v>
      </c>
      <c r="M119" s="19">
        <v>206</v>
      </c>
    </row>
    <row r="120" spans="1:13">
      <c r="A120" s="40" t="s">
        <v>123</v>
      </c>
      <c r="B120" s="21">
        <v>-350</v>
      </c>
      <c r="C120" s="22">
        <v>-193</v>
      </c>
      <c r="D120" s="23">
        <v>-157</v>
      </c>
      <c r="E120" s="21">
        <v>346</v>
      </c>
      <c r="F120" s="22">
        <v>187</v>
      </c>
      <c r="G120" s="23">
        <v>159</v>
      </c>
      <c r="H120" s="21">
        <v>59</v>
      </c>
      <c r="I120" s="22">
        <v>17</v>
      </c>
      <c r="J120" s="23">
        <v>42</v>
      </c>
      <c r="K120" s="21">
        <v>63</v>
      </c>
      <c r="L120" s="22">
        <v>23</v>
      </c>
      <c r="M120" s="23">
        <v>40</v>
      </c>
    </row>
    <row r="121" spans="1:13">
      <c r="A121" s="40" t="s">
        <v>124</v>
      </c>
      <c r="B121" s="21">
        <v>-387</v>
      </c>
      <c r="C121" s="22">
        <v>-210</v>
      </c>
      <c r="D121" s="23">
        <v>-177</v>
      </c>
      <c r="E121" s="21">
        <v>379</v>
      </c>
      <c r="F121" s="22">
        <v>204</v>
      </c>
      <c r="G121" s="23">
        <v>175</v>
      </c>
      <c r="H121" s="21">
        <v>53</v>
      </c>
      <c r="I121" s="22">
        <v>18</v>
      </c>
      <c r="J121" s="23">
        <v>35</v>
      </c>
      <c r="K121" s="21">
        <v>61</v>
      </c>
      <c r="L121" s="22">
        <v>24</v>
      </c>
      <c r="M121" s="23">
        <v>37</v>
      </c>
    </row>
    <row r="122" spans="1:13">
      <c r="A122" s="40" t="s">
        <v>125</v>
      </c>
      <c r="B122" s="21">
        <v>-384</v>
      </c>
      <c r="C122" s="22">
        <v>-202</v>
      </c>
      <c r="D122" s="23">
        <v>-182</v>
      </c>
      <c r="E122" s="21">
        <v>372</v>
      </c>
      <c r="F122" s="22">
        <v>201</v>
      </c>
      <c r="G122" s="23">
        <v>171</v>
      </c>
      <c r="H122" s="21">
        <v>55</v>
      </c>
      <c r="I122" s="22">
        <v>15</v>
      </c>
      <c r="J122" s="23">
        <v>40</v>
      </c>
      <c r="K122" s="21">
        <v>67</v>
      </c>
      <c r="L122" s="22">
        <v>16</v>
      </c>
      <c r="M122" s="23">
        <v>51</v>
      </c>
    </row>
    <row r="123" spans="1:13">
      <c r="A123" s="40" t="s">
        <v>126</v>
      </c>
      <c r="B123" s="21">
        <v>-387</v>
      </c>
      <c r="C123" s="22">
        <v>-187</v>
      </c>
      <c r="D123" s="23">
        <v>-200</v>
      </c>
      <c r="E123" s="21">
        <v>374</v>
      </c>
      <c r="F123" s="22">
        <v>179</v>
      </c>
      <c r="G123" s="23">
        <v>195</v>
      </c>
      <c r="H123" s="21">
        <v>51</v>
      </c>
      <c r="I123" s="22">
        <v>14</v>
      </c>
      <c r="J123" s="23">
        <v>37</v>
      </c>
      <c r="K123" s="21">
        <v>64</v>
      </c>
      <c r="L123" s="22">
        <v>22</v>
      </c>
      <c r="M123" s="23">
        <v>42</v>
      </c>
    </row>
    <row r="124" spans="1:13">
      <c r="A124" s="40" t="s">
        <v>127</v>
      </c>
      <c r="B124" s="21">
        <v>-350</v>
      </c>
      <c r="C124" s="22">
        <v>-157</v>
      </c>
      <c r="D124" s="23">
        <v>-193</v>
      </c>
      <c r="E124" s="21">
        <v>362</v>
      </c>
      <c r="F124" s="22">
        <v>165</v>
      </c>
      <c r="G124" s="23">
        <v>197</v>
      </c>
      <c r="H124" s="21">
        <v>58</v>
      </c>
      <c r="I124" s="22">
        <v>18</v>
      </c>
      <c r="J124" s="23">
        <v>40</v>
      </c>
      <c r="K124" s="21">
        <v>46</v>
      </c>
      <c r="L124" s="22">
        <v>10</v>
      </c>
      <c r="M124" s="23">
        <v>36</v>
      </c>
    </row>
    <row r="125" spans="1:13" ht="19.5" customHeight="1">
      <c r="A125" s="34" t="s">
        <v>128</v>
      </c>
      <c r="B125" s="17">
        <v>-1643</v>
      </c>
      <c r="C125" s="18">
        <v>-651</v>
      </c>
      <c r="D125" s="19">
        <v>-992</v>
      </c>
      <c r="E125" s="18">
        <v>1615</v>
      </c>
      <c r="F125" s="18">
        <v>634</v>
      </c>
      <c r="G125" s="19">
        <v>981</v>
      </c>
      <c r="H125" s="18">
        <v>154</v>
      </c>
      <c r="I125" s="18">
        <v>41</v>
      </c>
      <c r="J125" s="19">
        <v>113</v>
      </c>
      <c r="K125" s="18">
        <v>182</v>
      </c>
      <c r="L125" s="18">
        <v>58</v>
      </c>
      <c r="M125" s="19">
        <v>124</v>
      </c>
    </row>
    <row r="126" spans="1:13">
      <c r="A126" s="40" t="s">
        <v>129</v>
      </c>
      <c r="B126" s="21">
        <v>-393</v>
      </c>
      <c r="C126" s="22">
        <v>-178</v>
      </c>
      <c r="D126" s="23">
        <v>-215</v>
      </c>
      <c r="E126" s="21">
        <v>371</v>
      </c>
      <c r="F126" s="22">
        <v>162</v>
      </c>
      <c r="G126" s="23">
        <v>209</v>
      </c>
      <c r="H126" s="21">
        <v>35</v>
      </c>
      <c r="I126" s="22">
        <v>8</v>
      </c>
      <c r="J126" s="23">
        <v>27</v>
      </c>
      <c r="K126" s="21">
        <v>57</v>
      </c>
      <c r="L126" s="22">
        <v>24</v>
      </c>
      <c r="M126" s="23">
        <v>33</v>
      </c>
    </row>
    <row r="127" spans="1:13">
      <c r="A127" s="40" t="s">
        <v>130</v>
      </c>
      <c r="B127" s="21">
        <v>-338</v>
      </c>
      <c r="C127" s="22">
        <v>-142</v>
      </c>
      <c r="D127" s="23">
        <v>-196</v>
      </c>
      <c r="E127" s="21">
        <v>346</v>
      </c>
      <c r="F127" s="22">
        <v>143</v>
      </c>
      <c r="G127" s="23">
        <v>203</v>
      </c>
      <c r="H127" s="21">
        <v>36</v>
      </c>
      <c r="I127" s="22">
        <v>10</v>
      </c>
      <c r="J127" s="23">
        <v>26</v>
      </c>
      <c r="K127" s="21">
        <v>28</v>
      </c>
      <c r="L127" s="22">
        <v>9</v>
      </c>
      <c r="M127" s="23">
        <v>19</v>
      </c>
    </row>
    <row r="128" spans="1:13">
      <c r="A128" s="40" t="s">
        <v>131</v>
      </c>
      <c r="B128" s="21">
        <v>-327</v>
      </c>
      <c r="C128" s="22">
        <v>-138</v>
      </c>
      <c r="D128" s="23">
        <v>-189</v>
      </c>
      <c r="E128" s="21">
        <v>324</v>
      </c>
      <c r="F128" s="22">
        <v>136</v>
      </c>
      <c r="G128" s="23">
        <v>188</v>
      </c>
      <c r="H128" s="21">
        <v>38</v>
      </c>
      <c r="I128" s="22">
        <v>8</v>
      </c>
      <c r="J128" s="23">
        <v>30</v>
      </c>
      <c r="K128" s="21">
        <v>41</v>
      </c>
      <c r="L128" s="22">
        <v>10</v>
      </c>
      <c r="M128" s="23">
        <v>31</v>
      </c>
    </row>
    <row r="129" spans="1:13">
      <c r="A129" s="40" t="s">
        <v>132</v>
      </c>
      <c r="B129" s="21">
        <v>-278</v>
      </c>
      <c r="C129" s="22">
        <v>-104</v>
      </c>
      <c r="D129" s="23">
        <v>-174</v>
      </c>
      <c r="E129" s="21">
        <v>278</v>
      </c>
      <c r="F129" s="22">
        <v>101</v>
      </c>
      <c r="G129" s="23">
        <v>177</v>
      </c>
      <c r="H129" s="21">
        <v>21</v>
      </c>
      <c r="I129" s="22">
        <v>5</v>
      </c>
      <c r="J129" s="23">
        <v>16</v>
      </c>
      <c r="K129" s="21">
        <v>21</v>
      </c>
      <c r="L129" s="22">
        <v>8</v>
      </c>
      <c r="M129" s="23">
        <v>13</v>
      </c>
    </row>
    <row r="130" spans="1:13">
      <c r="A130" s="40" t="s">
        <v>133</v>
      </c>
      <c r="B130" s="21">
        <v>-307</v>
      </c>
      <c r="C130" s="22">
        <v>-89</v>
      </c>
      <c r="D130" s="23">
        <v>-218</v>
      </c>
      <c r="E130" s="21">
        <v>296</v>
      </c>
      <c r="F130" s="22">
        <v>92</v>
      </c>
      <c r="G130" s="23">
        <v>204</v>
      </c>
      <c r="H130" s="21">
        <v>24</v>
      </c>
      <c r="I130" s="22">
        <v>10</v>
      </c>
      <c r="J130" s="23">
        <v>14</v>
      </c>
      <c r="K130" s="21">
        <v>35</v>
      </c>
      <c r="L130" s="22">
        <v>7</v>
      </c>
      <c r="M130" s="23">
        <v>28</v>
      </c>
    </row>
    <row r="131" spans="1:13" ht="19.5" customHeight="1">
      <c r="A131" s="34" t="s">
        <v>134</v>
      </c>
      <c r="B131" s="17">
        <v>-745</v>
      </c>
      <c r="C131" s="18">
        <v>-187</v>
      </c>
      <c r="D131" s="19">
        <v>-558</v>
      </c>
      <c r="E131" s="18">
        <v>736</v>
      </c>
      <c r="F131" s="18">
        <v>186</v>
      </c>
      <c r="G131" s="19">
        <v>550</v>
      </c>
      <c r="H131" s="18">
        <v>38</v>
      </c>
      <c r="I131" s="18">
        <v>4</v>
      </c>
      <c r="J131" s="19">
        <v>34</v>
      </c>
      <c r="K131" s="18">
        <v>47</v>
      </c>
      <c r="L131" s="18">
        <v>5</v>
      </c>
      <c r="M131" s="19">
        <v>42</v>
      </c>
    </row>
    <row r="132" spans="1:13">
      <c r="A132" s="40" t="s">
        <v>135</v>
      </c>
      <c r="B132" s="21">
        <v>-236</v>
      </c>
      <c r="C132" s="22">
        <v>-63</v>
      </c>
      <c r="D132" s="23">
        <v>-173</v>
      </c>
      <c r="E132" s="21">
        <v>230</v>
      </c>
      <c r="F132" s="22">
        <v>62</v>
      </c>
      <c r="G132" s="23">
        <v>168</v>
      </c>
      <c r="H132" s="21">
        <v>16</v>
      </c>
      <c r="I132" s="22">
        <v>1</v>
      </c>
      <c r="J132" s="23">
        <v>15</v>
      </c>
      <c r="K132" s="21">
        <v>22</v>
      </c>
      <c r="L132" s="22">
        <v>2</v>
      </c>
      <c r="M132" s="23">
        <v>20</v>
      </c>
    </row>
    <row r="133" spans="1:13">
      <c r="A133" s="40" t="s">
        <v>136</v>
      </c>
      <c r="B133" s="21">
        <v>-193</v>
      </c>
      <c r="C133" s="22">
        <v>-48</v>
      </c>
      <c r="D133" s="23">
        <v>-145</v>
      </c>
      <c r="E133" s="21">
        <v>189</v>
      </c>
      <c r="F133" s="22">
        <v>49</v>
      </c>
      <c r="G133" s="23">
        <v>140</v>
      </c>
      <c r="H133" s="21">
        <v>4</v>
      </c>
      <c r="I133" s="22">
        <v>2</v>
      </c>
      <c r="J133" s="23">
        <v>2</v>
      </c>
      <c r="K133" s="21">
        <v>8</v>
      </c>
      <c r="L133" s="22">
        <v>1</v>
      </c>
      <c r="M133" s="23">
        <v>7</v>
      </c>
    </row>
    <row r="134" spans="1:13">
      <c r="A134" s="40" t="s">
        <v>137</v>
      </c>
      <c r="B134" s="21">
        <v>-146</v>
      </c>
      <c r="C134" s="22">
        <v>-43</v>
      </c>
      <c r="D134" s="23">
        <v>-103</v>
      </c>
      <c r="E134" s="21">
        <v>149</v>
      </c>
      <c r="F134" s="22">
        <v>43</v>
      </c>
      <c r="G134" s="23">
        <v>106</v>
      </c>
      <c r="H134" s="21">
        <v>10</v>
      </c>
      <c r="I134" s="22">
        <v>0</v>
      </c>
      <c r="J134" s="23">
        <v>10</v>
      </c>
      <c r="K134" s="21">
        <v>7</v>
      </c>
      <c r="L134" s="22">
        <v>0</v>
      </c>
      <c r="M134" s="23">
        <v>7</v>
      </c>
    </row>
    <row r="135" spans="1:13">
      <c r="A135" s="40" t="s">
        <v>138</v>
      </c>
      <c r="B135" s="21">
        <v>-90</v>
      </c>
      <c r="C135" s="22">
        <v>-15</v>
      </c>
      <c r="D135" s="23">
        <v>-75</v>
      </c>
      <c r="E135" s="21">
        <v>92</v>
      </c>
      <c r="F135" s="22">
        <v>16</v>
      </c>
      <c r="G135" s="23">
        <v>76</v>
      </c>
      <c r="H135" s="21">
        <v>6</v>
      </c>
      <c r="I135" s="22">
        <v>1</v>
      </c>
      <c r="J135" s="23">
        <v>5</v>
      </c>
      <c r="K135" s="21">
        <v>4</v>
      </c>
      <c r="L135" s="22">
        <v>0</v>
      </c>
      <c r="M135" s="23">
        <v>4</v>
      </c>
    </row>
    <row r="136" spans="1:13">
      <c r="A136" s="40" t="s">
        <v>139</v>
      </c>
      <c r="B136" s="21">
        <v>-80</v>
      </c>
      <c r="C136" s="22">
        <v>-18</v>
      </c>
      <c r="D136" s="23">
        <v>-62</v>
      </c>
      <c r="E136" s="21">
        <v>76</v>
      </c>
      <c r="F136" s="22">
        <v>16</v>
      </c>
      <c r="G136" s="23">
        <v>60</v>
      </c>
      <c r="H136" s="21">
        <v>2</v>
      </c>
      <c r="I136" s="22">
        <v>0</v>
      </c>
      <c r="J136" s="23">
        <v>2</v>
      </c>
      <c r="K136" s="21">
        <v>6</v>
      </c>
      <c r="L136" s="22">
        <v>2</v>
      </c>
      <c r="M136" s="23">
        <v>4</v>
      </c>
    </row>
    <row r="137" spans="1:13" ht="19.5" customHeight="1">
      <c r="A137" s="41" t="s">
        <v>140</v>
      </c>
      <c r="B137" s="42">
        <v>-225</v>
      </c>
      <c r="C137" s="43">
        <v>-40</v>
      </c>
      <c r="D137" s="44">
        <v>-185</v>
      </c>
      <c r="E137" s="43">
        <v>226</v>
      </c>
      <c r="F137" s="43">
        <v>40</v>
      </c>
      <c r="G137" s="44">
        <v>186</v>
      </c>
      <c r="H137" s="43">
        <v>6</v>
      </c>
      <c r="I137" s="43">
        <v>2</v>
      </c>
      <c r="J137" s="44">
        <v>4</v>
      </c>
      <c r="K137" s="43">
        <v>5</v>
      </c>
      <c r="L137" s="43">
        <v>2</v>
      </c>
      <c r="M137" s="44">
        <v>3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8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4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69" t="s">
        <v>12</v>
      </c>
      <c r="B5" s="13">
        <v>1784</v>
      </c>
      <c r="C5" s="14">
        <v>1011</v>
      </c>
      <c r="D5" s="14">
        <v>773</v>
      </c>
      <c r="E5" s="13">
        <v>2456</v>
      </c>
      <c r="F5" s="14">
        <v>1332</v>
      </c>
      <c r="G5" s="15">
        <v>1124</v>
      </c>
      <c r="H5" s="14">
        <v>20064</v>
      </c>
      <c r="I5" s="14">
        <v>11268</v>
      </c>
      <c r="J5" s="14">
        <v>8796</v>
      </c>
      <c r="K5" s="13">
        <v>18208</v>
      </c>
      <c r="L5" s="49">
        <v>10180</v>
      </c>
      <c r="M5" s="50">
        <v>8028</v>
      </c>
    </row>
    <row r="6" spans="1:13" ht="19.5" customHeight="1">
      <c r="A6" s="16" t="s">
        <v>13</v>
      </c>
      <c r="B6" s="17">
        <v>2225</v>
      </c>
      <c r="C6" s="18">
        <v>1198</v>
      </c>
      <c r="D6" s="18">
        <v>1027</v>
      </c>
      <c r="E6" s="17">
        <v>6</v>
      </c>
      <c r="F6" s="18">
        <v>3</v>
      </c>
      <c r="G6" s="19">
        <v>3</v>
      </c>
      <c r="H6" s="18">
        <v>858</v>
      </c>
      <c r="I6" s="18">
        <v>464</v>
      </c>
      <c r="J6" s="18">
        <v>394</v>
      </c>
      <c r="K6" s="17">
        <v>1011</v>
      </c>
      <c r="L6" s="70">
        <v>518</v>
      </c>
      <c r="M6" s="71">
        <v>493</v>
      </c>
    </row>
    <row r="7" spans="1:13">
      <c r="A7" s="20" t="s">
        <v>14</v>
      </c>
      <c r="B7" s="21">
        <v>2402</v>
      </c>
      <c r="C7" s="22">
        <v>1259</v>
      </c>
      <c r="D7" s="22">
        <v>1143</v>
      </c>
      <c r="E7" s="72">
        <v>2</v>
      </c>
      <c r="F7" s="30">
        <v>1</v>
      </c>
      <c r="G7" s="73">
        <v>1</v>
      </c>
      <c r="H7" s="30">
        <v>152</v>
      </c>
      <c r="I7" s="30">
        <v>83</v>
      </c>
      <c r="J7" s="30">
        <v>69</v>
      </c>
      <c r="K7" s="72">
        <v>132</v>
      </c>
      <c r="L7" s="53">
        <v>78</v>
      </c>
      <c r="M7" s="54">
        <v>54</v>
      </c>
    </row>
    <row r="8" spans="1:13">
      <c r="A8" s="20" t="s">
        <v>15</v>
      </c>
      <c r="B8" s="72">
        <v>-34</v>
      </c>
      <c r="C8" s="30">
        <v>-11</v>
      </c>
      <c r="D8" s="30">
        <v>-23</v>
      </c>
      <c r="E8" s="72">
        <v>2</v>
      </c>
      <c r="F8" s="30">
        <v>1</v>
      </c>
      <c r="G8" s="73">
        <v>1</v>
      </c>
      <c r="H8" s="30">
        <v>267</v>
      </c>
      <c r="I8" s="30">
        <v>143</v>
      </c>
      <c r="J8" s="30">
        <v>124</v>
      </c>
      <c r="K8" s="72">
        <v>299</v>
      </c>
      <c r="L8" s="53">
        <v>153</v>
      </c>
      <c r="M8" s="54">
        <v>146</v>
      </c>
    </row>
    <row r="9" spans="1:13">
      <c r="A9" s="20" t="s">
        <v>16</v>
      </c>
      <c r="B9" s="72">
        <v>-35</v>
      </c>
      <c r="C9" s="30">
        <v>-1</v>
      </c>
      <c r="D9" s="30">
        <v>-34</v>
      </c>
      <c r="E9" s="72">
        <v>0</v>
      </c>
      <c r="F9" s="30">
        <v>0</v>
      </c>
      <c r="G9" s="73">
        <v>0</v>
      </c>
      <c r="H9" s="30">
        <v>174</v>
      </c>
      <c r="I9" s="30">
        <v>97</v>
      </c>
      <c r="J9" s="30">
        <v>77</v>
      </c>
      <c r="K9" s="72">
        <v>209</v>
      </c>
      <c r="L9" s="53">
        <v>98</v>
      </c>
      <c r="M9" s="54">
        <v>111</v>
      </c>
    </row>
    <row r="10" spans="1:13">
      <c r="A10" s="20" t="s">
        <v>17</v>
      </c>
      <c r="B10" s="72">
        <v>-63</v>
      </c>
      <c r="C10" s="30">
        <v>-29</v>
      </c>
      <c r="D10" s="30">
        <v>-34</v>
      </c>
      <c r="E10" s="72">
        <v>0</v>
      </c>
      <c r="F10" s="30">
        <v>0</v>
      </c>
      <c r="G10" s="73">
        <v>0</v>
      </c>
      <c r="H10" s="30">
        <v>140</v>
      </c>
      <c r="I10" s="30">
        <v>73</v>
      </c>
      <c r="J10" s="30">
        <v>67</v>
      </c>
      <c r="K10" s="72">
        <v>203</v>
      </c>
      <c r="L10" s="53">
        <v>102</v>
      </c>
      <c r="M10" s="54">
        <v>101</v>
      </c>
    </row>
    <row r="11" spans="1:13">
      <c r="A11" s="20" t="s">
        <v>18</v>
      </c>
      <c r="B11" s="72">
        <v>-45</v>
      </c>
      <c r="C11" s="30">
        <v>-20</v>
      </c>
      <c r="D11" s="30">
        <v>-25</v>
      </c>
      <c r="E11" s="72">
        <v>2</v>
      </c>
      <c r="F11" s="30">
        <v>1</v>
      </c>
      <c r="G11" s="73">
        <v>1</v>
      </c>
      <c r="H11" s="30">
        <v>125</v>
      </c>
      <c r="I11" s="30">
        <v>68</v>
      </c>
      <c r="J11" s="30">
        <v>57</v>
      </c>
      <c r="K11" s="72">
        <v>168</v>
      </c>
      <c r="L11" s="53">
        <v>87</v>
      </c>
      <c r="M11" s="54">
        <v>81</v>
      </c>
    </row>
    <row r="12" spans="1:13" ht="20.100000000000001" customHeight="1">
      <c r="A12" s="16" t="s">
        <v>19</v>
      </c>
      <c r="B12" s="17">
        <v>-105</v>
      </c>
      <c r="C12" s="18">
        <v>-73</v>
      </c>
      <c r="D12" s="18">
        <v>-32</v>
      </c>
      <c r="E12" s="17">
        <v>0</v>
      </c>
      <c r="F12" s="18">
        <v>0</v>
      </c>
      <c r="G12" s="19">
        <v>0</v>
      </c>
      <c r="H12" s="18">
        <v>353</v>
      </c>
      <c r="I12" s="18">
        <v>168</v>
      </c>
      <c r="J12" s="18">
        <v>185</v>
      </c>
      <c r="K12" s="17">
        <v>458</v>
      </c>
      <c r="L12" s="70">
        <v>241</v>
      </c>
      <c r="M12" s="71">
        <v>217</v>
      </c>
    </row>
    <row r="13" spans="1:13">
      <c r="A13" s="20" t="s">
        <v>20</v>
      </c>
      <c r="B13" s="72">
        <v>-25</v>
      </c>
      <c r="C13" s="30">
        <v>-14</v>
      </c>
      <c r="D13" s="30">
        <v>-11</v>
      </c>
      <c r="E13" s="72">
        <v>0</v>
      </c>
      <c r="F13" s="30">
        <v>0</v>
      </c>
      <c r="G13" s="73">
        <v>0</v>
      </c>
      <c r="H13" s="30">
        <v>84</v>
      </c>
      <c r="I13" s="30">
        <v>44</v>
      </c>
      <c r="J13" s="30">
        <v>40</v>
      </c>
      <c r="K13" s="72">
        <v>109</v>
      </c>
      <c r="L13" s="53">
        <v>58</v>
      </c>
      <c r="M13" s="54">
        <v>51</v>
      </c>
    </row>
    <row r="14" spans="1:13">
      <c r="A14" s="20" t="s">
        <v>21</v>
      </c>
      <c r="B14" s="72">
        <v>-43</v>
      </c>
      <c r="C14" s="30">
        <v>-23</v>
      </c>
      <c r="D14" s="30">
        <v>-20</v>
      </c>
      <c r="E14" s="72">
        <v>0</v>
      </c>
      <c r="F14" s="30">
        <v>0</v>
      </c>
      <c r="G14" s="73">
        <v>0</v>
      </c>
      <c r="H14" s="30">
        <v>79</v>
      </c>
      <c r="I14" s="30">
        <v>39</v>
      </c>
      <c r="J14" s="30">
        <v>40</v>
      </c>
      <c r="K14" s="72">
        <v>122</v>
      </c>
      <c r="L14" s="53">
        <v>62</v>
      </c>
      <c r="M14" s="54">
        <v>60</v>
      </c>
    </row>
    <row r="15" spans="1:13">
      <c r="A15" s="20" t="s">
        <v>22</v>
      </c>
      <c r="B15" s="72">
        <v>-38</v>
      </c>
      <c r="C15" s="30">
        <v>-28</v>
      </c>
      <c r="D15" s="30">
        <v>-10</v>
      </c>
      <c r="E15" s="72">
        <v>0</v>
      </c>
      <c r="F15" s="30">
        <v>0</v>
      </c>
      <c r="G15" s="73">
        <v>0</v>
      </c>
      <c r="H15" s="30">
        <v>69</v>
      </c>
      <c r="I15" s="30">
        <v>29</v>
      </c>
      <c r="J15" s="30">
        <v>40</v>
      </c>
      <c r="K15" s="72">
        <v>107</v>
      </c>
      <c r="L15" s="53">
        <v>57</v>
      </c>
      <c r="M15" s="54">
        <v>50</v>
      </c>
    </row>
    <row r="16" spans="1:13">
      <c r="A16" s="20" t="s">
        <v>23</v>
      </c>
      <c r="B16" s="72">
        <v>4</v>
      </c>
      <c r="C16" s="30">
        <v>-4</v>
      </c>
      <c r="D16" s="30">
        <v>8</v>
      </c>
      <c r="E16" s="72">
        <v>0</v>
      </c>
      <c r="F16" s="30">
        <v>0</v>
      </c>
      <c r="G16" s="73">
        <v>0</v>
      </c>
      <c r="H16" s="30">
        <v>68</v>
      </c>
      <c r="I16" s="30">
        <v>31</v>
      </c>
      <c r="J16" s="30">
        <v>37</v>
      </c>
      <c r="K16" s="72">
        <v>64</v>
      </c>
      <c r="L16" s="53">
        <v>35</v>
      </c>
      <c r="M16" s="54">
        <v>29</v>
      </c>
    </row>
    <row r="17" spans="1:13">
      <c r="A17" s="20" t="s">
        <v>24</v>
      </c>
      <c r="B17" s="72">
        <v>-3</v>
      </c>
      <c r="C17" s="30">
        <v>-4</v>
      </c>
      <c r="D17" s="30">
        <v>1</v>
      </c>
      <c r="E17" s="72">
        <v>0</v>
      </c>
      <c r="F17" s="30">
        <v>0</v>
      </c>
      <c r="G17" s="73">
        <v>0</v>
      </c>
      <c r="H17" s="30">
        <v>53</v>
      </c>
      <c r="I17" s="30">
        <v>25</v>
      </c>
      <c r="J17" s="30">
        <v>28</v>
      </c>
      <c r="K17" s="72">
        <v>56</v>
      </c>
      <c r="L17" s="53">
        <v>29</v>
      </c>
      <c r="M17" s="54">
        <v>27</v>
      </c>
    </row>
    <row r="18" spans="1:13" ht="20.100000000000001" customHeight="1">
      <c r="A18" s="16" t="s">
        <v>25</v>
      </c>
      <c r="B18" s="17">
        <v>4</v>
      </c>
      <c r="C18" s="18">
        <v>14</v>
      </c>
      <c r="D18" s="18">
        <v>-10</v>
      </c>
      <c r="E18" s="17">
        <v>1</v>
      </c>
      <c r="F18" s="18">
        <v>0</v>
      </c>
      <c r="G18" s="19">
        <v>1</v>
      </c>
      <c r="H18" s="18">
        <v>235</v>
      </c>
      <c r="I18" s="18">
        <v>126</v>
      </c>
      <c r="J18" s="18">
        <v>109</v>
      </c>
      <c r="K18" s="17">
        <v>230</v>
      </c>
      <c r="L18" s="70">
        <v>112</v>
      </c>
      <c r="M18" s="71">
        <v>118</v>
      </c>
    </row>
    <row r="19" spans="1:13">
      <c r="A19" s="20" t="s">
        <v>26</v>
      </c>
      <c r="B19" s="72">
        <v>-6</v>
      </c>
      <c r="C19" s="30">
        <v>8</v>
      </c>
      <c r="D19" s="30">
        <v>-14</v>
      </c>
      <c r="E19" s="72">
        <v>0</v>
      </c>
      <c r="F19" s="30">
        <v>0</v>
      </c>
      <c r="G19" s="73">
        <v>0</v>
      </c>
      <c r="H19" s="30">
        <v>51</v>
      </c>
      <c r="I19" s="30">
        <v>32</v>
      </c>
      <c r="J19" s="30">
        <v>19</v>
      </c>
      <c r="K19" s="72">
        <v>57</v>
      </c>
      <c r="L19" s="53">
        <v>24</v>
      </c>
      <c r="M19" s="54">
        <v>33</v>
      </c>
    </row>
    <row r="20" spans="1:13">
      <c r="A20" s="20" t="s">
        <v>27</v>
      </c>
      <c r="B20" s="72">
        <v>2</v>
      </c>
      <c r="C20" s="30">
        <v>7</v>
      </c>
      <c r="D20" s="30">
        <v>-5</v>
      </c>
      <c r="E20" s="72">
        <v>0</v>
      </c>
      <c r="F20" s="30">
        <v>0</v>
      </c>
      <c r="G20" s="73">
        <v>0</v>
      </c>
      <c r="H20" s="30">
        <v>52</v>
      </c>
      <c r="I20" s="30">
        <v>33</v>
      </c>
      <c r="J20" s="30">
        <v>19</v>
      </c>
      <c r="K20" s="72">
        <v>50</v>
      </c>
      <c r="L20" s="53">
        <v>26</v>
      </c>
      <c r="M20" s="54">
        <v>24</v>
      </c>
    </row>
    <row r="21" spans="1:13">
      <c r="A21" s="20" t="s">
        <v>28</v>
      </c>
      <c r="B21" s="72">
        <v>8</v>
      </c>
      <c r="C21" s="30">
        <v>-1</v>
      </c>
      <c r="D21" s="30">
        <v>9</v>
      </c>
      <c r="E21" s="72">
        <v>0</v>
      </c>
      <c r="F21" s="30">
        <v>0</v>
      </c>
      <c r="G21" s="73">
        <v>0</v>
      </c>
      <c r="H21" s="30">
        <v>45</v>
      </c>
      <c r="I21" s="30">
        <v>18</v>
      </c>
      <c r="J21" s="30">
        <v>27</v>
      </c>
      <c r="K21" s="72">
        <v>37</v>
      </c>
      <c r="L21" s="53">
        <v>19</v>
      </c>
      <c r="M21" s="54">
        <v>18</v>
      </c>
    </row>
    <row r="22" spans="1:13">
      <c r="A22" s="20" t="s">
        <v>29</v>
      </c>
      <c r="B22" s="72">
        <v>1</v>
      </c>
      <c r="C22" s="30">
        <v>-2</v>
      </c>
      <c r="D22" s="30">
        <v>3</v>
      </c>
      <c r="E22" s="72">
        <v>1</v>
      </c>
      <c r="F22" s="30">
        <v>0</v>
      </c>
      <c r="G22" s="73">
        <v>1</v>
      </c>
      <c r="H22" s="30">
        <v>55</v>
      </c>
      <c r="I22" s="30">
        <v>26</v>
      </c>
      <c r="J22" s="30">
        <v>29</v>
      </c>
      <c r="K22" s="72">
        <v>53</v>
      </c>
      <c r="L22" s="53">
        <v>28</v>
      </c>
      <c r="M22" s="54">
        <v>25</v>
      </c>
    </row>
    <row r="23" spans="1:13">
      <c r="A23" s="20" t="s">
        <v>30</v>
      </c>
      <c r="B23" s="72">
        <v>-1</v>
      </c>
      <c r="C23" s="30">
        <v>2</v>
      </c>
      <c r="D23" s="30">
        <v>-3</v>
      </c>
      <c r="E23" s="72">
        <v>0</v>
      </c>
      <c r="F23" s="30">
        <v>0</v>
      </c>
      <c r="G23" s="73">
        <v>0</v>
      </c>
      <c r="H23" s="30">
        <v>32</v>
      </c>
      <c r="I23" s="30">
        <v>17</v>
      </c>
      <c r="J23" s="30">
        <v>15</v>
      </c>
      <c r="K23" s="72">
        <v>33</v>
      </c>
      <c r="L23" s="53">
        <v>15</v>
      </c>
      <c r="M23" s="54">
        <v>18</v>
      </c>
    </row>
    <row r="24" spans="1:13" ht="20.100000000000001" customHeight="1">
      <c r="A24" s="16" t="s">
        <v>31</v>
      </c>
      <c r="B24" s="17">
        <v>244</v>
      </c>
      <c r="C24" s="18">
        <v>150</v>
      </c>
      <c r="D24" s="18">
        <v>94</v>
      </c>
      <c r="E24" s="17">
        <v>4</v>
      </c>
      <c r="F24" s="18">
        <v>3</v>
      </c>
      <c r="G24" s="19">
        <v>1</v>
      </c>
      <c r="H24" s="18">
        <v>698</v>
      </c>
      <c r="I24" s="18">
        <v>379</v>
      </c>
      <c r="J24" s="18">
        <v>319</v>
      </c>
      <c r="K24" s="17">
        <v>450</v>
      </c>
      <c r="L24" s="70">
        <v>226</v>
      </c>
      <c r="M24" s="71">
        <v>224</v>
      </c>
    </row>
    <row r="25" spans="1:13">
      <c r="A25" s="20" t="s">
        <v>32</v>
      </c>
      <c r="B25" s="72">
        <v>0</v>
      </c>
      <c r="C25" s="30">
        <v>1</v>
      </c>
      <c r="D25" s="30">
        <v>-1</v>
      </c>
      <c r="E25" s="72">
        <v>1</v>
      </c>
      <c r="F25" s="30">
        <v>1</v>
      </c>
      <c r="G25" s="73">
        <v>0</v>
      </c>
      <c r="H25" s="30">
        <v>40</v>
      </c>
      <c r="I25" s="30">
        <v>24</v>
      </c>
      <c r="J25" s="30">
        <v>16</v>
      </c>
      <c r="K25" s="72">
        <v>39</v>
      </c>
      <c r="L25" s="53">
        <v>22</v>
      </c>
      <c r="M25" s="54">
        <v>17</v>
      </c>
    </row>
    <row r="26" spans="1:13">
      <c r="A26" s="20" t="s">
        <v>33</v>
      </c>
      <c r="B26" s="72">
        <v>-8</v>
      </c>
      <c r="C26" s="30">
        <v>-7</v>
      </c>
      <c r="D26" s="30">
        <v>-1</v>
      </c>
      <c r="E26" s="72">
        <v>1</v>
      </c>
      <c r="F26" s="30">
        <v>0</v>
      </c>
      <c r="G26" s="73">
        <v>1</v>
      </c>
      <c r="H26" s="30">
        <v>56</v>
      </c>
      <c r="I26" s="30">
        <v>29</v>
      </c>
      <c r="J26" s="30">
        <v>27</v>
      </c>
      <c r="K26" s="72">
        <v>63</v>
      </c>
      <c r="L26" s="53">
        <v>36</v>
      </c>
      <c r="M26" s="54">
        <v>27</v>
      </c>
    </row>
    <row r="27" spans="1:13">
      <c r="A27" s="20" t="s">
        <v>34</v>
      </c>
      <c r="B27" s="72">
        <v>6</v>
      </c>
      <c r="C27" s="30">
        <v>-1</v>
      </c>
      <c r="D27" s="30">
        <v>7</v>
      </c>
      <c r="E27" s="72">
        <v>1</v>
      </c>
      <c r="F27" s="30">
        <v>1</v>
      </c>
      <c r="G27" s="73">
        <v>0</v>
      </c>
      <c r="H27" s="30">
        <v>48</v>
      </c>
      <c r="I27" s="30">
        <v>20</v>
      </c>
      <c r="J27" s="30">
        <v>28</v>
      </c>
      <c r="K27" s="72">
        <v>41</v>
      </c>
      <c r="L27" s="53">
        <v>20</v>
      </c>
      <c r="M27" s="54">
        <v>21</v>
      </c>
    </row>
    <row r="28" spans="1:13">
      <c r="A28" s="20" t="s">
        <v>35</v>
      </c>
      <c r="B28" s="72">
        <v>44</v>
      </c>
      <c r="C28" s="30">
        <v>30</v>
      </c>
      <c r="D28" s="30">
        <v>14</v>
      </c>
      <c r="E28" s="72">
        <v>0</v>
      </c>
      <c r="F28" s="30">
        <v>0</v>
      </c>
      <c r="G28" s="73">
        <v>0</v>
      </c>
      <c r="H28" s="30">
        <v>124</v>
      </c>
      <c r="I28" s="30">
        <v>71</v>
      </c>
      <c r="J28" s="30">
        <v>53</v>
      </c>
      <c r="K28" s="72">
        <v>80</v>
      </c>
      <c r="L28" s="53">
        <v>41</v>
      </c>
      <c r="M28" s="54">
        <v>39</v>
      </c>
    </row>
    <row r="29" spans="1:13">
      <c r="A29" s="20" t="s">
        <v>36</v>
      </c>
      <c r="B29" s="72">
        <v>202</v>
      </c>
      <c r="C29" s="30">
        <v>127</v>
      </c>
      <c r="D29" s="30">
        <v>75</v>
      </c>
      <c r="E29" s="72">
        <v>1</v>
      </c>
      <c r="F29" s="30">
        <v>1</v>
      </c>
      <c r="G29" s="73">
        <v>0</v>
      </c>
      <c r="H29" s="30">
        <v>430</v>
      </c>
      <c r="I29" s="30">
        <v>235</v>
      </c>
      <c r="J29" s="30">
        <v>195</v>
      </c>
      <c r="K29" s="72">
        <v>227</v>
      </c>
      <c r="L29" s="53">
        <v>107</v>
      </c>
      <c r="M29" s="54">
        <v>120</v>
      </c>
    </row>
    <row r="30" spans="1:13" ht="20.100000000000001" customHeight="1">
      <c r="A30" s="16" t="s">
        <v>37</v>
      </c>
      <c r="B30" s="17">
        <v>1474</v>
      </c>
      <c r="C30" s="18">
        <v>816</v>
      </c>
      <c r="D30" s="18">
        <v>658</v>
      </c>
      <c r="E30" s="17">
        <v>5</v>
      </c>
      <c r="F30" s="18">
        <v>2</v>
      </c>
      <c r="G30" s="19">
        <v>3</v>
      </c>
      <c r="H30" s="18">
        <v>4092</v>
      </c>
      <c r="I30" s="18">
        <v>2241</v>
      </c>
      <c r="J30" s="18">
        <v>1851</v>
      </c>
      <c r="K30" s="17">
        <v>2613</v>
      </c>
      <c r="L30" s="70">
        <v>1423</v>
      </c>
      <c r="M30" s="71">
        <v>1190</v>
      </c>
    </row>
    <row r="31" spans="1:13">
      <c r="A31" s="20" t="s">
        <v>38</v>
      </c>
      <c r="B31" s="72">
        <v>117</v>
      </c>
      <c r="C31" s="30">
        <v>43</v>
      </c>
      <c r="D31" s="30">
        <v>74</v>
      </c>
      <c r="E31" s="72">
        <v>0</v>
      </c>
      <c r="F31" s="30">
        <v>0</v>
      </c>
      <c r="G31" s="73">
        <v>0</v>
      </c>
      <c r="H31" s="30">
        <v>412</v>
      </c>
      <c r="I31" s="30">
        <v>216</v>
      </c>
      <c r="J31" s="30">
        <v>196</v>
      </c>
      <c r="K31" s="72">
        <v>295</v>
      </c>
      <c r="L31" s="53">
        <v>173</v>
      </c>
      <c r="M31" s="54">
        <v>122</v>
      </c>
    </row>
    <row r="32" spans="1:13">
      <c r="A32" s="20" t="s">
        <v>39</v>
      </c>
      <c r="B32" s="72">
        <v>260</v>
      </c>
      <c r="C32" s="30">
        <v>143</v>
      </c>
      <c r="D32" s="30">
        <v>117</v>
      </c>
      <c r="E32" s="72">
        <v>2</v>
      </c>
      <c r="F32" s="30">
        <v>2</v>
      </c>
      <c r="G32" s="73">
        <v>0</v>
      </c>
      <c r="H32" s="30">
        <v>644</v>
      </c>
      <c r="I32" s="30">
        <v>353</v>
      </c>
      <c r="J32" s="30">
        <v>291</v>
      </c>
      <c r="K32" s="72">
        <v>382</v>
      </c>
      <c r="L32" s="53">
        <v>208</v>
      </c>
      <c r="M32" s="54">
        <v>174</v>
      </c>
    </row>
    <row r="33" spans="1:13">
      <c r="A33" s="20" t="s">
        <v>40</v>
      </c>
      <c r="B33" s="72">
        <v>252</v>
      </c>
      <c r="C33" s="30">
        <v>118</v>
      </c>
      <c r="D33" s="30">
        <v>134</v>
      </c>
      <c r="E33" s="72">
        <v>0</v>
      </c>
      <c r="F33" s="30">
        <v>0</v>
      </c>
      <c r="G33" s="73">
        <v>0</v>
      </c>
      <c r="H33" s="30">
        <v>725</v>
      </c>
      <c r="I33" s="30">
        <v>344</v>
      </c>
      <c r="J33" s="30">
        <v>381</v>
      </c>
      <c r="K33" s="72">
        <v>473</v>
      </c>
      <c r="L33" s="53">
        <v>226</v>
      </c>
      <c r="M33" s="54">
        <v>247</v>
      </c>
    </row>
    <row r="34" spans="1:13">
      <c r="A34" s="20" t="s">
        <v>41</v>
      </c>
      <c r="B34" s="72">
        <v>557</v>
      </c>
      <c r="C34" s="30">
        <v>308</v>
      </c>
      <c r="D34" s="30">
        <v>249</v>
      </c>
      <c r="E34" s="72">
        <v>2</v>
      </c>
      <c r="F34" s="30">
        <v>0</v>
      </c>
      <c r="G34" s="73">
        <v>2</v>
      </c>
      <c r="H34" s="30">
        <v>1282</v>
      </c>
      <c r="I34" s="30">
        <v>720</v>
      </c>
      <c r="J34" s="30">
        <v>562</v>
      </c>
      <c r="K34" s="72">
        <v>723</v>
      </c>
      <c r="L34" s="53">
        <v>412</v>
      </c>
      <c r="M34" s="54">
        <v>311</v>
      </c>
    </row>
    <row r="35" spans="1:13">
      <c r="A35" s="20" t="s">
        <v>42</v>
      </c>
      <c r="B35" s="72">
        <v>288</v>
      </c>
      <c r="C35" s="30">
        <v>204</v>
      </c>
      <c r="D35" s="30">
        <v>84</v>
      </c>
      <c r="E35" s="72">
        <v>1</v>
      </c>
      <c r="F35" s="30">
        <v>0</v>
      </c>
      <c r="G35" s="73">
        <v>1</v>
      </c>
      <c r="H35" s="30">
        <v>1029</v>
      </c>
      <c r="I35" s="30">
        <v>608</v>
      </c>
      <c r="J35" s="30">
        <v>421</v>
      </c>
      <c r="K35" s="72">
        <v>740</v>
      </c>
      <c r="L35" s="53">
        <v>404</v>
      </c>
      <c r="M35" s="54">
        <v>336</v>
      </c>
    </row>
    <row r="36" spans="1:13" ht="20.100000000000001" customHeight="1">
      <c r="A36" s="16" t="s">
        <v>43</v>
      </c>
      <c r="B36" s="17">
        <v>816</v>
      </c>
      <c r="C36" s="18">
        <v>541</v>
      </c>
      <c r="D36" s="18">
        <v>275</v>
      </c>
      <c r="E36" s="17">
        <v>10</v>
      </c>
      <c r="F36" s="18">
        <v>7</v>
      </c>
      <c r="G36" s="19">
        <v>3</v>
      </c>
      <c r="H36" s="18">
        <v>4878</v>
      </c>
      <c r="I36" s="18">
        <v>2755</v>
      </c>
      <c r="J36" s="18">
        <v>2123</v>
      </c>
      <c r="K36" s="17">
        <v>4052</v>
      </c>
      <c r="L36" s="70">
        <v>2207</v>
      </c>
      <c r="M36" s="71">
        <v>1845</v>
      </c>
    </row>
    <row r="37" spans="1:13">
      <c r="A37" s="20" t="s">
        <v>44</v>
      </c>
      <c r="B37" s="72">
        <v>295</v>
      </c>
      <c r="C37" s="30">
        <v>225</v>
      </c>
      <c r="D37" s="30">
        <v>70</v>
      </c>
      <c r="E37" s="72">
        <v>3</v>
      </c>
      <c r="F37" s="30">
        <v>3</v>
      </c>
      <c r="G37" s="73">
        <v>0</v>
      </c>
      <c r="H37" s="30">
        <v>1119</v>
      </c>
      <c r="I37" s="30">
        <v>668</v>
      </c>
      <c r="J37" s="30">
        <v>451</v>
      </c>
      <c r="K37" s="72">
        <v>821</v>
      </c>
      <c r="L37" s="53">
        <v>440</v>
      </c>
      <c r="M37" s="54">
        <v>381</v>
      </c>
    </row>
    <row r="38" spans="1:13">
      <c r="A38" s="20" t="s">
        <v>45</v>
      </c>
      <c r="B38" s="72">
        <v>223</v>
      </c>
      <c r="C38" s="30">
        <v>118</v>
      </c>
      <c r="D38" s="30">
        <v>105</v>
      </c>
      <c r="E38" s="72">
        <v>1</v>
      </c>
      <c r="F38" s="30">
        <v>0</v>
      </c>
      <c r="G38" s="73">
        <v>1</v>
      </c>
      <c r="H38" s="30">
        <v>1033</v>
      </c>
      <c r="I38" s="30">
        <v>549</v>
      </c>
      <c r="J38" s="30">
        <v>484</v>
      </c>
      <c r="K38" s="72">
        <v>809</v>
      </c>
      <c r="L38" s="53">
        <v>431</v>
      </c>
      <c r="M38" s="54">
        <v>378</v>
      </c>
    </row>
    <row r="39" spans="1:13">
      <c r="A39" s="20" t="s">
        <v>46</v>
      </c>
      <c r="B39" s="72">
        <v>67</v>
      </c>
      <c r="C39" s="30">
        <v>37</v>
      </c>
      <c r="D39" s="30">
        <v>30</v>
      </c>
      <c r="E39" s="72">
        <v>2</v>
      </c>
      <c r="F39" s="30">
        <v>1</v>
      </c>
      <c r="G39" s="73">
        <v>1</v>
      </c>
      <c r="H39" s="30">
        <v>918</v>
      </c>
      <c r="I39" s="30">
        <v>511</v>
      </c>
      <c r="J39" s="30">
        <v>407</v>
      </c>
      <c r="K39" s="72">
        <v>849</v>
      </c>
      <c r="L39" s="53">
        <v>473</v>
      </c>
      <c r="M39" s="54">
        <v>376</v>
      </c>
    </row>
    <row r="40" spans="1:13">
      <c r="A40" s="20" t="s">
        <v>47</v>
      </c>
      <c r="B40" s="72">
        <v>114</v>
      </c>
      <c r="C40" s="30">
        <v>75</v>
      </c>
      <c r="D40" s="30">
        <v>39</v>
      </c>
      <c r="E40" s="72">
        <v>0</v>
      </c>
      <c r="F40" s="30">
        <v>0</v>
      </c>
      <c r="G40" s="73">
        <v>0</v>
      </c>
      <c r="H40" s="30">
        <v>931</v>
      </c>
      <c r="I40" s="30">
        <v>516</v>
      </c>
      <c r="J40" s="30">
        <v>415</v>
      </c>
      <c r="K40" s="72">
        <v>817</v>
      </c>
      <c r="L40" s="53">
        <v>441</v>
      </c>
      <c r="M40" s="54">
        <v>376</v>
      </c>
    </row>
    <row r="41" spans="1:13">
      <c r="A41" s="20" t="s">
        <v>48</v>
      </c>
      <c r="B41" s="72">
        <v>117</v>
      </c>
      <c r="C41" s="30">
        <v>86</v>
      </c>
      <c r="D41" s="30">
        <v>31</v>
      </c>
      <c r="E41" s="72">
        <v>4</v>
      </c>
      <c r="F41" s="30">
        <v>3</v>
      </c>
      <c r="G41" s="73">
        <v>1</v>
      </c>
      <c r="H41" s="30">
        <v>877</v>
      </c>
      <c r="I41" s="30">
        <v>511</v>
      </c>
      <c r="J41" s="30">
        <v>366</v>
      </c>
      <c r="K41" s="72">
        <v>756</v>
      </c>
      <c r="L41" s="53">
        <v>422</v>
      </c>
      <c r="M41" s="54">
        <v>334</v>
      </c>
    </row>
    <row r="42" spans="1:13" ht="20.100000000000001" customHeight="1">
      <c r="A42" s="16" t="s">
        <v>49</v>
      </c>
      <c r="B42" s="17">
        <v>-17</v>
      </c>
      <c r="C42" s="18">
        <v>-46</v>
      </c>
      <c r="D42" s="18">
        <v>29</v>
      </c>
      <c r="E42" s="17">
        <v>6</v>
      </c>
      <c r="F42" s="18">
        <v>5</v>
      </c>
      <c r="G42" s="19">
        <v>1</v>
      </c>
      <c r="H42" s="18">
        <v>3037</v>
      </c>
      <c r="I42" s="18">
        <v>1693</v>
      </c>
      <c r="J42" s="18">
        <v>1344</v>
      </c>
      <c r="K42" s="17">
        <v>3048</v>
      </c>
      <c r="L42" s="70">
        <v>1734</v>
      </c>
      <c r="M42" s="71">
        <v>1314</v>
      </c>
    </row>
    <row r="43" spans="1:13">
      <c r="A43" s="20" t="s">
        <v>50</v>
      </c>
      <c r="B43" s="72">
        <v>3</v>
      </c>
      <c r="C43" s="30">
        <v>-5</v>
      </c>
      <c r="D43" s="30">
        <v>8</v>
      </c>
      <c r="E43" s="72">
        <v>2</v>
      </c>
      <c r="F43" s="30">
        <v>2</v>
      </c>
      <c r="G43" s="73">
        <v>0</v>
      </c>
      <c r="H43" s="30">
        <v>751</v>
      </c>
      <c r="I43" s="30">
        <v>405</v>
      </c>
      <c r="J43" s="30">
        <v>346</v>
      </c>
      <c r="K43" s="72">
        <v>746</v>
      </c>
      <c r="L43" s="53">
        <v>408</v>
      </c>
      <c r="M43" s="54">
        <v>338</v>
      </c>
    </row>
    <row r="44" spans="1:13">
      <c r="A44" s="20" t="s">
        <v>51</v>
      </c>
      <c r="B44" s="72">
        <v>-40</v>
      </c>
      <c r="C44" s="30">
        <v>-9</v>
      </c>
      <c r="D44" s="30">
        <v>-31</v>
      </c>
      <c r="E44" s="72">
        <v>0</v>
      </c>
      <c r="F44" s="30">
        <v>0</v>
      </c>
      <c r="G44" s="73">
        <v>0</v>
      </c>
      <c r="H44" s="30">
        <v>659</v>
      </c>
      <c r="I44" s="30">
        <v>379</v>
      </c>
      <c r="J44" s="30">
        <v>280</v>
      </c>
      <c r="K44" s="72">
        <v>699</v>
      </c>
      <c r="L44" s="53">
        <v>388</v>
      </c>
      <c r="M44" s="54">
        <v>311</v>
      </c>
    </row>
    <row r="45" spans="1:13">
      <c r="A45" s="20" t="s">
        <v>52</v>
      </c>
      <c r="B45" s="72">
        <v>44</v>
      </c>
      <c r="C45" s="30">
        <v>10</v>
      </c>
      <c r="D45" s="30">
        <v>34</v>
      </c>
      <c r="E45" s="72">
        <v>1</v>
      </c>
      <c r="F45" s="30">
        <v>1</v>
      </c>
      <c r="G45" s="73">
        <v>0</v>
      </c>
      <c r="H45" s="30">
        <v>604</v>
      </c>
      <c r="I45" s="30">
        <v>339</v>
      </c>
      <c r="J45" s="30">
        <v>265</v>
      </c>
      <c r="K45" s="72">
        <v>559</v>
      </c>
      <c r="L45" s="53">
        <v>328</v>
      </c>
      <c r="M45" s="54">
        <v>231</v>
      </c>
    </row>
    <row r="46" spans="1:13">
      <c r="A46" s="20" t="s">
        <v>53</v>
      </c>
      <c r="B46" s="72">
        <v>-25</v>
      </c>
      <c r="C46" s="30">
        <v>-28</v>
      </c>
      <c r="D46" s="30">
        <v>3</v>
      </c>
      <c r="E46" s="72">
        <v>1</v>
      </c>
      <c r="F46" s="30">
        <v>1</v>
      </c>
      <c r="G46" s="73">
        <v>0</v>
      </c>
      <c r="H46" s="30">
        <v>500</v>
      </c>
      <c r="I46" s="30">
        <v>279</v>
      </c>
      <c r="J46" s="30">
        <v>221</v>
      </c>
      <c r="K46" s="72">
        <v>524</v>
      </c>
      <c r="L46" s="53">
        <v>306</v>
      </c>
      <c r="M46" s="54">
        <v>218</v>
      </c>
    </row>
    <row r="47" spans="1:13">
      <c r="A47" s="20" t="s">
        <v>54</v>
      </c>
      <c r="B47" s="72">
        <v>1</v>
      </c>
      <c r="C47" s="30">
        <v>-14</v>
      </c>
      <c r="D47" s="30">
        <v>15</v>
      </c>
      <c r="E47" s="72">
        <v>2</v>
      </c>
      <c r="F47" s="30">
        <v>1</v>
      </c>
      <c r="G47" s="73">
        <v>1</v>
      </c>
      <c r="H47" s="30">
        <v>523</v>
      </c>
      <c r="I47" s="30">
        <v>291</v>
      </c>
      <c r="J47" s="30">
        <v>232</v>
      </c>
      <c r="K47" s="72">
        <v>520</v>
      </c>
      <c r="L47" s="53">
        <v>304</v>
      </c>
      <c r="M47" s="54">
        <v>216</v>
      </c>
    </row>
    <row r="48" spans="1:13" ht="20.100000000000001" customHeight="1">
      <c r="A48" s="16" t="s">
        <v>55</v>
      </c>
      <c r="B48" s="17">
        <v>-39</v>
      </c>
      <c r="C48" s="18">
        <v>-7</v>
      </c>
      <c r="D48" s="18">
        <v>-32</v>
      </c>
      <c r="E48" s="17">
        <v>11</v>
      </c>
      <c r="F48" s="18">
        <v>4</v>
      </c>
      <c r="G48" s="19">
        <v>7</v>
      </c>
      <c r="H48" s="18">
        <v>1737</v>
      </c>
      <c r="I48" s="18">
        <v>1043</v>
      </c>
      <c r="J48" s="18">
        <v>694</v>
      </c>
      <c r="K48" s="17">
        <v>1765</v>
      </c>
      <c r="L48" s="70">
        <v>1046</v>
      </c>
      <c r="M48" s="71">
        <v>719</v>
      </c>
    </row>
    <row r="49" spans="1:13">
      <c r="A49" s="20" t="s">
        <v>56</v>
      </c>
      <c r="B49" s="72">
        <v>-10</v>
      </c>
      <c r="C49" s="30">
        <v>-11</v>
      </c>
      <c r="D49" s="30">
        <v>1</v>
      </c>
      <c r="E49" s="72">
        <v>3</v>
      </c>
      <c r="F49" s="30">
        <v>1</v>
      </c>
      <c r="G49" s="73">
        <v>2</v>
      </c>
      <c r="H49" s="30">
        <v>429</v>
      </c>
      <c r="I49" s="30">
        <v>254</v>
      </c>
      <c r="J49" s="30">
        <v>175</v>
      </c>
      <c r="K49" s="72">
        <v>436</v>
      </c>
      <c r="L49" s="53">
        <v>264</v>
      </c>
      <c r="M49" s="54">
        <v>172</v>
      </c>
    </row>
    <row r="50" spans="1:13">
      <c r="A50" s="20" t="s">
        <v>57</v>
      </c>
      <c r="B50" s="72">
        <v>-15</v>
      </c>
      <c r="C50" s="30">
        <v>0</v>
      </c>
      <c r="D50" s="30">
        <v>-15</v>
      </c>
      <c r="E50" s="72">
        <v>2</v>
      </c>
      <c r="F50" s="30">
        <v>0</v>
      </c>
      <c r="G50" s="73">
        <v>2</v>
      </c>
      <c r="H50" s="30">
        <v>363</v>
      </c>
      <c r="I50" s="30">
        <v>218</v>
      </c>
      <c r="J50" s="30">
        <v>145</v>
      </c>
      <c r="K50" s="72">
        <v>376</v>
      </c>
      <c r="L50" s="53">
        <v>218</v>
      </c>
      <c r="M50" s="54">
        <v>158</v>
      </c>
    </row>
    <row r="51" spans="1:13">
      <c r="A51" s="20" t="s">
        <v>58</v>
      </c>
      <c r="B51" s="72">
        <v>41</v>
      </c>
      <c r="C51" s="30">
        <v>26</v>
      </c>
      <c r="D51" s="30">
        <v>15</v>
      </c>
      <c r="E51" s="72">
        <v>1</v>
      </c>
      <c r="F51" s="30">
        <v>0</v>
      </c>
      <c r="G51" s="73">
        <v>1</v>
      </c>
      <c r="H51" s="30">
        <v>372</v>
      </c>
      <c r="I51" s="30">
        <v>220</v>
      </c>
      <c r="J51" s="30">
        <v>152</v>
      </c>
      <c r="K51" s="72">
        <v>330</v>
      </c>
      <c r="L51" s="53">
        <v>194</v>
      </c>
      <c r="M51" s="54">
        <v>136</v>
      </c>
    </row>
    <row r="52" spans="1:13">
      <c r="A52" s="20" t="s">
        <v>59</v>
      </c>
      <c r="B52" s="72">
        <v>-20</v>
      </c>
      <c r="C52" s="30">
        <v>-3</v>
      </c>
      <c r="D52" s="30">
        <v>-17</v>
      </c>
      <c r="E52" s="72">
        <v>2</v>
      </c>
      <c r="F52" s="30">
        <v>2</v>
      </c>
      <c r="G52" s="73">
        <v>0</v>
      </c>
      <c r="H52" s="30">
        <v>305</v>
      </c>
      <c r="I52" s="30">
        <v>186</v>
      </c>
      <c r="J52" s="30">
        <v>119</v>
      </c>
      <c r="K52" s="72">
        <v>323</v>
      </c>
      <c r="L52" s="53">
        <v>187</v>
      </c>
      <c r="M52" s="54">
        <v>136</v>
      </c>
    </row>
    <row r="53" spans="1:13">
      <c r="A53" s="20" t="s">
        <v>60</v>
      </c>
      <c r="B53" s="72">
        <v>-35</v>
      </c>
      <c r="C53" s="30">
        <v>-19</v>
      </c>
      <c r="D53" s="30">
        <v>-16</v>
      </c>
      <c r="E53" s="72">
        <v>3</v>
      </c>
      <c r="F53" s="30">
        <v>1</v>
      </c>
      <c r="G53" s="73">
        <v>2</v>
      </c>
      <c r="H53" s="30">
        <v>268</v>
      </c>
      <c r="I53" s="30">
        <v>165</v>
      </c>
      <c r="J53" s="30">
        <v>103</v>
      </c>
      <c r="K53" s="72">
        <v>300</v>
      </c>
      <c r="L53" s="53">
        <v>183</v>
      </c>
      <c r="M53" s="54">
        <v>117</v>
      </c>
    </row>
    <row r="54" spans="1:13" ht="20.100000000000001" customHeight="1">
      <c r="A54" s="16" t="s">
        <v>61</v>
      </c>
      <c r="B54" s="17">
        <v>-3</v>
      </c>
      <c r="C54" s="18">
        <v>1</v>
      </c>
      <c r="D54" s="18">
        <v>-4</v>
      </c>
      <c r="E54" s="17">
        <v>20</v>
      </c>
      <c r="F54" s="18">
        <v>11</v>
      </c>
      <c r="G54" s="19">
        <v>9</v>
      </c>
      <c r="H54" s="18">
        <v>1144</v>
      </c>
      <c r="I54" s="18">
        <v>703</v>
      </c>
      <c r="J54" s="18">
        <v>441</v>
      </c>
      <c r="K54" s="17">
        <v>1127</v>
      </c>
      <c r="L54" s="70">
        <v>691</v>
      </c>
      <c r="M54" s="71">
        <v>436</v>
      </c>
    </row>
    <row r="55" spans="1:13">
      <c r="A55" s="20" t="s">
        <v>62</v>
      </c>
      <c r="B55" s="72">
        <v>-3</v>
      </c>
      <c r="C55" s="30">
        <v>0</v>
      </c>
      <c r="D55" s="30">
        <v>-3</v>
      </c>
      <c r="E55" s="72">
        <v>2</v>
      </c>
      <c r="F55" s="30">
        <v>2</v>
      </c>
      <c r="G55" s="73">
        <v>0</v>
      </c>
      <c r="H55" s="30">
        <v>271</v>
      </c>
      <c r="I55" s="30">
        <v>163</v>
      </c>
      <c r="J55" s="30">
        <v>108</v>
      </c>
      <c r="K55" s="72">
        <v>272</v>
      </c>
      <c r="L55" s="53">
        <v>161</v>
      </c>
      <c r="M55" s="54">
        <v>111</v>
      </c>
    </row>
    <row r="56" spans="1:13">
      <c r="A56" s="20" t="s">
        <v>63</v>
      </c>
      <c r="B56" s="72">
        <v>11</v>
      </c>
      <c r="C56" s="30">
        <v>12</v>
      </c>
      <c r="D56" s="30">
        <v>-1</v>
      </c>
      <c r="E56" s="72">
        <v>4</v>
      </c>
      <c r="F56" s="30">
        <v>2</v>
      </c>
      <c r="G56" s="73">
        <v>2</v>
      </c>
      <c r="H56" s="30">
        <v>240</v>
      </c>
      <c r="I56" s="30">
        <v>153</v>
      </c>
      <c r="J56" s="30">
        <v>87</v>
      </c>
      <c r="K56" s="72">
        <v>225</v>
      </c>
      <c r="L56" s="53">
        <v>139</v>
      </c>
      <c r="M56" s="54">
        <v>86</v>
      </c>
    </row>
    <row r="57" spans="1:13">
      <c r="A57" s="20" t="s">
        <v>64</v>
      </c>
      <c r="B57" s="72">
        <v>-4</v>
      </c>
      <c r="C57" s="30">
        <v>-5</v>
      </c>
      <c r="D57" s="30">
        <v>1</v>
      </c>
      <c r="E57" s="72">
        <v>3</v>
      </c>
      <c r="F57" s="30">
        <v>2</v>
      </c>
      <c r="G57" s="73">
        <v>1</v>
      </c>
      <c r="H57" s="30">
        <v>209</v>
      </c>
      <c r="I57" s="30">
        <v>131</v>
      </c>
      <c r="J57" s="30">
        <v>78</v>
      </c>
      <c r="K57" s="72">
        <v>210</v>
      </c>
      <c r="L57" s="53">
        <v>134</v>
      </c>
      <c r="M57" s="54">
        <v>76</v>
      </c>
    </row>
    <row r="58" spans="1:13">
      <c r="A58" s="20" t="s">
        <v>65</v>
      </c>
      <c r="B58" s="72">
        <v>25</v>
      </c>
      <c r="C58" s="30">
        <v>16</v>
      </c>
      <c r="D58" s="30">
        <v>9</v>
      </c>
      <c r="E58" s="72">
        <v>4</v>
      </c>
      <c r="F58" s="30">
        <v>1</v>
      </c>
      <c r="G58" s="73">
        <v>3</v>
      </c>
      <c r="H58" s="30">
        <v>229</v>
      </c>
      <c r="I58" s="30">
        <v>129</v>
      </c>
      <c r="J58" s="30">
        <v>100</v>
      </c>
      <c r="K58" s="72">
        <v>200</v>
      </c>
      <c r="L58" s="53">
        <v>112</v>
      </c>
      <c r="M58" s="54">
        <v>88</v>
      </c>
    </row>
    <row r="59" spans="1:13">
      <c r="A59" s="20" t="s">
        <v>66</v>
      </c>
      <c r="B59" s="72">
        <v>-32</v>
      </c>
      <c r="C59" s="30">
        <v>-22</v>
      </c>
      <c r="D59" s="30">
        <v>-10</v>
      </c>
      <c r="E59" s="72">
        <v>7</v>
      </c>
      <c r="F59" s="30">
        <v>4</v>
      </c>
      <c r="G59" s="73">
        <v>3</v>
      </c>
      <c r="H59" s="30">
        <v>195</v>
      </c>
      <c r="I59" s="30">
        <v>127</v>
      </c>
      <c r="J59" s="30">
        <v>68</v>
      </c>
      <c r="K59" s="72">
        <v>220</v>
      </c>
      <c r="L59" s="53">
        <v>145</v>
      </c>
      <c r="M59" s="54">
        <v>75</v>
      </c>
    </row>
    <row r="60" spans="1:13" ht="20.100000000000001" customHeight="1">
      <c r="A60" s="16" t="s">
        <v>67</v>
      </c>
      <c r="B60" s="17">
        <v>-31</v>
      </c>
      <c r="C60" s="18">
        <v>-50</v>
      </c>
      <c r="D60" s="18">
        <v>19</v>
      </c>
      <c r="E60" s="17">
        <v>33</v>
      </c>
      <c r="F60" s="18">
        <v>27</v>
      </c>
      <c r="G60" s="19">
        <v>6</v>
      </c>
      <c r="H60" s="18">
        <v>952</v>
      </c>
      <c r="I60" s="18">
        <v>562</v>
      </c>
      <c r="J60" s="18">
        <v>390</v>
      </c>
      <c r="K60" s="17">
        <v>950</v>
      </c>
      <c r="L60" s="70">
        <v>585</v>
      </c>
      <c r="M60" s="71">
        <v>365</v>
      </c>
    </row>
    <row r="61" spans="1:13">
      <c r="A61" s="20" t="s">
        <v>68</v>
      </c>
      <c r="B61" s="72">
        <v>-27</v>
      </c>
      <c r="C61" s="30">
        <v>-26</v>
      </c>
      <c r="D61" s="30">
        <v>-1</v>
      </c>
      <c r="E61" s="72">
        <v>8</v>
      </c>
      <c r="F61" s="30">
        <v>7</v>
      </c>
      <c r="G61" s="73">
        <v>1</v>
      </c>
      <c r="H61" s="30">
        <v>193</v>
      </c>
      <c r="I61" s="30">
        <v>110</v>
      </c>
      <c r="J61" s="30">
        <v>83</v>
      </c>
      <c r="K61" s="72">
        <v>212</v>
      </c>
      <c r="L61" s="53">
        <v>129</v>
      </c>
      <c r="M61" s="54">
        <v>83</v>
      </c>
    </row>
    <row r="62" spans="1:13">
      <c r="A62" s="20" t="s">
        <v>69</v>
      </c>
      <c r="B62" s="72">
        <v>19</v>
      </c>
      <c r="C62" s="30">
        <v>9</v>
      </c>
      <c r="D62" s="30">
        <v>10</v>
      </c>
      <c r="E62" s="72">
        <v>9</v>
      </c>
      <c r="F62" s="30">
        <v>6</v>
      </c>
      <c r="G62" s="73">
        <v>3</v>
      </c>
      <c r="H62" s="30">
        <v>220</v>
      </c>
      <c r="I62" s="30">
        <v>129</v>
      </c>
      <c r="J62" s="30">
        <v>91</v>
      </c>
      <c r="K62" s="72">
        <v>192</v>
      </c>
      <c r="L62" s="53">
        <v>114</v>
      </c>
      <c r="M62" s="54">
        <v>78</v>
      </c>
    </row>
    <row r="63" spans="1:13">
      <c r="A63" s="20" t="s">
        <v>70</v>
      </c>
      <c r="B63" s="72">
        <v>-11</v>
      </c>
      <c r="C63" s="30">
        <v>-26</v>
      </c>
      <c r="D63" s="30">
        <v>15</v>
      </c>
      <c r="E63" s="72">
        <v>9</v>
      </c>
      <c r="F63" s="30">
        <v>8</v>
      </c>
      <c r="G63" s="73">
        <v>1</v>
      </c>
      <c r="H63" s="30">
        <v>198</v>
      </c>
      <c r="I63" s="30">
        <v>114</v>
      </c>
      <c r="J63" s="30">
        <v>84</v>
      </c>
      <c r="K63" s="72">
        <v>200</v>
      </c>
      <c r="L63" s="53">
        <v>132</v>
      </c>
      <c r="M63" s="54">
        <v>68</v>
      </c>
    </row>
    <row r="64" spans="1:13">
      <c r="A64" s="20" t="s">
        <v>71</v>
      </c>
      <c r="B64" s="72">
        <v>-19</v>
      </c>
      <c r="C64" s="30">
        <v>-10</v>
      </c>
      <c r="D64" s="30">
        <v>-9</v>
      </c>
      <c r="E64" s="72">
        <v>3</v>
      </c>
      <c r="F64" s="30">
        <v>3</v>
      </c>
      <c r="G64" s="73">
        <v>0</v>
      </c>
      <c r="H64" s="30">
        <v>182</v>
      </c>
      <c r="I64" s="30">
        <v>116</v>
      </c>
      <c r="J64" s="30">
        <v>66</v>
      </c>
      <c r="K64" s="72">
        <v>198</v>
      </c>
      <c r="L64" s="53">
        <v>123</v>
      </c>
      <c r="M64" s="54">
        <v>75</v>
      </c>
    </row>
    <row r="65" spans="1:13">
      <c r="A65" s="24" t="s">
        <v>72</v>
      </c>
      <c r="B65" s="63">
        <v>7</v>
      </c>
      <c r="C65" s="64">
        <v>3</v>
      </c>
      <c r="D65" s="64">
        <v>4</v>
      </c>
      <c r="E65" s="63">
        <v>4</v>
      </c>
      <c r="F65" s="64">
        <v>3</v>
      </c>
      <c r="G65" s="65">
        <v>1</v>
      </c>
      <c r="H65" s="64">
        <v>159</v>
      </c>
      <c r="I65" s="64">
        <v>93</v>
      </c>
      <c r="J65" s="64">
        <v>66</v>
      </c>
      <c r="K65" s="63">
        <v>148</v>
      </c>
      <c r="L65" s="55">
        <v>87</v>
      </c>
      <c r="M65" s="56">
        <v>6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74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75" t="s">
        <v>12</v>
      </c>
      <c r="B69" s="57">
        <v>2384</v>
      </c>
      <c r="C69" s="18">
        <v>1255</v>
      </c>
      <c r="D69" s="19">
        <v>112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384</v>
      </c>
      <c r="C70" s="18">
        <v>1255</v>
      </c>
      <c r="D70" s="19">
        <v>1129</v>
      </c>
    </row>
    <row r="71" spans="1:13">
      <c r="A71" s="24" t="s">
        <v>147</v>
      </c>
      <c r="B71" s="63">
        <v>2384</v>
      </c>
      <c r="C71" s="26">
        <v>1255</v>
      </c>
      <c r="D71" s="27">
        <v>1129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4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4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88</v>
      </c>
      <c r="C77" s="18">
        <v>-59</v>
      </c>
      <c r="D77" s="18">
        <v>-29</v>
      </c>
      <c r="E77" s="17">
        <v>50</v>
      </c>
      <c r="F77" s="18">
        <v>37</v>
      </c>
      <c r="G77" s="19">
        <v>13</v>
      </c>
      <c r="H77" s="18">
        <v>619</v>
      </c>
      <c r="I77" s="18">
        <v>389</v>
      </c>
      <c r="J77" s="18">
        <v>230</v>
      </c>
      <c r="K77" s="17">
        <v>657</v>
      </c>
      <c r="L77" s="51">
        <v>411</v>
      </c>
      <c r="M77" s="52">
        <v>246</v>
      </c>
    </row>
    <row r="78" spans="1:13">
      <c r="A78" s="40" t="s">
        <v>81</v>
      </c>
      <c r="B78" s="72">
        <v>-42</v>
      </c>
      <c r="C78" s="30">
        <v>-33</v>
      </c>
      <c r="D78" s="30">
        <v>-9</v>
      </c>
      <c r="E78" s="72">
        <v>10</v>
      </c>
      <c r="F78" s="30">
        <v>8</v>
      </c>
      <c r="G78" s="73">
        <v>2</v>
      </c>
      <c r="H78" s="30">
        <v>130</v>
      </c>
      <c r="I78" s="30">
        <v>81</v>
      </c>
      <c r="J78" s="30">
        <v>49</v>
      </c>
      <c r="K78" s="72">
        <v>162</v>
      </c>
      <c r="L78" s="53">
        <v>106</v>
      </c>
      <c r="M78" s="54">
        <v>56</v>
      </c>
    </row>
    <row r="79" spans="1:13">
      <c r="A79" s="40" t="s">
        <v>82</v>
      </c>
      <c r="B79" s="72">
        <v>-18</v>
      </c>
      <c r="C79" s="30">
        <v>-8</v>
      </c>
      <c r="D79" s="30">
        <v>-10</v>
      </c>
      <c r="E79" s="72">
        <v>11</v>
      </c>
      <c r="F79" s="30">
        <v>5</v>
      </c>
      <c r="G79" s="73">
        <v>6</v>
      </c>
      <c r="H79" s="30">
        <v>140</v>
      </c>
      <c r="I79" s="30">
        <v>85</v>
      </c>
      <c r="J79" s="30">
        <v>55</v>
      </c>
      <c r="K79" s="72">
        <v>147</v>
      </c>
      <c r="L79" s="53">
        <v>88</v>
      </c>
      <c r="M79" s="54">
        <v>59</v>
      </c>
    </row>
    <row r="80" spans="1:13">
      <c r="A80" s="40" t="s">
        <v>83</v>
      </c>
      <c r="B80" s="72">
        <v>-2</v>
      </c>
      <c r="C80" s="30">
        <v>6</v>
      </c>
      <c r="D80" s="30">
        <v>-8</v>
      </c>
      <c r="E80" s="72">
        <v>9</v>
      </c>
      <c r="F80" s="30">
        <v>7</v>
      </c>
      <c r="G80" s="73">
        <v>2</v>
      </c>
      <c r="H80" s="30">
        <v>134</v>
      </c>
      <c r="I80" s="30">
        <v>87</v>
      </c>
      <c r="J80" s="30">
        <v>47</v>
      </c>
      <c r="K80" s="72">
        <v>127</v>
      </c>
      <c r="L80" s="53">
        <v>74</v>
      </c>
      <c r="M80" s="54">
        <v>53</v>
      </c>
    </row>
    <row r="81" spans="1:13">
      <c r="A81" s="40" t="s">
        <v>84</v>
      </c>
      <c r="B81" s="72">
        <v>-19</v>
      </c>
      <c r="C81" s="30">
        <v>-9</v>
      </c>
      <c r="D81" s="30">
        <v>-10</v>
      </c>
      <c r="E81" s="72">
        <v>8</v>
      </c>
      <c r="F81" s="30">
        <v>5</v>
      </c>
      <c r="G81" s="73">
        <v>3</v>
      </c>
      <c r="H81" s="30">
        <v>97</v>
      </c>
      <c r="I81" s="30">
        <v>63</v>
      </c>
      <c r="J81" s="30">
        <v>34</v>
      </c>
      <c r="K81" s="72">
        <v>108</v>
      </c>
      <c r="L81" s="53">
        <v>67</v>
      </c>
      <c r="M81" s="54">
        <v>41</v>
      </c>
    </row>
    <row r="82" spans="1:13">
      <c r="A82" s="40" t="s">
        <v>85</v>
      </c>
      <c r="B82" s="72">
        <v>-7</v>
      </c>
      <c r="C82" s="30">
        <v>-15</v>
      </c>
      <c r="D82" s="30">
        <v>8</v>
      </c>
      <c r="E82" s="72">
        <v>12</v>
      </c>
      <c r="F82" s="30">
        <v>12</v>
      </c>
      <c r="G82" s="73">
        <v>0</v>
      </c>
      <c r="H82" s="30">
        <v>118</v>
      </c>
      <c r="I82" s="30">
        <v>73</v>
      </c>
      <c r="J82" s="30">
        <v>45</v>
      </c>
      <c r="K82" s="72">
        <v>113</v>
      </c>
      <c r="L82" s="53">
        <v>76</v>
      </c>
      <c r="M82" s="54">
        <v>37</v>
      </c>
    </row>
    <row r="83" spans="1:13" ht="19.5" customHeight="1">
      <c r="A83" s="34" t="s">
        <v>86</v>
      </c>
      <c r="B83" s="17">
        <v>-110</v>
      </c>
      <c r="C83" s="18">
        <v>-77</v>
      </c>
      <c r="D83" s="18">
        <v>-33</v>
      </c>
      <c r="E83" s="17">
        <v>69</v>
      </c>
      <c r="F83" s="18">
        <v>47</v>
      </c>
      <c r="G83" s="19">
        <v>22</v>
      </c>
      <c r="H83" s="18">
        <v>436</v>
      </c>
      <c r="I83" s="18">
        <v>250</v>
      </c>
      <c r="J83" s="18">
        <v>186</v>
      </c>
      <c r="K83" s="17">
        <v>477</v>
      </c>
      <c r="L83" s="51">
        <v>280</v>
      </c>
      <c r="M83" s="52">
        <v>197</v>
      </c>
    </row>
    <row r="84" spans="1:13">
      <c r="A84" s="40" t="s">
        <v>87</v>
      </c>
      <c r="B84" s="72">
        <v>-13</v>
      </c>
      <c r="C84" s="30">
        <v>-4</v>
      </c>
      <c r="D84" s="30">
        <v>-9</v>
      </c>
      <c r="E84" s="72">
        <v>11</v>
      </c>
      <c r="F84" s="30">
        <v>6</v>
      </c>
      <c r="G84" s="73">
        <v>5</v>
      </c>
      <c r="H84" s="30">
        <v>103</v>
      </c>
      <c r="I84" s="30">
        <v>53</v>
      </c>
      <c r="J84" s="30">
        <v>50</v>
      </c>
      <c r="K84" s="72">
        <v>105</v>
      </c>
      <c r="L84" s="53">
        <v>51</v>
      </c>
      <c r="M84" s="54">
        <v>54</v>
      </c>
    </row>
    <row r="85" spans="1:13">
      <c r="A85" s="40" t="s">
        <v>88</v>
      </c>
      <c r="B85" s="72">
        <v>2</v>
      </c>
      <c r="C85" s="30">
        <v>7</v>
      </c>
      <c r="D85" s="30">
        <v>-5</v>
      </c>
      <c r="E85" s="72">
        <v>14</v>
      </c>
      <c r="F85" s="30">
        <v>10</v>
      </c>
      <c r="G85" s="73">
        <v>4</v>
      </c>
      <c r="H85" s="30">
        <v>101</v>
      </c>
      <c r="I85" s="30">
        <v>63</v>
      </c>
      <c r="J85" s="30">
        <v>38</v>
      </c>
      <c r="K85" s="72">
        <v>85</v>
      </c>
      <c r="L85" s="53">
        <v>46</v>
      </c>
      <c r="M85" s="54">
        <v>39</v>
      </c>
    </row>
    <row r="86" spans="1:13">
      <c r="A86" s="40" t="s">
        <v>89</v>
      </c>
      <c r="B86" s="72">
        <v>-32</v>
      </c>
      <c r="C86" s="30">
        <v>-34</v>
      </c>
      <c r="D86" s="30">
        <v>2</v>
      </c>
      <c r="E86" s="72">
        <v>12</v>
      </c>
      <c r="F86" s="30">
        <v>9</v>
      </c>
      <c r="G86" s="73">
        <v>3</v>
      </c>
      <c r="H86" s="30">
        <v>82</v>
      </c>
      <c r="I86" s="30">
        <v>41</v>
      </c>
      <c r="J86" s="30">
        <v>41</v>
      </c>
      <c r="K86" s="72">
        <v>102</v>
      </c>
      <c r="L86" s="53">
        <v>66</v>
      </c>
      <c r="M86" s="54">
        <v>36</v>
      </c>
    </row>
    <row r="87" spans="1:13">
      <c r="A87" s="40" t="s">
        <v>90</v>
      </c>
      <c r="B87" s="72">
        <v>-29</v>
      </c>
      <c r="C87" s="30">
        <v>-16</v>
      </c>
      <c r="D87" s="30">
        <v>-13</v>
      </c>
      <c r="E87" s="72">
        <v>15</v>
      </c>
      <c r="F87" s="30">
        <v>10</v>
      </c>
      <c r="G87" s="73">
        <v>5</v>
      </c>
      <c r="H87" s="30">
        <v>78</v>
      </c>
      <c r="I87" s="30">
        <v>51</v>
      </c>
      <c r="J87" s="30">
        <v>27</v>
      </c>
      <c r="K87" s="72">
        <v>92</v>
      </c>
      <c r="L87" s="53">
        <v>57</v>
      </c>
      <c r="M87" s="54">
        <v>35</v>
      </c>
    </row>
    <row r="88" spans="1:13">
      <c r="A88" s="40" t="s">
        <v>91</v>
      </c>
      <c r="B88" s="72">
        <v>-38</v>
      </c>
      <c r="C88" s="30">
        <v>-30</v>
      </c>
      <c r="D88" s="30">
        <v>-8</v>
      </c>
      <c r="E88" s="72">
        <v>17</v>
      </c>
      <c r="F88" s="30">
        <v>12</v>
      </c>
      <c r="G88" s="73">
        <v>5</v>
      </c>
      <c r="H88" s="30">
        <v>72</v>
      </c>
      <c r="I88" s="30">
        <v>42</v>
      </c>
      <c r="J88" s="30">
        <v>30</v>
      </c>
      <c r="K88" s="72">
        <v>93</v>
      </c>
      <c r="L88" s="53">
        <v>60</v>
      </c>
      <c r="M88" s="54">
        <v>33</v>
      </c>
    </row>
    <row r="89" spans="1:13" ht="19.5" customHeight="1">
      <c r="A89" s="34" t="s">
        <v>92</v>
      </c>
      <c r="B89" s="17">
        <v>-157</v>
      </c>
      <c r="C89" s="18">
        <v>-90</v>
      </c>
      <c r="D89" s="18">
        <v>-67</v>
      </c>
      <c r="E89" s="17">
        <v>81</v>
      </c>
      <c r="F89" s="18">
        <v>56</v>
      </c>
      <c r="G89" s="19">
        <v>25</v>
      </c>
      <c r="H89" s="18">
        <v>278</v>
      </c>
      <c r="I89" s="18">
        <v>168</v>
      </c>
      <c r="J89" s="18">
        <v>110</v>
      </c>
      <c r="K89" s="17">
        <v>354</v>
      </c>
      <c r="L89" s="51">
        <v>202</v>
      </c>
      <c r="M89" s="52">
        <v>152</v>
      </c>
    </row>
    <row r="90" spans="1:13">
      <c r="A90" s="40" t="s">
        <v>93</v>
      </c>
      <c r="B90" s="72">
        <v>-42</v>
      </c>
      <c r="C90" s="30">
        <v>-26</v>
      </c>
      <c r="D90" s="30">
        <v>-16</v>
      </c>
      <c r="E90" s="72">
        <v>14</v>
      </c>
      <c r="F90" s="30">
        <v>8</v>
      </c>
      <c r="G90" s="73">
        <v>6</v>
      </c>
      <c r="H90" s="30">
        <v>62</v>
      </c>
      <c r="I90" s="30">
        <v>39</v>
      </c>
      <c r="J90" s="30">
        <v>23</v>
      </c>
      <c r="K90" s="72">
        <v>90</v>
      </c>
      <c r="L90" s="53">
        <v>57</v>
      </c>
      <c r="M90" s="54">
        <v>33</v>
      </c>
    </row>
    <row r="91" spans="1:13">
      <c r="A91" s="40" t="s">
        <v>94</v>
      </c>
      <c r="B91" s="72">
        <v>-21</v>
      </c>
      <c r="C91" s="30">
        <v>-7</v>
      </c>
      <c r="D91" s="30">
        <v>-14</v>
      </c>
      <c r="E91" s="72">
        <v>7</v>
      </c>
      <c r="F91" s="30">
        <v>6</v>
      </c>
      <c r="G91" s="73">
        <v>1</v>
      </c>
      <c r="H91" s="30">
        <v>59</v>
      </c>
      <c r="I91" s="30">
        <v>39</v>
      </c>
      <c r="J91" s="30">
        <v>20</v>
      </c>
      <c r="K91" s="72">
        <v>73</v>
      </c>
      <c r="L91" s="53">
        <v>40</v>
      </c>
      <c r="M91" s="54">
        <v>33</v>
      </c>
    </row>
    <row r="92" spans="1:13">
      <c r="A92" s="40" t="s">
        <v>95</v>
      </c>
      <c r="B92" s="72">
        <v>-15</v>
      </c>
      <c r="C92" s="30">
        <v>-10</v>
      </c>
      <c r="D92" s="30">
        <v>-5</v>
      </c>
      <c r="E92" s="72">
        <v>16</v>
      </c>
      <c r="F92" s="30">
        <v>11</v>
      </c>
      <c r="G92" s="73">
        <v>5</v>
      </c>
      <c r="H92" s="30">
        <v>66</v>
      </c>
      <c r="I92" s="30">
        <v>40</v>
      </c>
      <c r="J92" s="30">
        <v>26</v>
      </c>
      <c r="K92" s="72">
        <v>65</v>
      </c>
      <c r="L92" s="53">
        <v>39</v>
      </c>
      <c r="M92" s="54">
        <v>26</v>
      </c>
    </row>
    <row r="93" spans="1:13">
      <c r="A93" s="40" t="s">
        <v>96</v>
      </c>
      <c r="B93" s="72">
        <v>-38</v>
      </c>
      <c r="C93" s="30">
        <v>-27</v>
      </c>
      <c r="D93" s="30">
        <v>-11</v>
      </c>
      <c r="E93" s="72">
        <v>21</v>
      </c>
      <c r="F93" s="30">
        <v>18</v>
      </c>
      <c r="G93" s="73">
        <v>3</v>
      </c>
      <c r="H93" s="30">
        <v>43</v>
      </c>
      <c r="I93" s="30">
        <v>23</v>
      </c>
      <c r="J93" s="30">
        <v>20</v>
      </c>
      <c r="K93" s="72">
        <v>60</v>
      </c>
      <c r="L93" s="53">
        <v>32</v>
      </c>
      <c r="M93" s="54">
        <v>28</v>
      </c>
    </row>
    <row r="94" spans="1:13">
      <c r="A94" s="40" t="s">
        <v>97</v>
      </c>
      <c r="B94" s="72">
        <v>-41</v>
      </c>
      <c r="C94" s="30">
        <v>-20</v>
      </c>
      <c r="D94" s="30">
        <v>-21</v>
      </c>
      <c r="E94" s="72">
        <v>23</v>
      </c>
      <c r="F94" s="30">
        <v>13</v>
      </c>
      <c r="G94" s="73">
        <v>10</v>
      </c>
      <c r="H94" s="30">
        <v>48</v>
      </c>
      <c r="I94" s="30">
        <v>27</v>
      </c>
      <c r="J94" s="30">
        <v>21</v>
      </c>
      <c r="K94" s="72">
        <v>66</v>
      </c>
      <c r="L94" s="53">
        <v>34</v>
      </c>
      <c r="M94" s="54">
        <v>32</v>
      </c>
    </row>
    <row r="95" spans="1:13" ht="19.5" customHeight="1">
      <c r="A95" s="34" t="s">
        <v>98</v>
      </c>
      <c r="B95" s="17">
        <v>-258</v>
      </c>
      <c r="C95" s="18">
        <v>-188</v>
      </c>
      <c r="D95" s="18">
        <v>-70</v>
      </c>
      <c r="E95" s="17">
        <v>156</v>
      </c>
      <c r="F95" s="18">
        <v>110</v>
      </c>
      <c r="G95" s="19">
        <v>46</v>
      </c>
      <c r="H95" s="18">
        <v>200</v>
      </c>
      <c r="I95" s="18">
        <v>115</v>
      </c>
      <c r="J95" s="18">
        <v>85</v>
      </c>
      <c r="K95" s="17">
        <v>302</v>
      </c>
      <c r="L95" s="51">
        <v>193</v>
      </c>
      <c r="M95" s="52">
        <v>109</v>
      </c>
    </row>
    <row r="96" spans="1:13">
      <c r="A96" s="40" t="s">
        <v>99</v>
      </c>
      <c r="B96" s="72">
        <v>-52</v>
      </c>
      <c r="C96" s="30">
        <v>-37</v>
      </c>
      <c r="D96" s="30">
        <v>-15</v>
      </c>
      <c r="E96" s="72">
        <v>19</v>
      </c>
      <c r="F96" s="30">
        <v>10</v>
      </c>
      <c r="G96" s="73">
        <v>9</v>
      </c>
      <c r="H96" s="30">
        <v>46</v>
      </c>
      <c r="I96" s="30">
        <v>26</v>
      </c>
      <c r="J96" s="30">
        <v>20</v>
      </c>
      <c r="K96" s="72">
        <v>79</v>
      </c>
      <c r="L96" s="53">
        <v>53</v>
      </c>
      <c r="M96" s="54">
        <v>26</v>
      </c>
    </row>
    <row r="97" spans="1:13">
      <c r="A97" s="40" t="s">
        <v>100</v>
      </c>
      <c r="B97" s="72">
        <v>-55</v>
      </c>
      <c r="C97" s="30">
        <v>-36</v>
      </c>
      <c r="D97" s="30">
        <v>-19</v>
      </c>
      <c r="E97" s="72">
        <v>30</v>
      </c>
      <c r="F97" s="30">
        <v>21</v>
      </c>
      <c r="G97" s="73">
        <v>9</v>
      </c>
      <c r="H97" s="30">
        <v>40</v>
      </c>
      <c r="I97" s="30">
        <v>25</v>
      </c>
      <c r="J97" s="30">
        <v>15</v>
      </c>
      <c r="K97" s="72">
        <v>65</v>
      </c>
      <c r="L97" s="53">
        <v>40</v>
      </c>
      <c r="M97" s="54">
        <v>25</v>
      </c>
    </row>
    <row r="98" spans="1:13">
      <c r="A98" s="40" t="s">
        <v>101</v>
      </c>
      <c r="B98" s="72">
        <v>-40</v>
      </c>
      <c r="C98" s="30">
        <v>-35</v>
      </c>
      <c r="D98" s="30">
        <v>-5</v>
      </c>
      <c r="E98" s="72">
        <v>28</v>
      </c>
      <c r="F98" s="30">
        <v>19</v>
      </c>
      <c r="G98" s="73">
        <v>9</v>
      </c>
      <c r="H98" s="30">
        <v>42</v>
      </c>
      <c r="I98" s="30">
        <v>21</v>
      </c>
      <c r="J98" s="30">
        <v>21</v>
      </c>
      <c r="K98" s="72">
        <v>54</v>
      </c>
      <c r="L98" s="53">
        <v>37</v>
      </c>
      <c r="M98" s="54">
        <v>17</v>
      </c>
    </row>
    <row r="99" spans="1:13">
      <c r="A99" s="40" t="s">
        <v>102</v>
      </c>
      <c r="B99" s="72">
        <v>-54</v>
      </c>
      <c r="C99" s="30">
        <v>-39</v>
      </c>
      <c r="D99" s="30">
        <v>-15</v>
      </c>
      <c r="E99" s="72">
        <v>40</v>
      </c>
      <c r="F99" s="30">
        <v>28</v>
      </c>
      <c r="G99" s="73">
        <v>12</v>
      </c>
      <c r="H99" s="30">
        <v>34</v>
      </c>
      <c r="I99" s="30">
        <v>18</v>
      </c>
      <c r="J99" s="30">
        <v>16</v>
      </c>
      <c r="K99" s="72">
        <v>48</v>
      </c>
      <c r="L99" s="53">
        <v>29</v>
      </c>
      <c r="M99" s="54">
        <v>19</v>
      </c>
    </row>
    <row r="100" spans="1:13">
      <c r="A100" s="40" t="s">
        <v>103</v>
      </c>
      <c r="B100" s="72">
        <v>-57</v>
      </c>
      <c r="C100" s="30">
        <v>-41</v>
      </c>
      <c r="D100" s="30">
        <v>-16</v>
      </c>
      <c r="E100" s="72">
        <v>39</v>
      </c>
      <c r="F100" s="30">
        <v>32</v>
      </c>
      <c r="G100" s="73">
        <v>7</v>
      </c>
      <c r="H100" s="30">
        <v>38</v>
      </c>
      <c r="I100" s="30">
        <v>25</v>
      </c>
      <c r="J100" s="30">
        <v>13</v>
      </c>
      <c r="K100" s="72">
        <v>56</v>
      </c>
      <c r="L100" s="53">
        <v>34</v>
      </c>
      <c r="M100" s="54">
        <v>22</v>
      </c>
    </row>
    <row r="101" spans="1:13" ht="19.5" customHeight="1">
      <c r="A101" s="34" t="s">
        <v>104</v>
      </c>
      <c r="B101" s="17">
        <v>-292</v>
      </c>
      <c r="C101" s="18">
        <v>-207</v>
      </c>
      <c r="D101" s="18">
        <v>-85</v>
      </c>
      <c r="E101" s="17">
        <v>253</v>
      </c>
      <c r="F101" s="18">
        <v>163</v>
      </c>
      <c r="G101" s="19">
        <v>90</v>
      </c>
      <c r="H101" s="18">
        <v>195</v>
      </c>
      <c r="I101" s="18">
        <v>89</v>
      </c>
      <c r="J101" s="18">
        <v>106</v>
      </c>
      <c r="K101" s="17">
        <v>234</v>
      </c>
      <c r="L101" s="51">
        <v>133</v>
      </c>
      <c r="M101" s="52">
        <v>101</v>
      </c>
    </row>
    <row r="102" spans="1:13">
      <c r="A102" s="40" t="s">
        <v>105</v>
      </c>
      <c r="B102" s="72">
        <v>-69</v>
      </c>
      <c r="C102" s="30">
        <v>-49</v>
      </c>
      <c r="D102" s="30">
        <v>-20</v>
      </c>
      <c r="E102" s="72">
        <v>49</v>
      </c>
      <c r="F102" s="30">
        <v>28</v>
      </c>
      <c r="G102" s="73">
        <v>21</v>
      </c>
      <c r="H102" s="30">
        <v>48</v>
      </c>
      <c r="I102" s="30">
        <v>22</v>
      </c>
      <c r="J102" s="30">
        <v>26</v>
      </c>
      <c r="K102" s="72">
        <v>68</v>
      </c>
      <c r="L102" s="53">
        <v>43</v>
      </c>
      <c r="M102" s="54">
        <v>25</v>
      </c>
    </row>
    <row r="103" spans="1:13">
      <c r="A103" s="40" t="s">
        <v>106</v>
      </c>
      <c r="B103" s="72">
        <v>-68</v>
      </c>
      <c r="C103" s="30">
        <v>-42</v>
      </c>
      <c r="D103" s="30">
        <v>-26</v>
      </c>
      <c r="E103" s="72">
        <v>58</v>
      </c>
      <c r="F103" s="30">
        <v>40</v>
      </c>
      <c r="G103" s="73">
        <v>18</v>
      </c>
      <c r="H103" s="30">
        <v>52</v>
      </c>
      <c r="I103" s="30">
        <v>25</v>
      </c>
      <c r="J103" s="30">
        <v>27</v>
      </c>
      <c r="K103" s="72">
        <v>62</v>
      </c>
      <c r="L103" s="53">
        <v>27</v>
      </c>
      <c r="M103" s="54">
        <v>35</v>
      </c>
    </row>
    <row r="104" spans="1:13">
      <c r="A104" s="40" t="s">
        <v>107</v>
      </c>
      <c r="B104" s="72">
        <v>-48</v>
      </c>
      <c r="C104" s="30">
        <v>-46</v>
      </c>
      <c r="D104" s="30">
        <v>-2</v>
      </c>
      <c r="E104" s="72">
        <v>45</v>
      </c>
      <c r="F104" s="30">
        <v>31</v>
      </c>
      <c r="G104" s="73">
        <v>14</v>
      </c>
      <c r="H104" s="30">
        <v>42</v>
      </c>
      <c r="I104" s="30">
        <v>17</v>
      </c>
      <c r="J104" s="30">
        <v>25</v>
      </c>
      <c r="K104" s="72">
        <v>45</v>
      </c>
      <c r="L104" s="53">
        <v>32</v>
      </c>
      <c r="M104" s="54">
        <v>13</v>
      </c>
    </row>
    <row r="105" spans="1:13">
      <c r="A105" s="40" t="s">
        <v>108</v>
      </c>
      <c r="B105" s="72">
        <v>-54</v>
      </c>
      <c r="C105" s="30">
        <v>-34</v>
      </c>
      <c r="D105" s="30">
        <v>-20</v>
      </c>
      <c r="E105" s="72">
        <v>48</v>
      </c>
      <c r="F105" s="30">
        <v>27</v>
      </c>
      <c r="G105" s="73">
        <v>21</v>
      </c>
      <c r="H105" s="30">
        <v>26</v>
      </c>
      <c r="I105" s="30">
        <v>10</v>
      </c>
      <c r="J105" s="30">
        <v>16</v>
      </c>
      <c r="K105" s="72">
        <v>32</v>
      </c>
      <c r="L105" s="53">
        <v>17</v>
      </c>
      <c r="M105" s="54">
        <v>15</v>
      </c>
    </row>
    <row r="106" spans="1:13">
      <c r="A106" s="40" t="s">
        <v>109</v>
      </c>
      <c r="B106" s="72">
        <v>-53</v>
      </c>
      <c r="C106" s="30">
        <v>-36</v>
      </c>
      <c r="D106" s="30">
        <v>-17</v>
      </c>
      <c r="E106" s="72">
        <v>53</v>
      </c>
      <c r="F106" s="30">
        <v>37</v>
      </c>
      <c r="G106" s="73">
        <v>16</v>
      </c>
      <c r="H106" s="30">
        <v>27</v>
      </c>
      <c r="I106" s="30">
        <v>15</v>
      </c>
      <c r="J106" s="30">
        <v>12</v>
      </c>
      <c r="K106" s="72">
        <v>27</v>
      </c>
      <c r="L106" s="53">
        <v>14</v>
      </c>
      <c r="M106" s="54">
        <v>13</v>
      </c>
    </row>
    <row r="107" spans="1:13" ht="19.5" customHeight="1">
      <c r="A107" s="34" t="s">
        <v>110</v>
      </c>
      <c r="B107" s="17">
        <v>-394</v>
      </c>
      <c r="C107" s="18">
        <v>-250</v>
      </c>
      <c r="D107" s="18">
        <v>-144</v>
      </c>
      <c r="E107" s="17">
        <v>335</v>
      </c>
      <c r="F107" s="18">
        <v>227</v>
      </c>
      <c r="G107" s="19">
        <v>108</v>
      </c>
      <c r="H107" s="18">
        <v>126</v>
      </c>
      <c r="I107" s="18">
        <v>56</v>
      </c>
      <c r="J107" s="18">
        <v>70</v>
      </c>
      <c r="K107" s="17">
        <v>185</v>
      </c>
      <c r="L107" s="51">
        <v>79</v>
      </c>
      <c r="M107" s="52">
        <v>106</v>
      </c>
    </row>
    <row r="108" spans="1:13">
      <c r="A108" s="40" t="s">
        <v>111</v>
      </c>
      <c r="B108" s="72">
        <v>-82</v>
      </c>
      <c r="C108" s="30">
        <v>-55</v>
      </c>
      <c r="D108" s="30">
        <v>-27</v>
      </c>
      <c r="E108" s="72">
        <v>68</v>
      </c>
      <c r="F108" s="30">
        <v>49</v>
      </c>
      <c r="G108" s="73">
        <v>19</v>
      </c>
      <c r="H108" s="30">
        <v>33</v>
      </c>
      <c r="I108" s="30">
        <v>15</v>
      </c>
      <c r="J108" s="30">
        <v>18</v>
      </c>
      <c r="K108" s="72">
        <v>47</v>
      </c>
      <c r="L108" s="53">
        <v>21</v>
      </c>
      <c r="M108" s="54">
        <v>26</v>
      </c>
    </row>
    <row r="109" spans="1:13">
      <c r="A109" s="40" t="s">
        <v>112</v>
      </c>
      <c r="B109" s="72">
        <v>-80</v>
      </c>
      <c r="C109" s="30">
        <v>-46</v>
      </c>
      <c r="D109" s="30">
        <v>-34</v>
      </c>
      <c r="E109" s="72">
        <v>65</v>
      </c>
      <c r="F109" s="30">
        <v>43</v>
      </c>
      <c r="G109" s="73">
        <v>22</v>
      </c>
      <c r="H109" s="30">
        <v>20</v>
      </c>
      <c r="I109" s="30">
        <v>9</v>
      </c>
      <c r="J109" s="30">
        <v>11</v>
      </c>
      <c r="K109" s="72">
        <v>35</v>
      </c>
      <c r="L109" s="53">
        <v>12</v>
      </c>
      <c r="M109" s="54">
        <v>23</v>
      </c>
    </row>
    <row r="110" spans="1:13">
      <c r="A110" s="40" t="s">
        <v>113</v>
      </c>
      <c r="B110" s="72">
        <v>-74</v>
      </c>
      <c r="C110" s="30">
        <v>-47</v>
      </c>
      <c r="D110" s="30">
        <v>-27</v>
      </c>
      <c r="E110" s="72">
        <v>62</v>
      </c>
      <c r="F110" s="30">
        <v>44</v>
      </c>
      <c r="G110" s="73">
        <v>18</v>
      </c>
      <c r="H110" s="30">
        <v>24</v>
      </c>
      <c r="I110" s="30">
        <v>15</v>
      </c>
      <c r="J110" s="30">
        <v>9</v>
      </c>
      <c r="K110" s="72">
        <v>36</v>
      </c>
      <c r="L110" s="53">
        <v>18</v>
      </c>
      <c r="M110" s="54">
        <v>18</v>
      </c>
    </row>
    <row r="111" spans="1:13">
      <c r="A111" s="40" t="s">
        <v>114</v>
      </c>
      <c r="B111" s="72">
        <v>-90</v>
      </c>
      <c r="C111" s="30">
        <v>-55</v>
      </c>
      <c r="D111" s="30">
        <v>-35</v>
      </c>
      <c r="E111" s="72">
        <v>77</v>
      </c>
      <c r="F111" s="30">
        <v>48</v>
      </c>
      <c r="G111" s="73">
        <v>29</v>
      </c>
      <c r="H111" s="30">
        <v>27</v>
      </c>
      <c r="I111" s="30">
        <v>12</v>
      </c>
      <c r="J111" s="30">
        <v>15</v>
      </c>
      <c r="K111" s="72">
        <v>40</v>
      </c>
      <c r="L111" s="53">
        <v>19</v>
      </c>
      <c r="M111" s="54">
        <v>21</v>
      </c>
    </row>
    <row r="112" spans="1:13">
      <c r="A112" s="40" t="s">
        <v>115</v>
      </c>
      <c r="B112" s="72">
        <v>-68</v>
      </c>
      <c r="C112" s="30">
        <v>-47</v>
      </c>
      <c r="D112" s="30">
        <v>-21</v>
      </c>
      <c r="E112" s="72">
        <v>63</v>
      </c>
      <c r="F112" s="30">
        <v>43</v>
      </c>
      <c r="G112" s="73">
        <v>20</v>
      </c>
      <c r="H112" s="30">
        <v>22</v>
      </c>
      <c r="I112" s="30">
        <v>5</v>
      </c>
      <c r="J112" s="30">
        <v>17</v>
      </c>
      <c r="K112" s="72">
        <v>27</v>
      </c>
      <c r="L112" s="53">
        <v>9</v>
      </c>
      <c r="M112" s="54">
        <v>18</v>
      </c>
    </row>
    <row r="113" spans="1:13" ht="19.5" customHeight="1">
      <c r="A113" s="34" t="s">
        <v>116</v>
      </c>
      <c r="B113" s="17">
        <v>-424</v>
      </c>
      <c r="C113" s="18">
        <v>-247</v>
      </c>
      <c r="D113" s="18">
        <v>-177</v>
      </c>
      <c r="E113" s="17">
        <v>390</v>
      </c>
      <c r="F113" s="18">
        <v>225</v>
      </c>
      <c r="G113" s="19">
        <v>165</v>
      </c>
      <c r="H113" s="18">
        <v>99</v>
      </c>
      <c r="I113" s="18">
        <v>35</v>
      </c>
      <c r="J113" s="18">
        <v>64</v>
      </c>
      <c r="K113" s="17">
        <v>133</v>
      </c>
      <c r="L113" s="51">
        <v>57</v>
      </c>
      <c r="M113" s="52">
        <v>76</v>
      </c>
    </row>
    <row r="114" spans="1:13">
      <c r="A114" s="40" t="s">
        <v>117</v>
      </c>
      <c r="B114" s="72">
        <v>-67</v>
      </c>
      <c r="C114" s="30">
        <v>-38</v>
      </c>
      <c r="D114" s="30">
        <v>-29</v>
      </c>
      <c r="E114" s="72">
        <v>57</v>
      </c>
      <c r="F114" s="30">
        <v>33</v>
      </c>
      <c r="G114" s="73">
        <v>24</v>
      </c>
      <c r="H114" s="30">
        <v>18</v>
      </c>
      <c r="I114" s="30">
        <v>6</v>
      </c>
      <c r="J114" s="30">
        <v>12</v>
      </c>
      <c r="K114" s="72">
        <v>28</v>
      </c>
      <c r="L114" s="53">
        <v>11</v>
      </c>
      <c r="M114" s="54">
        <v>17</v>
      </c>
    </row>
    <row r="115" spans="1:13">
      <c r="A115" s="40" t="s">
        <v>118</v>
      </c>
      <c r="B115" s="72">
        <v>-66</v>
      </c>
      <c r="C115" s="30">
        <v>-39</v>
      </c>
      <c r="D115" s="30">
        <v>-27</v>
      </c>
      <c r="E115" s="72">
        <v>59</v>
      </c>
      <c r="F115" s="30">
        <v>34</v>
      </c>
      <c r="G115" s="73">
        <v>25</v>
      </c>
      <c r="H115" s="30">
        <v>20</v>
      </c>
      <c r="I115" s="30">
        <v>9</v>
      </c>
      <c r="J115" s="30">
        <v>11</v>
      </c>
      <c r="K115" s="72">
        <v>27</v>
      </c>
      <c r="L115" s="53">
        <v>14</v>
      </c>
      <c r="M115" s="54">
        <v>13</v>
      </c>
    </row>
    <row r="116" spans="1:13">
      <c r="A116" s="40" t="s">
        <v>119</v>
      </c>
      <c r="B116" s="72">
        <v>-92</v>
      </c>
      <c r="C116" s="30">
        <v>-45</v>
      </c>
      <c r="D116" s="30">
        <v>-47</v>
      </c>
      <c r="E116" s="72">
        <v>83</v>
      </c>
      <c r="F116" s="30">
        <v>48</v>
      </c>
      <c r="G116" s="73">
        <v>35</v>
      </c>
      <c r="H116" s="30">
        <v>21</v>
      </c>
      <c r="I116" s="30">
        <v>12</v>
      </c>
      <c r="J116" s="30">
        <v>9</v>
      </c>
      <c r="K116" s="72">
        <v>30</v>
      </c>
      <c r="L116" s="53">
        <v>9</v>
      </c>
      <c r="M116" s="54">
        <v>21</v>
      </c>
    </row>
    <row r="117" spans="1:13">
      <c r="A117" s="40" t="s">
        <v>120</v>
      </c>
      <c r="B117" s="72">
        <v>-97</v>
      </c>
      <c r="C117" s="30">
        <v>-57</v>
      </c>
      <c r="D117" s="30">
        <v>-40</v>
      </c>
      <c r="E117" s="72">
        <v>90</v>
      </c>
      <c r="F117" s="30">
        <v>51</v>
      </c>
      <c r="G117" s="73">
        <v>39</v>
      </c>
      <c r="H117" s="30">
        <v>19</v>
      </c>
      <c r="I117" s="30">
        <v>4</v>
      </c>
      <c r="J117" s="30">
        <v>15</v>
      </c>
      <c r="K117" s="72">
        <v>26</v>
      </c>
      <c r="L117" s="53">
        <v>10</v>
      </c>
      <c r="M117" s="54">
        <v>16</v>
      </c>
    </row>
    <row r="118" spans="1:13">
      <c r="A118" s="40" t="s">
        <v>121</v>
      </c>
      <c r="B118" s="72">
        <v>-102</v>
      </c>
      <c r="C118" s="30">
        <v>-68</v>
      </c>
      <c r="D118" s="30">
        <v>-34</v>
      </c>
      <c r="E118" s="72">
        <v>101</v>
      </c>
      <c r="F118" s="30">
        <v>59</v>
      </c>
      <c r="G118" s="73">
        <v>42</v>
      </c>
      <c r="H118" s="30">
        <v>21</v>
      </c>
      <c r="I118" s="30">
        <v>4</v>
      </c>
      <c r="J118" s="30">
        <v>17</v>
      </c>
      <c r="K118" s="72">
        <v>22</v>
      </c>
      <c r="L118" s="53">
        <v>13</v>
      </c>
      <c r="M118" s="54">
        <v>9</v>
      </c>
    </row>
    <row r="119" spans="1:13" ht="19.5" customHeight="1">
      <c r="A119" s="34" t="s">
        <v>122</v>
      </c>
      <c r="B119" s="17">
        <v>-446</v>
      </c>
      <c r="C119" s="18">
        <v>-219</v>
      </c>
      <c r="D119" s="18">
        <v>-227</v>
      </c>
      <c r="E119" s="17">
        <v>424</v>
      </c>
      <c r="F119" s="18">
        <v>209</v>
      </c>
      <c r="G119" s="19">
        <v>215</v>
      </c>
      <c r="H119" s="18">
        <v>71</v>
      </c>
      <c r="I119" s="18">
        <v>19</v>
      </c>
      <c r="J119" s="18">
        <v>52</v>
      </c>
      <c r="K119" s="17">
        <v>93</v>
      </c>
      <c r="L119" s="51">
        <v>29</v>
      </c>
      <c r="M119" s="52">
        <v>64</v>
      </c>
    </row>
    <row r="120" spans="1:13">
      <c r="A120" s="40" t="s">
        <v>123</v>
      </c>
      <c r="B120" s="72">
        <v>-72</v>
      </c>
      <c r="C120" s="30">
        <v>-42</v>
      </c>
      <c r="D120" s="30">
        <v>-30</v>
      </c>
      <c r="E120" s="72">
        <v>72</v>
      </c>
      <c r="F120" s="30">
        <v>40</v>
      </c>
      <c r="G120" s="73">
        <v>32</v>
      </c>
      <c r="H120" s="30">
        <v>18</v>
      </c>
      <c r="I120" s="30">
        <v>4</v>
      </c>
      <c r="J120" s="30">
        <v>14</v>
      </c>
      <c r="K120" s="72">
        <v>18</v>
      </c>
      <c r="L120" s="53">
        <v>6</v>
      </c>
      <c r="M120" s="54">
        <v>12</v>
      </c>
    </row>
    <row r="121" spans="1:13">
      <c r="A121" s="40" t="s">
        <v>124</v>
      </c>
      <c r="B121" s="72">
        <v>-87</v>
      </c>
      <c r="C121" s="30">
        <v>-48</v>
      </c>
      <c r="D121" s="30">
        <v>-39</v>
      </c>
      <c r="E121" s="72">
        <v>83</v>
      </c>
      <c r="F121" s="30">
        <v>41</v>
      </c>
      <c r="G121" s="73">
        <v>42</v>
      </c>
      <c r="H121" s="30">
        <v>20</v>
      </c>
      <c r="I121" s="30">
        <v>1</v>
      </c>
      <c r="J121" s="30">
        <v>19</v>
      </c>
      <c r="K121" s="72">
        <v>24</v>
      </c>
      <c r="L121" s="53">
        <v>8</v>
      </c>
      <c r="M121" s="54">
        <v>16</v>
      </c>
    </row>
    <row r="122" spans="1:13">
      <c r="A122" s="40" t="s">
        <v>125</v>
      </c>
      <c r="B122" s="72">
        <v>-83</v>
      </c>
      <c r="C122" s="30">
        <v>-38</v>
      </c>
      <c r="D122" s="30">
        <v>-45</v>
      </c>
      <c r="E122" s="72">
        <v>83</v>
      </c>
      <c r="F122" s="30">
        <v>39</v>
      </c>
      <c r="G122" s="73">
        <v>44</v>
      </c>
      <c r="H122" s="30">
        <v>17</v>
      </c>
      <c r="I122" s="30">
        <v>4</v>
      </c>
      <c r="J122" s="30">
        <v>13</v>
      </c>
      <c r="K122" s="72">
        <v>17</v>
      </c>
      <c r="L122" s="53">
        <v>3</v>
      </c>
      <c r="M122" s="54">
        <v>14</v>
      </c>
    </row>
    <row r="123" spans="1:13">
      <c r="A123" s="40" t="s">
        <v>126</v>
      </c>
      <c r="B123" s="72">
        <v>-102</v>
      </c>
      <c r="C123" s="30">
        <v>-47</v>
      </c>
      <c r="D123" s="30">
        <v>-55</v>
      </c>
      <c r="E123" s="72">
        <v>90</v>
      </c>
      <c r="F123" s="30">
        <v>45</v>
      </c>
      <c r="G123" s="73">
        <v>45</v>
      </c>
      <c r="H123" s="30">
        <v>8</v>
      </c>
      <c r="I123" s="30">
        <v>4</v>
      </c>
      <c r="J123" s="30">
        <v>4</v>
      </c>
      <c r="K123" s="72">
        <v>20</v>
      </c>
      <c r="L123" s="53">
        <v>6</v>
      </c>
      <c r="M123" s="54">
        <v>14</v>
      </c>
    </row>
    <row r="124" spans="1:13">
      <c r="A124" s="40" t="s">
        <v>127</v>
      </c>
      <c r="B124" s="72">
        <v>-102</v>
      </c>
      <c r="C124" s="30">
        <v>-44</v>
      </c>
      <c r="D124" s="30">
        <v>-58</v>
      </c>
      <c r="E124" s="72">
        <v>96</v>
      </c>
      <c r="F124" s="30">
        <v>44</v>
      </c>
      <c r="G124" s="73">
        <v>52</v>
      </c>
      <c r="H124" s="30">
        <v>8</v>
      </c>
      <c r="I124" s="30">
        <v>6</v>
      </c>
      <c r="J124" s="30">
        <v>2</v>
      </c>
      <c r="K124" s="72">
        <v>14</v>
      </c>
      <c r="L124" s="53">
        <v>6</v>
      </c>
      <c r="M124" s="54">
        <v>8</v>
      </c>
    </row>
    <row r="125" spans="1:13" ht="19.5" customHeight="1">
      <c r="A125" s="34" t="s">
        <v>128</v>
      </c>
      <c r="B125" s="17">
        <v>-384</v>
      </c>
      <c r="C125" s="18">
        <v>-144</v>
      </c>
      <c r="D125" s="18">
        <v>-240</v>
      </c>
      <c r="E125" s="17">
        <v>374</v>
      </c>
      <c r="F125" s="18">
        <v>143</v>
      </c>
      <c r="G125" s="19">
        <v>231</v>
      </c>
      <c r="H125" s="18">
        <v>43</v>
      </c>
      <c r="I125" s="18">
        <v>10</v>
      </c>
      <c r="J125" s="18">
        <v>33</v>
      </c>
      <c r="K125" s="17">
        <v>53</v>
      </c>
      <c r="L125" s="51">
        <v>11</v>
      </c>
      <c r="M125" s="52">
        <v>42</v>
      </c>
    </row>
    <row r="126" spans="1:13">
      <c r="A126" s="40" t="s">
        <v>129</v>
      </c>
      <c r="B126" s="72">
        <v>-87</v>
      </c>
      <c r="C126" s="30">
        <v>-29</v>
      </c>
      <c r="D126" s="30">
        <v>-58</v>
      </c>
      <c r="E126" s="72">
        <v>85</v>
      </c>
      <c r="F126" s="30">
        <v>33</v>
      </c>
      <c r="G126" s="73">
        <v>52</v>
      </c>
      <c r="H126" s="30">
        <v>11</v>
      </c>
      <c r="I126" s="30">
        <v>6</v>
      </c>
      <c r="J126" s="30">
        <v>5</v>
      </c>
      <c r="K126" s="72">
        <v>13</v>
      </c>
      <c r="L126" s="53">
        <v>2</v>
      </c>
      <c r="M126" s="54">
        <v>11</v>
      </c>
    </row>
    <row r="127" spans="1:13">
      <c r="A127" s="40" t="s">
        <v>130</v>
      </c>
      <c r="B127" s="72">
        <v>-74</v>
      </c>
      <c r="C127" s="30">
        <v>-29</v>
      </c>
      <c r="D127" s="30">
        <v>-45</v>
      </c>
      <c r="E127" s="72">
        <v>72</v>
      </c>
      <c r="F127" s="30">
        <v>28</v>
      </c>
      <c r="G127" s="73">
        <v>44</v>
      </c>
      <c r="H127" s="30">
        <v>13</v>
      </c>
      <c r="I127" s="30">
        <v>2</v>
      </c>
      <c r="J127" s="30">
        <v>11</v>
      </c>
      <c r="K127" s="72">
        <v>15</v>
      </c>
      <c r="L127" s="53">
        <v>3</v>
      </c>
      <c r="M127" s="54">
        <v>12</v>
      </c>
    </row>
    <row r="128" spans="1:13">
      <c r="A128" s="40" t="s">
        <v>131</v>
      </c>
      <c r="B128" s="72">
        <v>-75</v>
      </c>
      <c r="C128" s="30">
        <v>-32</v>
      </c>
      <c r="D128" s="30">
        <v>-43</v>
      </c>
      <c r="E128" s="72">
        <v>72</v>
      </c>
      <c r="F128" s="30">
        <v>30</v>
      </c>
      <c r="G128" s="73">
        <v>42</v>
      </c>
      <c r="H128" s="30">
        <v>8</v>
      </c>
      <c r="I128" s="30">
        <v>1</v>
      </c>
      <c r="J128" s="30">
        <v>7</v>
      </c>
      <c r="K128" s="72">
        <v>11</v>
      </c>
      <c r="L128" s="53">
        <v>3</v>
      </c>
      <c r="M128" s="54">
        <v>8</v>
      </c>
    </row>
    <row r="129" spans="1:13">
      <c r="A129" s="40" t="s">
        <v>132</v>
      </c>
      <c r="B129" s="72">
        <v>-80</v>
      </c>
      <c r="C129" s="30">
        <v>-28</v>
      </c>
      <c r="D129" s="30">
        <v>-52</v>
      </c>
      <c r="E129" s="72">
        <v>77</v>
      </c>
      <c r="F129" s="30">
        <v>27</v>
      </c>
      <c r="G129" s="73">
        <v>50</v>
      </c>
      <c r="H129" s="30">
        <v>7</v>
      </c>
      <c r="I129" s="30">
        <v>1</v>
      </c>
      <c r="J129" s="30">
        <v>6</v>
      </c>
      <c r="K129" s="72">
        <v>10</v>
      </c>
      <c r="L129" s="53">
        <v>2</v>
      </c>
      <c r="M129" s="54">
        <v>8</v>
      </c>
    </row>
    <row r="130" spans="1:13">
      <c r="A130" s="40" t="s">
        <v>133</v>
      </c>
      <c r="B130" s="72">
        <v>-68</v>
      </c>
      <c r="C130" s="30">
        <v>-26</v>
      </c>
      <c r="D130" s="30">
        <v>-42</v>
      </c>
      <c r="E130" s="72">
        <v>68</v>
      </c>
      <c r="F130" s="30">
        <v>25</v>
      </c>
      <c r="G130" s="73">
        <v>43</v>
      </c>
      <c r="H130" s="30">
        <v>4</v>
      </c>
      <c r="I130" s="30">
        <v>0</v>
      </c>
      <c r="J130" s="30">
        <v>4</v>
      </c>
      <c r="K130" s="72">
        <v>4</v>
      </c>
      <c r="L130" s="53">
        <v>1</v>
      </c>
      <c r="M130" s="54">
        <v>3</v>
      </c>
    </row>
    <row r="131" spans="1:13" ht="19.5" customHeight="1">
      <c r="A131" s="34" t="s">
        <v>134</v>
      </c>
      <c r="B131" s="17">
        <v>-180</v>
      </c>
      <c r="C131" s="18">
        <v>-46</v>
      </c>
      <c r="D131" s="18">
        <v>-134</v>
      </c>
      <c r="E131" s="17">
        <v>177</v>
      </c>
      <c r="F131" s="18">
        <v>46</v>
      </c>
      <c r="G131" s="19">
        <v>131</v>
      </c>
      <c r="H131" s="18">
        <v>11</v>
      </c>
      <c r="I131" s="18">
        <v>2</v>
      </c>
      <c r="J131" s="18">
        <v>9</v>
      </c>
      <c r="K131" s="17">
        <v>14</v>
      </c>
      <c r="L131" s="51">
        <v>2</v>
      </c>
      <c r="M131" s="52">
        <v>12</v>
      </c>
    </row>
    <row r="132" spans="1:13">
      <c r="A132" s="40" t="s">
        <v>135</v>
      </c>
      <c r="B132" s="72">
        <v>-47</v>
      </c>
      <c r="C132" s="30">
        <v>-20</v>
      </c>
      <c r="D132" s="30">
        <v>-27</v>
      </c>
      <c r="E132" s="72">
        <v>51</v>
      </c>
      <c r="F132" s="30">
        <v>22</v>
      </c>
      <c r="G132" s="73">
        <v>29</v>
      </c>
      <c r="H132" s="30">
        <v>6</v>
      </c>
      <c r="I132" s="30">
        <v>2</v>
      </c>
      <c r="J132" s="30">
        <v>4</v>
      </c>
      <c r="K132" s="72">
        <v>2</v>
      </c>
      <c r="L132" s="53">
        <v>0</v>
      </c>
      <c r="M132" s="54">
        <v>2</v>
      </c>
    </row>
    <row r="133" spans="1:13">
      <c r="A133" s="40" t="s">
        <v>136</v>
      </c>
      <c r="B133" s="72">
        <v>-39</v>
      </c>
      <c r="C133" s="30">
        <v>-6</v>
      </c>
      <c r="D133" s="30">
        <v>-33</v>
      </c>
      <c r="E133" s="72">
        <v>37</v>
      </c>
      <c r="F133" s="30">
        <v>6</v>
      </c>
      <c r="G133" s="73">
        <v>31</v>
      </c>
      <c r="H133" s="30">
        <v>1</v>
      </c>
      <c r="I133" s="30">
        <v>0</v>
      </c>
      <c r="J133" s="30">
        <v>1</v>
      </c>
      <c r="K133" s="72">
        <v>3</v>
      </c>
      <c r="L133" s="53">
        <v>0</v>
      </c>
      <c r="M133" s="54">
        <v>3</v>
      </c>
    </row>
    <row r="134" spans="1:13">
      <c r="A134" s="40" t="s">
        <v>137</v>
      </c>
      <c r="B134" s="72">
        <v>-41</v>
      </c>
      <c r="C134" s="30">
        <v>-11</v>
      </c>
      <c r="D134" s="30">
        <v>-30</v>
      </c>
      <c r="E134" s="72">
        <v>40</v>
      </c>
      <c r="F134" s="30">
        <v>11</v>
      </c>
      <c r="G134" s="73">
        <v>29</v>
      </c>
      <c r="H134" s="30">
        <v>2</v>
      </c>
      <c r="I134" s="30">
        <v>0</v>
      </c>
      <c r="J134" s="30">
        <v>2</v>
      </c>
      <c r="K134" s="72">
        <v>3</v>
      </c>
      <c r="L134" s="53">
        <v>0</v>
      </c>
      <c r="M134" s="54">
        <v>3</v>
      </c>
    </row>
    <row r="135" spans="1:13">
      <c r="A135" s="40" t="s">
        <v>138</v>
      </c>
      <c r="B135" s="72">
        <v>-33</v>
      </c>
      <c r="C135" s="30">
        <v>-5</v>
      </c>
      <c r="D135" s="30">
        <v>-28</v>
      </c>
      <c r="E135" s="72">
        <v>32</v>
      </c>
      <c r="F135" s="30">
        <v>5</v>
      </c>
      <c r="G135" s="73">
        <v>27</v>
      </c>
      <c r="H135" s="30">
        <v>1</v>
      </c>
      <c r="I135" s="30">
        <v>0</v>
      </c>
      <c r="J135" s="30">
        <v>1</v>
      </c>
      <c r="K135" s="72">
        <v>2</v>
      </c>
      <c r="L135" s="53">
        <v>0</v>
      </c>
      <c r="M135" s="54">
        <v>2</v>
      </c>
    </row>
    <row r="136" spans="1:13">
      <c r="A136" s="40" t="s">
        <v>139</v>
      </c>
      <c r="B136" s="72">
        <v>-20</v>
      </c>
      <c r="C136" s="30">
        <v>-4</v>
      </c>
      <c r="D136" s="30">
        <v>-16</v>
      </c>
      <c r="E136" s="72">
        <v>17</v>
      </c>
      <c r="F136" s="30">
        <v>2</v>
      </c>
      <c r="G136" s="73">
        <v>15</v>
      </c>
      <c r="H136" s="30">
        <v>1</v>
      </c>
      <c r="I136" s="30">
        <v>0</v>
      </c>
      <c r="J136" s="30">
        <v>1</v>
      </c>
      <c r="K136" s="72">
        <v>4</v>
      </c>
      <c r="L136" s="53">
        <v>2</v>
      </c>
      <c r="M136" s="54">
        <v>2</v>
      </c>
    </row>
    <row r="137" spans="1:13" ht="19.5" customHeight="1">
      <c r="A137" s="41" t="s">
        <v>140</v>
      </c>
      <c r="B137" s="76">
        <v>-51</v>
      </c>
      <c r="C137" s="77">
        <v>-6</v>
      </c>
      <c r="D137" s="77">
        <v>-45</v>
      </c>
      <c r="E137" s="76">
        <v>51</v>
      </c>
      <c r="F137" s="77">
        <v>7</v>
      </c>
      <c r="G137" s="78">
        <v>44</v>
      </c>
      <c r="H137" s="77">
        <v>2</v>
      </c>
      <c r="I137" s="77">
        <v>1</v>
      </c>
      <c r="J137" s="77">
        <v>1</v>
      </c>
      <c r="K137" s="76">
        <v>2</v>
      </c>
      <c r="L137" s="67">
        <v>0</v>
      </c>
      <c r="M137" s="68">
        <v>2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3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3" width="9.375" style="3" customWidth="1"/>
    <col min="4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8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3946</v>
      </c>
      <c r="C5" s="14">
        <v>-1996</v>
      </c>
      <c r="D5" s="14">
        <v>-1950</v>
      </c>
      <c r="E5" s="13">
        <v>4925</v>
      </c>
      <c r="F5" s="14">
        <v>2599</v>
      </c>
      <c r="G5" s="15">
        <v>2326</v>
      </c>
      <c r="H5" s="14">
        <v>14771</v>
      </c>
      <c r="I5" s="14">
        <v>9389</v>
      </c>
      <c r="J5" s="14">
        <v>5382</v>
      </c>
      <c r="K5" s="13">
        <v>16007</v>
      </c>
      <c r="L5" s="49">
        <v>9949</v>
      </c>
      <c r="M5" s="50">
        <v>6058</v>
      </c>
    </row>
    <row r="6" spans="1:13" ht="19.5" customHeight="1">
      <c r="A6" s="16" t="s">
        <v>13</v>
      </c>
      <c r="B6" s="17">
        <v>2318</v>
      </c>
      <c r="C6" s="18">
        <v>1200</v>
      </c>
      <c r="D6" s="18">
        <v>1118</v>
      </c>
      <c r="E6" s="17">
        <v>6</v>
      </c>
      <c r="F6" s="18">
        <v>4</v>
      </c>
      <c r="G6" s="19">
        <v>2</v>
      </c>
      <c r="H6" s="18">
        <v>790</v>
      </c>
      <c r="I6" s="18">
        <v>403</v>
      </c>
      <c r="J6" s="18">
        <v>387</v>
      </c>
      <c r="K6" s="17">
        <v>681</v>
      </c>
      <c r="L6" s="51">
        <v>362</v>
      </c>
      <c r="M6" s="52">
        <v>319</v>
      </c>
    </row>
    <row r="7" spans="1:13">
      <c r="A7" s="20" t="s">
        <v>14</v>
      </c>
      <c r="B7" s="21">
        <v>2243</v>
      </c>
      <c r="C7" s="22">
        <v>1180</v>
      </c>
      <c r="D7" s="22">
        <v>1063</v>
      </c>
      <c r="E7" s="21">
        <v>5</v>
      </c>
      <c r="F7" s="22">
        <v>3</v>
      </c>
      <c r="G7" s="23">
        <v>2</v>
      </c>
      <c r="H7" s="22">
        <v>183</v>
      </c>
      <c r="I7" s="22">
        <v>97</v>
      </c>
      <c r="J7" s="22">
        <v>86</v>
      </c>
      <c r="K7" s="21">
        <v>150</v>
      </c>
      <c r="L7" s="53">
        <v>77</v>
      </c>
      <c r="M7" s="54">
        <v>73</v>
      </c>
    </row>
    <row r="8" spans="1:13">
      <c r="A8" s="20" t="s">
        <v>15</v>
      </c>
      <c r="B8" s="21">
        <v>36</v>
      </c>
      <c r="C8" s="22">
        <v>-1</v>
      </c>
      <c r="D8" s="22">
        <v>37</v>
      </c>
      <c r="E8" s="21">
        <v>1</v>
      </c>
      <c r="F8" s="22">
        <v>1</v>
      </c>
      <c r="G8" s="23">
        <v>0</v>
      </c>
      <c r="H8" s="22">
        <v>182</v>
      </c>
      <c r="I8" s="22">
        <v>87</v>
      </c>
      <c r="J8" s="22">
        <v>95</v>
      </c>
      <c r="K8" s="21">
        <v>145</v>
      </c>
      <c r="L8" s="53">
        <v>87</v>
      </c>
      <c r="M8" s="54">
        <v>58</v>
      </c>
    </row>
    <row r="9" spans="1:13">
      <c r="A9" s="20" t="s">
        <v>16</v>
      </c>
      <c r="B9" s="21">
        <v>27</v>
      </c>
      <c r="C9" s="22">
        <v>15</v>
      </c>
      <c r="D9" s="22">
        <v>12</v>
      </c>
      <c r="E9" s="21">
        <v>0</v>
      </c>
      <c r="F9" s="22">
        <v>0</v>
      </c>
      <c r="G9" s="23">
        <v>0</v>
      </c>
      <c r="H9" s="22">
        <v>170</v>
      </c>
      <c r="I9" s="22">
        <v>86</v>
      </c>
      <c r="J9" s="22">
        <v>84</v>
      </c>
      <c r="K9" s="21">
        <v>143</v>
      </c>
      <c r="L9" s="53">
        <v>71</v>
      </c>
      <c r="M9" s="54">
        <v>72</v>
      </c>
    </row>
    <row r="10" spans="1:13">
      <c r="A10" s="20" t="s">
        <v>17</v>
      </c>
      <c r="B10" s="21">
        <v>0</v>
      </c>
      <c r="C10" s="22">
        <v>6</v>
      </c>
      <c r="D10" s="22">
        <v>-6</v>
      </c>
      <c r="E10" s="21">
        <v>0</v>
      </c>
      <c r="F10" s="22">
        <v>0</v>
      </c>
      <c r="G10" s="23">
        <v>0</v>
      </c>
      <c r="H10" s="22">
        <v>133</v>
      </c>
      <c r="I10" s="22">
        <v>69</v>
      </c>
      <c r="J10" s="22">
        <v>64</v>
      </c>
      <c r="K10" s="21">
        <v>133</v>
      </c>
      <c r="L10" s="53">
        <v>63</v>
      </c>
      <c r="M10" s="54">
        <v>70</v>
      </c>
    </row>
    <row r="11" spans="1:13">
      <c r="A11" s="20" t="s">
        <v>18</v>
      </c>
      <c r="B11" s="21">
        <v>12</v>
      </c>
      <c r="C11" s="22">
        <v>0</v>
      </c>
      <c r="D11" s="22">
        <v>12</v>
      </c>
      <c r="E11" s="21">
        <v>0</v>
      </c>
      <c r="F11" s="22">
        <v>0</v>
      </c>
      <c r="G11" s="23">
        <v>0</v>
      </c>
      <c r="H11" s="22">
        <v>122</v>
      </c>
      <c r="I11" s="22">
        <v>64</v>
      </c>
      <c r="J11" s="22">
        <v>58</v>
      </c>
      <c r="K11" s="21">
        <v>110</v>
      </c>
      <c r="L11" s="53">
        <v>64</v>
      </c>
      <c r="M11" s="54">
        <v>46</v>
      </c>
    </row>
    <row r="12" spans="1:13" ht="20.100000000000001" customHeight="1">
      <c r="A12" s="16" t="s">
        <v>19</v>
      </c>
      <c r="B12" s="17">
        <v>12</v>
      </c>
      <c r="C12" s="18">
        <v>-11</v>
      </c>
      <c r="D12" s="18">
        <v>23</v>
      </c>
      <c r="E12" s="17">
        <v>0</v>
      </c>
      <c r="F12" s="18">
        <v>0</v>
      </c>
      <c r="G12" s="19">
        <v>0</v>
      </c>
      <c r="H12" s="18">
        <v>387</v>
      </c>
      <c r="I12" s="18">
        <v>189</v>
      </c>
      <c r="J12" s="18">
        <v>198</v>
      </c>
      <c r="K12" s="17">
        <v>375</v>
      </c>
      <c r="L12" s="51">
        <v>200</v>
      </c>
      <c r="M12" s="52">
        <v>175</v>
      </c>
    </row>
    <row r="13" spans="1:13">
      <c r="A13" s="20" t="s">
        <v>20</v>
      </c>
      <c r="B13" s="21">
        <v>20</v>
      </c>
      <c r="C13" s="22">
        <v>1</v>
      </c>
      <c r="D13" s="22">
        <v>19</v>
      </c>
      <c r="E13" s="21">
        <v>0</v>
      </c>
      <c r="F13" s="22">
        <v>0</v>
      </c>
      <c r="G13" s="23">
        <v>0</v>
      </c>
      <c r="H13" s="22">
        <v>96</v>
      </c>
      <c r="I13" s="22">
        <v>47</v>
      </c>
      <c r="J13" s="22">
        <v>49</v>
      </c>
      <c r="K13" s="21">
        <v>76</v>
      </c>
      <c r="L13" s="53">
        <v>46</v>
      </c>
      <c r="M13" s="54">
        <v>30</v>
      </c>
    </row>
    <row r="14" spans="1:13">
      <c r="A14" s="20" t="s">
        <v>21</v>
      </c>
      <c r="B14" s="21">
        <v>-22</v>
      </c>
      <c r="C14" s="22">
        <v>-9</v>
      </c>
      <c r="D14" s="22">
        <v>-13</v>
      </c>
      <c r="E14" s="21">
        <v>0</v>
      </c>
      <c r="F14" s="22">
        <v>0</v>
      </c>
      <c r="G14" s="23">
        <v>0</v>
      </c>
      <c r="H14" s="22">
        <v>88</v>
      </c>
      <c r="I14" s="22">
        <v>48</v>
      </c>
      <c r="J14" s="22">
        <v>40</v>
      </c>
      <c r="K14" s="21">
        <v>110</v>
      </c>
      <c r="L14" s="53">
        <v>57</v>
      </c>
      <c r="M14" s="54">
        <v>53</v>
      </c>
    </row>
    <row r="15" spans="1:13">
      <c r="A15" s="20" t="s">
        <v>22</v>
      </c>
      <c r="B15" s="21">
        <v>15</v>
      </c>
      <c r="C15" s="22">
        <v>1</v>
      </c>
      <c r="D15" s="22">
        <v>14</v>
      </c>
      <c r="E15" s="21">
        <v>0</v>
      </c>
      <c r="F15" s="22">
        <v>0</v>
      </c>
      <c r="G15" s="23">
        <v>0</v>
      </c>
      <c r="H15" s="22">
        <v>75</v>
      </c>
      <c r="I15" s="22">
        <v>29</v>
      </c>
      <c r="J15" s="22">
        <v>46</v>
      </c>
      <c r="K15" s="21">
        <v>60</v>
      </c>
      <c r="L15" s="53">
        <v>28</v>
      </c>
      <c r="M15" s="54">
        <v>32</v>
      </c>
    </row>
    <row r="16" spans="1:13">
      <c r="A16" s="20" t="s">
        <v>23</v>
      </c>
      <c r="B16" s="21">
        <v>3</v>
      </c>
      <c r="C16" s="22">
        <v>4</v>
      </c>
      <c r="D16" s="22">
        <v>-1</v>
      </c>
      <c r="E16" s="21">
        <v>0</v>
      </c>
      <c r="F16" s="22">
        <v>0</v>
      </c>
      <c r="G16" s="23">
        <v>0</v>
      </c>
      <c r="H16" s="22">
        <v>67</v>
      </c>
      <c r="I16" s="22">
        <v>38</v>
      </c>
      <c r="J16" s="22">
        <v>29</v>
      </c>
      <c r="K16" s="21">
        <v>64</v>
      </c>
      <c r="L16" s="53">
        <v>34</v>
      </c>
      <c r="M16" s="54">
        <v>30</v>
      </c>
    </row>
    <row r="17" spans="1:13">
      <c r="A17" s="20" t="s">
        <v>24</v>
      </c>
      <c r="B17" s="21">
        <v>-4</v>
      </c>
      <c r="C17" s="22">
        <v>-8</v>
      </c>
      <c r="D17" s="22">
        <v>4</v>
      </c>
      <c r="E17" s="21">
        <v>0</v>
      </c>
      <c r="F17" s="22">
        <v>0</v>
      </c>
      <c r="G17" s="23">
        <v>0</v>
      </c>
      <c r="H17" s="22">
        <v>61</v>
      </c>
      <c r="I17" s="22">
        <v>27</v>
      </c>
      <c r="J17" s="22">
        <v>34</v>
      </c>
      <c r="K17" s="21">
        <v>65</v>
      </c>
      <c r="L17" s="53">
        <v>35</v>
      </c>
      <c r="M17" s="54">
        <v>30</v>
      </c>
    </row>
    <row r="18" spans="1:13" ht="20.100000000000001" customHeight="1">
      <c r="A18" s="16" t="s">
        <v>25</v>
      </c>
      <c r="B18" s="17">
        <v>-33</v>
      </c>
      <c r="C18" s="18">
        <v>-9</v>
      </c>
      <c r="D18" s="18">
        <v>-24</v>
      </c>
      <c r="E18" s="17">
        <v>1</v>
      </c>
      <c r="F18" s="18">
        <v>0</v>
      </c>
      <c r="G18" s="19">
        <v>1</v>
      </c>
      <c r="H18" s="18">
        <v>183</v>
      </c>
      <c r="I18" s="18">
        <v>88</v>
      </c>
      <c r="J18" s="18">
        <v>95</v>
      </c>
      <c r="K18" s="17">
        <v>215</v>
      </c>
      <c r="L18" s="51">
        <v>97</v>
      </c>
      <c r="M18" s="52">
        <v>118</v>
      </c>
    </row>
    <row r="19" spans="1:13">
      <c r="A19" s="20" t="s">
        <v>26</v>
      </c>
      <c r="B19" s="21">
        <v>-13</v>
      </c>
      <c r="C19" s="22">
        <v>-8</v>
      </c>
      <c r="D19" s="22">
        <v>-5</v>
      </c>
      <c r="E19" s="21">
        <v>0</v>
      </c>
      <c r="F19" s="22">
        <v>0</v>
      </c>
      <c r="G19" s="23">
        <v>0</v>
      </c>
      <c r="H19" s="22">
        <v>44</v>
      </c>
      <c r="I19" s="22">
        <v>21</v>
      </c>
      <c r="J19" s="22">
        <v>23</v>
      </c>
      <c r="K19" s="21">
        <v>57</v>
      </c>
      <c r="L19" s="53">
        <v>29</v>
      </c>
      <c r="M19" s="54">
        <v>28</v>
      </c>
    </row>
    <row r="20" spans="1:13">
      <c r="A20" s="20" t="s">
        <v>27</v>
      </c>
      <c r="B20" s="21">
        <v>20</v>
      </c>
      <c r="C20" s="22">
        <v>13</v>
      </c>
      <c r="D20" s="22">
        <v>7</v>
      </c>
      <c r="E20" s="21">
        <v>0</v>
      </c>
      <c r="F20" s="22">
        <v>0</v>
      </c>
      <c r="G20" s="23">
        <v>0</v>
      </c>
      <c r="H20" s="22">
        <v>46</v>
      </c>
      <c r="I20" s="22">
        <v>20</v>
      </c>
      <c r="J20" s="22">
        <v>26</v>
      </c>
      <c r="K20" s="21">
        <v>26</v>
      </c>
      <c r="L20" s="53">
        <v>7</v>
      </c>
      <c r="M20" s="54">
        <v>19</v>
      </c>
    </row>
    <row r="21" spans="1:13">
      <c r="A21" s="20" t="s">
        <v>28</v>
      </c>
      <c r="B21" s="21">
        <v>-16</v>
      </c>
      <c r="C21" s="22">
        <v>-3</v>
      </c>
      <c r="D21" s="22">
        <v>-13</v>
      </c>
      <c r="E21" s="21">
        <v>0</v>
      </c>
      <c r="F21" s="22">
        <v>0</v>
      </c>
      <c r="G21" s="23">
        <v>0</v>
      </c>
      <c r="H21" s="22">
        <v>43</v>
      </c>
      <c r="I21" s="22">
        <v>26</v>
      </c>
      <c r="J21" s="22">
        <v>17</v>
      </c>
      <c r="K21" s="21">
        <v>59</v>
      </c>
      <c r="L21" s="53">
        <v>29</v>
      </c>
      <c r="M21" s="54">
        <v>30</v>
      </c>
    </row>
    <row r="22" spans="1:13">
      <c r="A22" s="20" t="s">
        <v>29</v>
      </c>
      <c r="B22" s="21">
        <v>-12</v>
      </c>
      <c r="C22" s="22">
        <v>-8</v>
      </c>
      <c r="D22" s="22">
        <v>-4</v>
      </c>
      <c r="E22" s="21">
        <v>1</v>
      </c>
      <c r="F22" s="22">
        <v>0</v>
      </c>
      <c r="G22" s="23">
        <v>1</v>
      </c>
      <c r="H22" s="22">
        <v>24</v>
      </c>
      <c r="I22" s="22">
        <v>7</v>
      </c>
      <c r="J22" s="22">
        <v>17</v>
      </c>
      <c r="K22" s="21">
        <v>35</v>
      </c>
      <c r="L22" s="53">
        <v>15</v>
      </c>
      <c r="M22" s="54">
        <v>20</v>
      </c>
    </row>
    <row r="23" spans="1:13">
      <c r="A23" s="20" t="s">
        <v>30</v>
      </c>
      <c r="B23" s="21">
        <v>-12</v>
      </c>
      <c r="C23" s="22">
        <v>-3</v>
      </c>
      <c r="D23" s="22">
        <v>-9</v>
      </c>
      <c r="E23" s="21">
        <v>0</v>
      </c>
      <c r="F23" s="22">
        <v>0</v>
      </c>
      <c r="G23" s="23">
        <v>0</v>
      </c>
      <c r="H23" s="22">
        <v>26</v>
      </c>
      <c r="I23" s="22">
        <v>14</v>
      </c>
      <c r="J23" s="22">
        <v>12</v>
      </c>
      <c r="K23" s="21">
        <v>38</v>
      </c>
      <c r="L23" s="53">
        <v>17</v>
      </c>
      <c r="M23" s="54">
        <v>21</v>
      </c>
    </row>
    <row r="24" spans="1:13" ht="20.100000000000001" customHeight="1">
      <c r="A24" s="16" t="s">
        <v>31</v>
      </c>
      <c r="B24" s="17">
        <v>746</v>
      </c>
      <c r="C24" s="18">
        <v>677</v>
      </c>
      <c r="D24" s="18">
        <v>69</v>
      </c>
      <c r="E24" s="17">
        <v>6</v>
      </c>
      <c r="F24" s="18">
        <v>3</v>
      </c>
      <c r="G24" s="19">
        <v>3</v>
      </c>
      <c r="H24" s="18">
        <v>2599</v>
      </c>
      <c r="I24" s="18">
        <v>2146</v>
      </c>
      <c r="J24" s="18">
        <v>453</v>
      </c>
      <c r="K24" s="17">
        <v>1847</v>
      </c>
      <c r="L24" s="51">
        <v>1466</v>
      </c>
      <c r="M24" s="52">
        <v>381</v>
      </c>
    </row>
    <row r="25" spans="1:13">
      <c r="A25" s="20" t="s">
        <v>32</v>
      </c>
      <c r="B25" s="21">
        <v>260</v>
      </c>
      <c r="C25" s="22">
        <v>271</v>
      </c>
      <c r="D25" s="22">
        <v>-11</v>
      </c>
      <c r="E25" s="21">
        <v>1</v>
      </c>
      <c r="F25" s="22">
        <v>0</v>
      </c>
      <c r="G25" s="23">
        <v>1</v>
      </c>
      <c r="H25" s="22">
        <v>325</v>
      </c>
      <c r="I25" s="22">
        <v>304</v>
      </c>
      <c r="J25" s="22">
        <v>21</v>
      </c>
      <c r="K25" s="21">
        <v>64</v>
      </c>
      <c r="L25" s="53">
        <v>33</v>
      </c>
      <c r="M25" s="54">
        <v>31</v>
      </c>
    </row>
    <row r="26" spans="1:13">
      <c r="A26" s="20" t="s">
        <v>33</v>
      </c>
      <c r="B26" s="21">
        <v>55</v>
      </c>
      <c r="C26" s="22">
        <v>46</v>
      </c>
      <c r="D26" s="22">
        <v>9</v>
      </c>
      <c r="E26" s="21">
        <v>1</v>
      </c>
      <c r="F26" s="22">
        <v>0</v>
      </c>
      <c r="G26" s="23">
        <v>1</v>
      </c>
      <c r="H26" s="22">
        <v>93</v>
      </c>
      <c r="I26" s="22">
        <v>72</v>
      </c>
      <c r="J26" s="22">
        <v>21</v>
      </c>
      <c r="K26" s="21">
        <v>37</v>
      </c>
      <c r="L26" s="53">
        <v>26</v>
      </c>
      <c r="M26" s="54">
        <v>11</v>
      </c>
    </row>
    <row r="27" spans="1:13">
      <c r="A27" s="20" t="s">
        <v>34</v>
      </c>
      <c r="B27" s="21">
        <v>-13</v>
      </c>
      <c r="C27" s="22">
        <v>-8</v>
      </c>
      <c r="D27" s="22">
        <v>-5</v>
      </c>
      <c r="E27" s="21">
        <v>1</v>
      </c>
      <c r="F27" s="22">
        <v>1</v>
      </c>
      <c r="G27" s="23">
        <v>0</v>
      </c>
      <c r="H27" s="22">
        <v>33</v>
      </c>
      <c r="I27" s="22">
        <v>16</v>
      </c>
      <c r="J27" s="22">
        <v>17</v>
      </c>
      <c r="K27" s="21">
        <v>45</v>
      </c>
      <c r="L27" s="53">
        <v>23</v>
      </c>
      <c r="M27" s="54">
        <v>22</v>
      </c>
    </row>
    <row r="28" spans="1:13">
      <c r="A28" s="20" t="s">
        <v>35</v>
      </c>
      <c r="B28" s="21">
        <v>449</v>
      </c>
      <c r="C28" s="22">
        <v>358</v>
      </c>
      <c r="D28" s="22">
        <v>91</v>
      </c>
      <c r="E28" s="21">
        <v>2</v>
      </c>
      <c r="F28" s="22">
        <v>2</v>
      </c>
      <c r="G28" s="23">
        <v>0</v>
      </c>
      <c r="H28" s="22">
        <v>1495</v>
      </c>
      <c r="I28" s="22">
        <v>1235</v>
      </c>
      <c r="J28" s="22">
        <v>260</v>
      </c>
      <c r="K28" s="21">
        <v>1044</v>
      </c>
      <c r="L28" s="53">
        <v>875</v>
      </c>
      <c r="M28" s="54">
        <v>169</v>
      </c>
    </row>
    <row r="29" spans="1:13">
      <c r="A29" s="20" t="s">
        <v>36</v>
      </c>
      <c r="B29" s="21">
        <v>-5</v>
      </c>
      <c r="C29" s="22">
        <v>10</v>
      </c>
      <c r="D29" s="22">
        <v>-15</v>
      </c>
      <c r="E29" s="21">
        <v>1</v>
      </c>
      <c r="F29" s="22">
        <v>0</v>
      </c>
      <c r="G29" s="23">
        <v>1</v>
      </c>
      <c r="H29" s="22">
        <v>653</v>
      </c>
      <c r="I29" s="22">
        <v>519</v>
      </c>
      <c r="J29" s="22">
        <v>134</v>
      </c>
      <c r="K29" s="21">
        <v>657</v>
      </c>
      <c r="L29" s="53">
        <v>509</v>
      </c>
      <c r="M29" s="54">
        <v>148</v>
      </c>
    </row>
    <row r="30" spans="1:13" ht="20.100000000000001" customHeight="1">
      <c r="A30" s="16" t="s">
        <v>37</v>
      </c>
      <c r="B30" s="17">
        <v>-979</v>
      </c>
      <c r="C30" s="18">
        <v>-662</v>
      </c>
      <c r="D30" s="18">
        <v>-317</v>
      </c>
      <c r="E30" s="17">
        <v>4</v>
      </c>
      <c r="F30" s="18">
        <v>3</v>
      </c>
      <c r="G30" s="19">
        <v>1</v>
      </c>
      <c r="H30" s="18">
        <v>2799</v>
      </c>
      <c r="I30" s="18">
        <v>1879</v>
      </c>
      <c r="J30" s="18">
        <v>920</v>
      </c>
      <c r="K30" s="17">
        <v>3774</v>
      </c>
      <c r="L30" s="51">
        <v>2538</v>
      </c>
      <c r="M30" s="52">
        <v>1236</v>
      </c>
    </row>
    <row r="31" spans="1:13">
      <c r="A31" s="20" t="s">
        <v>38</v>
      </c>
      <c r="B31" s="21">
        <v>46</v>
      </c>
      <c r="C31" s="22">
        <v>62</v>
      </c>
      <c r="D31" s="22">
        <v>-16</v>
      </c>
      <c r="E31" s="21">
        <v>1</v>
      </c>
      <c r="F31" s="22">
        <v>1</v>
      </c>
      <c r="G31" s="23">
        <v>0</v>
      </c>
      <c r="H31" s="22">
        <v>560</v>
      </c>
      <c r="I31" s="22">
        <v>424</v>
      </c>
      <c r="J31" s="22">
        <v>136</v>
      </c>
      <c r="K31" s="21">
        <v>513</v>
      </c>
      <c r="L31" s="53">
        <v>361</v>
      </c>
      <c r="M31" s="54">
        <v>152</v>
      </c>
    </row>
    <row r="32" spans="1:13">
      <c r="A32" s="20" t="s">
        <v>39</v>
      </c>
      <c r="B32" s="21">
        <v>-59</v>
      </c>
      <c r="C32" s="22">
        <v>-37</v>
      </c>
      <c r="D32" s="22">
        <v>-22</v>
      </c>
      <c r="E32" s="21">
        <v>1</v>
      </c>
      <c r="F32" s="22">
        <v>1</v>
      </c>
      <c r="G32" s="23">
        <v>0</v>
      </c>
      <c r="H32" s="22">
        <v>422</v>
      </c>
      <c r="I32" s="22">
        <v>261</v>
      </c>
      <c r="J32" s="22">
        <v>161</v>
      </c>
      <c r="K32" s="21">
        <v>480</v>
      </c>
      <c r="L32" s="53">
        <v>297</v>
      </c>
      <c r="M32" s="54">
        <v>183</v>
      </c>
    </row>
    <row r="33" spans="1:13">
      <c r="A33" s="20" t="s">
        <v>40</v>
      </c>
      <c r="B33" s="21">
        <v>-482</v>
      </c>
      <c r="C33" s="22">
        <v>-350</v>
      </c>
      <c r="D33" s="22">
        <v>-132</v>
      </c>
      <c r="E33" s="21">
        <v>2</v>
      </c>
      <c r="F33" s="22">
        <v>1</v>
      </c>
      <c r="G33" s="23">
        <v>1</v>
      </c>
      <c r="H33" s="22">
        <v>741</v>
      </c>
      <c r="I33" s="22">
        <v>505</v>
      </c>
      <c r="J33" s="22">
        <v>236</v>
      </c>
      <c r="K33" s="21">
        <v>1221</v>
      </c>
      <c r="L33" s="53">
        <v>854</v>
      </c>
      <c r="M33" s="54">
        <v>367</v>
      </c>
    </row>
    <row r="34" spans="1:13">
      <c r="A34" s="20" t="s">
        <v>41</v>
      </c>
      <c r="B34" s="21">
        <v>-299</v>
      </c>
      <c r="C34" s="22">
        <v>-227</v>
      </c>
      <c r="D34" s="22">
        <v>-72</v>
      </c>
      <c r="E34" s="21">
        <v>0</v>
      </c>
      <c r="F34" s="22">
        <v>0</v>
      </c>
      <c r="G34" s="23">
        <v>0</v>
      </c>
      <c r="H34" s="22">
        <v>527</v>
      </c>
      <c r="I34" s="22">
        <v>332</v>
      </c>
      <c r="J34" s="22">
        <v>195</v>
      </c>
      <c r="K34" s="21">
        <v>826</v>
      </c>
      <c r="L34" s="53">
        <v>559</v>
      </c>
      <c r="M34" s="54">
        <v>267</v>
      </c>
    </row>
    <row r="35" spans="1:13">
      <c r="A35" s="20" t="s">
        <v>42</v>
      </c>
      <c r="B35" s="21">
        <v>-185</v>
      </c>
      <c r="C35" s="22">
        <v>-110</v>
      </c>
      <c r="D35" s="22">
        <v>-75</v>
      </c>
      <c r="E35" s="21">
        <v>0</v>
      </c>
      <c r="F35" s="22">
        <v>0</v>
      </c>
      <c r="G35" s="23">
        <v>0</v>
      </c>
      <c r="H35" s="22">
        <v>549</v>
      </c>
      <c r="I35" s="22">
        <v>357</v>
      </c>
      <c r="J35" s="22">
        <v>192</v>
      </c>
      <c r="K35" s="21">
        <v>734</v>
      </c>
      <c r="L35" s="53">
        <v>467</v>
      </c>
      <c r="M35" s="54">
        <v>267</v>
      </c>
    </row>
    <row r="36" spans="1:13" ht="20.100000000000001" customHeight="1">
      <c r="A36" s="16" t="s">
        <v>43</v>
      </c>
      <c r="B36" s="17">
        <v>-534</v>
      </c>
      <c r="C36" s="18">
        <v>-306</v>
      </c>
      <c r="D36" s="18">
        <v>-228</v>
      </c>
      <c r="E36" s="17">
        <v>9</v>
      </c>
      <c r="F36" s="18">
        <v>8</v>
      </c>
      <c r="G36" s="19">
        <v>1</v>
      </c>
      <c r="H36" s="18">
        <v>2072</v>
      </c>
      <c r="I36" s="18">
        <v>1248</v>
      </c>
      <c r="J36" s="18">
        <v>824</v>
      </c>
      <c r="K36" s="17">
        <v>2597</v>
      </c>
      <c r="L36" s="51">
        <v>1546</v>
      </c>
      <c r="M36" s="52">
        <v>1051</v>
      </c>
    </row>
    <row r="37" spans="1:13">
      <c r="A37" s="20" t="s">
        <v>44</v>
      </c>
      <c r="B37" s="21">
        <v>-159</v>
      </c>
      <c r="C37" s="22">
        <v>-101</v>
      </c>
      <c r="D37" s="22">
        <v>-58</v>
      </c>
      <c r="E37" s="21">
        <v>1</v>
      </c>
      <c r="F37" s="22">
        <v>1</v>
      </c>
      <c r="G37" s="23">
        <v>0</v>
      </c>
      <c r="H37" s="22">
        <v>480</v>
      </c>
      <c r="I37" s="22">
        <v>312</v>
      </c>
      <c r="J37" s="22">
        <v>168</v>
      </c>
      <c r="K37" s="21">
        <v>638</v>
      </c>
      <c r="L37" s="53">
        <v>412</v>
      </c>
      <c r="M37" s="54">
        <v>226</v>
      </c>
    </row>
    <row r="38" spans="1:13">
      <c r="A38" s="20" t="s">
        <v>45</v>
      </c>
      <c r="B38" s="21">
        <v>-138</v>
      </c>
      <c r="C38" s="22">
        <v>-81</v>
      </c>
      <c r="D38" s="22">
        <v>-57</v>
      </c>
      <c r="E38" s="21">
        <v>2</v>
      </c>
      <c r="F38" s="22">
        <v>2</v>
      </c>
      <c r="G38" s="23">
        <v>0</v>
      </c>
      <c r="H38" s="22">
        <v>439</v>
      </c>
      <c r="I38" s="22">
        <v>249</v>
      </c>
      <c r="J38" s="22">
        <v>190</v>
      </c>
      <c r="K38" s="21">
        <v>575</v>
      </c>
      <c r="L38" s="53">
        <v>328</v>
      </c>
      <c r="M38" s="54">
        <v>247</v>
      </c>
    </row>
    <row r="39" spans="1:13">
      <c r="A39" s="20" t="s">
        <v>46</v>
      </c>
      <c r="B39" s="21">
        <v>-67</v>
      </c>
      <c r="C39" s="22">
        <v>-47</v>
      </c>
      <c r="D39" s="22">
        <v>-20</v>
      </c>
      <c r="E39" s="21">
        <v>2</v>
      </c>
      <c r="F39" s="22">
        <v>2</v>
      </c>
      <c r="G39" s="23">
        <v>0</v>
      </c>
      <c r="H39" s="22">
        <v>423</v>
      </c>
      <c r="I39" s="22">
        <v>241</v>
      </c>
      <c r="J39" s="22">
        <v>182</v>
      </c>
      <c r="K39" s="21">
        <v>488</v>
      </c>
      <c r="L39" s="53">
        <v>286</v>
      </c>
      <c r="M39" s="54">
        <v>202</v>
      </c>
    </row>
    <row r="40" spans="1:13">
      <c r="A40" s="20" t="s">
        <v>47</v>
      </c>
      <c r="B40" s="21">
        <v>-100</v>
      </c>
      <c r="C40" s="22">
        <v>-46</v>
      </c>
      <c r="D40" s="22">
        <v>-54</v>
      </c>
      <c r="E40" s="21">
        <v>2</v>
      </c>
      <c r="F40" s="22">
        <v>2</v>
      </c>
      <c r="G40" s="23">
        <v>0</v>
      </c>
      <c r="H40" s="22">
        <v>366</v>
      </c>
      <c r="I40" s="22">
        <v>234</v>
      </c>
      <c r="J40" s="22">
        <v>132</v>
      </c>
      <c r="K40" s="21">
        <v>464</v>
      </c>
      <c r="L40" s="53">
        <v>278</v>
      </c>
      <c r="M40" s="54">
        <v>186</v>
      </c>
    </row>
    <row r="41" spans="1:13">
      <c r="A41" s="20" t="s">
        <v>48</v>
      </c>
      <c r="B41" s="21">
        <v>-70</v>
      </c>
      <c r="C41" s="22">
        <v>-31</v>
      </c>
      <c r="D41" s="22">
        <v>-39</v>
      </c>
      <c r="E41" s="21">
        <v>2</v>
      </c>
      <c r="F41" s="22">
        <v>1</v>
      </c>
      <c r="G41" s="23">
        <v>1</v>
      </c>
      <c r="H41" s="22">
        <v>364</v>
      </c>
      <c r="I41" s="22">
        <v>212</v>
      </c>
      <c r="J41" s="22">
        <v>152</v>
      </c>
      <c r="K41" s="21">
        <v>432</v>
      </c>
      <c r="L41" s="53">
        <v>242</v>
      </c>
      <c r="M41" s="54">
        <v>190</v>
      </c>
    </row>
    <row r="42" spans="1:13" ht="20.100000000000001" customHeight="1">
      <c r="A42" s="16" t="s">
        <v>49</v>
      </c>
      <c r="B42" s="17">
        <v>-131</v>
      </c>
      <c r="C42" s="18">
        <v>-64</v>
      </c>
      <c r="D42" s="18">
        <v>-67</v>
      </c>
      <c r="E42" s="17">
        <v>12</v>
      </c>
      <c r="F42" s="18">
        <v>7</v>
      </c>
      <c r="G42" s="19">
        <v>5</v>
      </c>
      <c r="H42" s="18">
        <v>1599</v>
      </c>
      <c r="I42" s="18">
        <v>966</v>
      </c>
      <c r="J42" s="18">
        <v>633</v>
      </c>
      <c r="K42" s="17">
        <v>1718</v>
      </c>
      <c r="L42" s="51">
        <v>1023</v>
      </c>
      <c r="M42" s="52">
        <v>695</v>
      </c>
    </row>
    <row r="43" spans="1:13">
      <c r="A43" s="20" t="s">
        <v>50</v>
      </c>
      <c r="B43" s="21">
        <v>-47</v>
      </c>
      <c r="C43" s="22">
        <v>-25</v>
      </c>
      <c r="D43" s="22">
        <v>-22</v>
      </c>
      <c r="E43" s="21">
        <v>0</v>
      </c>
      <c r="F43" s="22">
        <v>0</v>
      </c>
      <c r="G43" s="23">
        <v>0</v>
      </c>
      <c r="H43" s="22">
        <v>345</v>
      </c>
      <c r="I43" s="22">
        <v>212</v>
      </c>
      <c r="J43" s="22">
        <v>133</v>
      </c>
      <c r="K43" s="21">
        <v>392</v>
      </c>
      <c r="L43" s="53">
        <v>237</v>
      </c>
      <c r="M43" s="54">
        <v>155</v>
      </c>
    </row>
    <row r="44" spans="1:13">
      <c r="A44" s="20" t="s">
        <v>51</v>
      </c>
      <c r="B44" s="21">
        <v>-12</v>
      </c>
      <c r="C44" s="22">
        <v>5</v>
      </c>
      <c r="D44" s="22">
        <v>-17</v>
      </c>
      <c r="E44" s="21">
        <v>6</v>
      </c>
      <c r="F44" s="22">
        <v>3</v>
      </c>
      <c r="G44" s="23">
        <v>3</v>
      </c>
      <c r="H44" s="22">
        <v>372</v>
      </c>
      <c r="I44" s="22">
        <v>237</v>
      </c>
      <c r="J44" s="22">
        <v>135</v>
      </c>
      <c r="K44" s="21">
        <v>378</v>
      </c>
      <c r="L44" s="53">
        <v>229</v>
      </c>
      <c r="M44" s="54">
        <v>149</v>
      </c>
    </row>
    <row r="45" spans="1:13">
      <c r="A45" s="20" t="s">
        <v>52</v>
      </c>
      <c r="B45" s="21">
        <v>-11</v>
      </c>
      <c r="C45" s="22">
        <v>-11</v>
      </c>
      <c r="D45" s="22">
        <v>0</v>
      </c>
      <c r="E45" s="21">
        <v>3</v>
      </c>
      <c r="F45" s="22">
        <v>2</v>
      </c>
      <c r="G45" s="23">
        <v>1</v>
      </c>
      <c r="H45" s="22">
        <v>332</v>
      </c>
      <c r="I45" s="22">
        <v>199</v>
      </c>
      <c r="J45" s="22">
        <v>133</v>
      </c>
      <c r="K45" s="21">
        <v>340</v>
      </c>
      <c r="L45" s="53">
        <v>208</v>
      </c>
      <c r="M45" s="54">
        <v>132</v>
      </c>
    </row>
    <row r="46" spans="1:13">
      <c r="A46" s="20" t="s">
        <v>53</v>
      </c>
      <c r="B46" s="21">
        <v>-46</v>
      </c>
      <c r="C46" s="22">
        <v>-17</v>
      </c>
      <c r="D46" s="22">
        <v>-29</v>
      </c>
      <c r="E46" s="21">
        <v>1</v>
      </c>
      <c r="F46" s="22">
        <v>1</v>
      </c>
      <c r="G46" s="23">
        <v>0</v>
      </c>
      <c r="H46" s="22">
        <v>272</v>
      </c>
      <c r="I46" s="22">
        <v>165</v>
      </c>
      <c r="J46" s="22">
        <v>107</v>
      </c>
      <c r="K46" s="21">
        <v>317</v>
      </c>
      <c r="L46" s="53">
        <v>181</v>
      </c>
      <c r="M46" s="54">
        <v>136</v>
      </c>
    </row>
    <row r="47" spans="1:13">
      <c r="A47" s="20" t="s">
        <v>54</v>
      </c>
      <c r="B47" s="21">
        <v>-15</v>
      </c>
      <c r="C47" s="22">
        <v>-16</v>
      </c>
      <c r="D47" s="22">
        <v>1</v>
      </c>
      <c r="E47" s="21">
        <v>2</v>
      </c>
      <c r="F47" s="22">
        <v>1</v>
      </c>
      <c r="G47" s="23">
        <v>1</v>
      </c>
      <c r="H47" s="22">
        <v>278</v>
      </c>
      <c r="I47" s="22">
        <v>153</v>
      </c>
      <c r="J47" s="22">
        <v>125</v>
      </c>
      <c r="K47" s="21">
        <v>291</v>
      </c>
      <c r="L47" s="53">
        <v>168</v>
      </c>
      <c r="M47" s="54">
        <v>123</v>
      </c>
    </row>
    <row r="48" spans="1:13" ht="20.100000000000001" customHeight="1">
      <c r="A48" s="16" t="s">
        <v>55</v>
      </c>
      <c r="B48" s="17">
        <v>-86</v>
      </c>
      <c r="C48" s="18">
        <v>-69</v>
      </c>
      <c r="D48" s="18">
        <v>-17</v>
      </c>
      <c r="E48" s="17">
        <v>11</v>
      </c>
      <c r="F48" s="18">
        <v>7</v>
      </c>
      <c r="G48" s="19">
        <v>4</v>
      </c>
      <c r="H48" s="18">
        <v>1047</v>
      </c>
      <c r="I48" s="18">
        <v>587</v>
      </c>
      <c r="J48" s="18">
        <v>460</v>
      </c>
      <c r="K48" s="17">
        <v>1122</v>
      </c>
      <c r="L48" s="51">
        <v>649</v>
      </c>
      <c r="M48" s="52">
        <v>473</v>
      </c>
    </row>
    <row r="49" spans="1:13">
      <c r="A49" s="20" t="s">
        <v>56</v>
      </c>
      <c r="B49" s="21">
        <v>-13</v>
      </c>
      <c r="C49" s="22">
        <v>-12</v>
      </c>
      <c r="D49" s="22">
        <v>-1</v>
      </c>
      <c r="E49" s="21">
        <v>2</v>
      </c>
      <c r="F49" s="22">
        <v>2</v>
      </c>
      <c r="G49" s="23">
        <v>0</v>
      </c>
      <c r="H49" s="22">
        <v>249</v>
      </c>
      <c r="I49" s="22">
        <v>137</v>
      </c>
      <c r="J49" s="22">
        <v>112</v>
      </c>
      <c r="K49" s="21">
        <v>260</v>
      </c>
      <c r="L49" s="53">
        <v>147</v>
      </c>
      <c r="M49" s="54">
        <v>113</v>
      </c>
    </row>
    <row r="50" spans="1:13">
      <c r="A50" s="20" t="s">
        <v>57</v>
      </c>
      <c r="B50" s="21">
        <v>15</v>
      </c>
      <c r="C50" s="22">
        <v>10</v>
      </c>
      <c r="D50" s="22">
        <v>5</v>
      </c>
      <c r="E50" s="21">
        <v>2</v>
      </c>
      <c r="F50" s="22">
        <v>0</v>
      </c>
      <c r="G50" s="23">
        <v>2</v>
      </c>
      <c r="H50" s="22">
        <v>246</v>
      </c>
      <c r="I50" s="22">
        <v>135</v>
      </c>
      <c r="J50" s="22">
        <v>111</v>
      </c>
      <c r="K50" s="21">
        <v>229</v>
      </c>
      <c r="L50" s="53">
        <v>125</v>
      </c>
      <c r="M50" s="54">
        <v>104</v>
      </c>
    </row>
    <row r="51" spans="1:13">
      <c r="A51" s="20" t="s">
        <v>58</v>
      </c>
      <c r="B51" s="21">
        <v>-12</v>
      </c>
      <c r="C51" s="22">
        <v>-18</v>
      </c>
      <c r="D51" s="22">
        <v>6</v>
      </c>
      <c r="E51" s="21">
        <v>0</v>
      </c>
      <c r="F51" s="22">
        <v>0</v>
      </c>
      <c r="G51" s="23">
        <v>0</v>
      </c>
      <c r="H51" s="22">
        <v>180</v>
      </c>
      <c r="I51" s="22">
        <v>104</v>
      </c>
      <c r="J51" s="22">
        <v>76</v>
      </c>
      <c r="K51" s="21">
        <v>192</v>
      </c>
      <c r="L51" s="53">
        <v>122</v>
      </c>
      <c r="M51" s="54">
        <v>70</v>
      </c>
    </row>
    <row r="52" spans="1:13">
      <c r="A52" s="20" t="s">
        <v>59</v>
      </c>
      <c r="B52" s="21">
        <v>-54</v>
      </c>
      <c r="C52" s="22">
        <v>-31</v>
      </c>
      <c r="D52" s="22">
        <v>-23</v>
      </c>
      <c r="E52" s="21">
        <v>3</v>
      </c>
      <c r="F52" s="22">
        <v>2</v>
      </c>
      <c r="G52" s="23">
        <v>1</v>
      </c>
      <c r="H52" s="22">
        <v>186</v>
      </c>
      <c r="I52" s="22">
        <v>106</v>
      </c>
      <c r="J52" s="22">
        <v>80</v>
      </c>
      <c r="K52" s="21">
        <v>237</v>
      </c>
      <c r="L52" s="53">
        <v>135</v>
      </c>
      <c r="M52" s="54">
        <v>102</v>
      </c>
    </row>
    <row r="53" spans="1:13">
      <c r="A53" s="20" t="s">
        <v>60</v>
      </c>
      <c r="B53" s="21">
        <v>-22</v>
      </c>
      <c r="C53" s="22">
        <v>-18</v>
      </c>
      <c r="D53" s="22">
        <v>-4</v>
      </c>
      <c r="E53" s="21">
        <v>4</v>
      </c>
      <c r="F53" s="22">
        <v>3</v>
      </c>
      <c r="G53" s="23">
        <v>1</v>
      </c>
      <c r="H53" s="22">
        <v>186</v>
      </c>
      <c r="I53" s="22">
        <v>105</v>
      </c>
      <c r="J53" s="22">
        <v>81</v>
      </c>
      <c r="K53" s="21">
        <v>204</v>
      </c>
      <c r="L53" s="53">
        <v>120</v>
      </c>
      <c r="M53" s="54">
        <v>84</v>
      </c>
    </row>
    <row r="54" spans="1:13" ht="20.100000000000001" customHeight="1">
      <c r="A54" s="16" t="s">
        <v>61</v>
      </c>
      <c r="B54" s="17">
        <v>-228</v>
      </c>
      <c r="C54" s="18">
        <v>-128</v>
      </c>
      <c r="D54" s="18">
        <v>-100</v>
      </c>
      <c r="E54" s="17">
        <v>31</v>
      </c>
      <c r="F54" s="18">
        <v>19</v>
      </c>
      <c r="G54" s="19">
        <v>12</v>
      </c>
      <c r="H54" s="18">
        <v>763</v>
      </c>
      <c r="I54" s="18">
        <v>480</v>
      </c>
      <c r="J54" s="18">
        <v>283</v>
      </c>
      <c r="K54" s="17">
        <v>960</v>
      </c>
      <c r="L54" s="51">
        <v>589</v>
      </c>
      <c r="M54" s="52">
        <v>371</v>
      </c>
    </row>
    <row r="55" spans="1:13">
      <c r="A55" s="20" t="s">
        <v>62</v>
      </c>
      <c r="B55" s="21">
        <v>-55</v>
      </c>
      <c r="C55" s="22">
        <v>-22</v>
      </c>
      <c r="D55" s="22">
        <v>-33</v>
      </c>
      <c r="E55" s="21">
        <v>6</v>
      </c>
      <c r="F55" s="22">
        <v>3</v>
      </c>
      <c r="G55" s="23">
        <v>3</v>
      </c>
      <c r="H55" s="22">
        <v>188</v>
      </c>
      <c r="I55" s="22">
        <v>119</v>
      </c>
      <c r="J55" s="22">
        <v>69</v>
      </c>
      <c r="K55" s="21">
        <v>237</v>
      </c>
      <c r="L55" s="53">
        <v>138</v>
      </c>
      <c r="M55" s="54">
        <v>99</v>
      </c>
    </row>
    <row r="56" spans="1:13">
      <c r="A56" s="20" t="s">
        <v>63</v>
      </c>
      <c r="B56" s="21">
        <v>-40</v>
      </c>
      <c r="C56" s="22">
        <v>-38</v>
      </c>
      <c r="D56" s="22">
        <v>-2</v>
      </c>
      <c r="E56" s="21">
        <v>4</v>
      </c>
      <c r="F56" s="22">
        <v>2</v>
      </c>
      <c r="G56" s="23">
        <v>2</v>
      </c>
      <c r="H56" s="22">
        <v>144</v>
      </c>
      <c r="I56" s="22">
        <v>92</v>
      </c>
      <c r="J56" s="22">
        <v>52</v>
      </c>
      <c r="K56" s="21">
        <v>180</v>
      </c>
      <c r="L56" s="53">
        <v>128</v>
      </c>
      <c r="M56" s="54">
        <v>52</v>
      </c>
    </row>
    <row r="57" spans="1:13">
      <c r="A57" s="20" t="s">
        <v>64</v>
      </c>
      <c r="B57" s="21">
        <v>-41</v>
      </c>
      <c r="C57" s="22">
        <v>-23</v>
      </c>
      <c r="D57" s="22">
        <v>-18</v>
      </c>
      <c r="E57" s="21">
        <v>6</v>
      </c>
      <c r="F57" s="22">
        <v>3</v>
      </c>
      <c r="G57" s="23">
        <v>3</v>
      </c>
      <c r="H57" s="22">
        <v>147</v>
      </c>
      <c r="I57" s="22">
        <v>91</v>
      </c>
      <c r="J57" s="22">
        <v>56</v>
      </c>
      <c r="K57" s="21">
        <v>182</v>
      </c>
      <c r="L57" s="53">
        <v>111</v>
      </c>
      <c r="M57" s="54">
        <v>71</v>
      </c>
    </row>
    <row r="58" spans="1:13">
      <c r="A58" s="20" t="s">
        <v>65</v>
      </c>
      <c r="B58" s="21">
        <v>-72</v>
      </c>
      <c r="C58" s="22">
        <v>-42</v>
      </c>
      <c r="D58" s="22">
        <v>-30</v>
      </c>
      <c r="E58" s="21">
        <v>11</v>
      </c>
      <c r="F58" s="22">
        <v>9</v>
      </c>
      <c r="G58" s="23">
        <v>2</v>
      </c>
      <c r="H58" s="22">
        <v>137</v>
      </c>
      <c r="I58" s="22">
        <v>90</v>
      </c>
      <c r="J58" s="22">
        <v>47</v>
      </c>
      <c r="K58" s="21">
        <v>198</v>
      </c>
      <c r="L58" s="53">
        <v>123</v>
      </c>
      <c r="M58" s="54">
        <v>75</v>
      </c>
    </row>
    <row r="59" spans="1:13">
      <c r="A59" s="20" t="s">
        <v>66</v>
      </c>
      <c r="B59" s="21">
        <v>-20</v>
      </c>
      <c r="C59" s="22">
        <v>-3</v>
      </c>
      <c r="D59" s="22">
        <v>-17</v>
      </c>
      <c r="E59" s="21">
        <v>4</v>
      </c>
      <c r="F59" s="22">
        <v>2</v>
      </c>
      <c r="G59" s="23">
        <v>2</v>
      </c>
      <c r="H59" s="22">
        <v>147</v>
      </c>
      <c r="I59" s="22">
        <v>88</v>
      </c>
      <c r="J59" s="22">
        <v>59</v>
      </c>
      <c r="K59" s="21">
        <v>163</v>
      </c>
      <c r="L59" s="53">
        <v>89</v>
      </c>
      <c r="M59" s="54">
        <v>74</v>
      </c>
    </row>
    <row r="60" spans="1:13" ht="20.100000000000001" customHeight="1">
      <c r="A60" s="16" t="s">
        <v>67</v>
      </c>
      <c r="B60" s="17">
        <v>-85</v>
      </c>
      <c r="C60" s="18">
        <v>-55</v>
      </c>
      <c r="D60" s="18">
        <v>-30</v>
      </c>
      <c r="E60" s="17">
        <v>46</v>
      </c>
      <c r="F60" s="18">
        <v>23</v>
      </c>
      <c r="G60" s="19">
        <v>23</v>
      </c>
      <c r="H60" s="18">
        <v>643</v>
      </c>
      <c r="I60" s="18">
        <v>390</v>
      </c>
      <c r="J60" s="18">
        <v>253</v>
      </c>
      <c r="K60" s="17">
        <v>682</v>
      </c>
      <c r="L60" s="51">
        <v>422</v>
      </c>
      <c r="M60" s="52">
        <v>260</v>
      </c>
    </row>
    <row r="61" spans="1:13">
      <c r="A61" s="20" t="s">
        <v>68</v>
      </c>
      <c r="B61" s="21">
        <v>-21</v>
      </c>
      <c r="C61" s="22">
        <v>-26</v>
      </c>
      <c r="D61" s="22">
        <v>5</v>
      </c>
      <c r="E61" s="21">
        <v>9</v>
      </c>
      <c r="F61" s="22">
        <v>6</v>
      </c>
      <c r="G61" s="23">
        <v>3</v>
      </c>
      <c r="H61" s="22">
        <v>156</v>
      </c>
      <c r="I61" s="22">
        <v>92</v>
      </c>
      <c r="J61" s="22">
        <v>64</v>
      </c>
      <c r="K61" s="21">
        <v>168</v>
      </c>
      <c r="L61" s="53">
        <v>112</v>
      </c>
      <c r="M61" s="54">
        <v>56</v>
      </c>
    </row>
    <row r="62" spans="1:13">
      <c r="A62" s="20" t="s">
        <v>69</v>
      </c>
      <c r="B62" s="21">
        <v>-5</v>
      </c>
      <c r="C62" s="22">
        <v>-7</v>
      </c>
      <c r="D62" s="22">
        <v>2</v>
      </c>
      <c r="E62" s="21">
        <v>5</v>
      </c>
      <c r="F62" s="22">
        <v>2</v>
      </c>
      <c r="G62" s="23">
        <v>3</v>
      </c>
      <c r="H62" s="22">
        <v>129</v>
      </c>
      <c r="I62" s="22">
        <v>73</v>
      </c>
      <c r="J62" s="22">
        <v>56</v>
      </c>
      <c r="K62" s="21">
        <v>129</v>
      </c>
      <c r="L62" s="53">
        <v>78</v>
      </c>
      <c r="M62" s="54">
        <v>51</v>
      </c>
    </row>
    <row r="63" spans="1:13">
      <c r="A63" s="20" t="s">
        <v>70</v>
      </c>
      <c r="B63" s="21">
        <v>-31</v>
      </c>
      <c r="C63" s="22">
        <v>-10</v>
      </c>
      <c r="D63" s="22">
        <v>-21</v>
      </c>
      <c r="E63" s="21">
        <v>10</v>
      </c>
      <c r="F63" s="22">
        <v>4</v>
      </c>
      <c r="G63" s="23">
        <v>6</v>
      </c>
      <c r="H63" s="22">
        <v>121</v>
      </c>
      <c r="I63" s="22">
        <v>83</v>
      </c>
      <c r="J63" s="22">
        <v>38</v>
      </c>
      <c r="K63" s="21">
        <v>142</v>
      </c>
      <c r="L63" s="53">
        <v>89</v>
      </c>
      <c r="M63" s="54">
        <v>53</v>
      </c>
    </row>
    <row r="64" spans="1:13">
      <c r="A64" s="20" t="s">
        <v>71</v>
      </c>
      <c r="B64" s="21">
        <v>-16</v>
      </c>
      <c r="C64" s="22">
        <v>-2</v>
      </c>
      <c r="D64" s="22">
        <v>-14</v>
      </c>
      <c r="E64" s="21">
        <v>11</v>
      </c>
      <c r="F64" s="22">
        <v>4</v>
      </c>
      <c r="G64" s="23">
        <v>7</v>
      </c>
      <c r="H64" s="22">
        <v>124</v>
      </c>
      <c r="I64" s="22">
        <v>75</v>
      </c>
      <c r="J64" s="22">
        <v>49</v>
      </c>
      <c r="K64" s="21">
        <v>129</v>
      </c>
      <c r="L64" s="53">
        <v>73</v>
      </c>
      <c r="M64" s="54">
        <v>56</v>
      </c>
    </row>
    <row r="65" spans="1:13">
      <c r="A65" s="24" t="s">
        <v>72</v>
      </c>
      <c r="B65" s="25">
        <v>-12</v>
      </c>
      <c r="C65" s="26">
        <v>-10</v>
      </c>
      <c r="D65" s="26">
        <v>-2</v>
      </c>
      <c r="E65" s="25">
        <v>11</v>
      </c>
      <c r="F65" s="26">
        <v>7</v>
      </c>
      <c r="G65" s="27">
        <v>4</v>
      </c>
      <c r="H65" s="26">
        <v>113</v>
      </c>
      <c r="I65" s="26">
        <v>67</v>
      </c>
      <c r="J65" s="26">
        <v>46</v>
      </c>
      <c r="K65" s="25">
        <v>114</v>
      </c>
      <c r="L65" s="55">
        <v>70</v>
      </c>
      <c r="M65" s="56">
        <v>44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215</v>
      </c>
      <c r="C69" s="58">
        <v>1163</v>
      </c>
      <c r="D69" s="59">
        <v>1052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215</v>
      </c>
      <c r="C70" s="61">
        <v>1163</v>
      </c>
      <c r="D70" s="62">
        <v>1052</v>
      </c>
    </row>
    <row r="71" spans="1:13">
      <c r="A71" s="24">
        <v>0</v>
      </c>
      <c r="B71" s="63">
        <v>2215</v>
      </c>
      <c r="C71" s="64">
        <v>1163</v>
      </c>
      <c r="D71" s="65">
        <v>1052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8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16</v>
      </c>
      <c r="C77" s="18">
        <v>-66</v>
      </c>
      <c r="D77" s="18">
        <v>-50</v>
      </c>
      <c r="E77" s="17">
        <v>76</v>
      </c>
      <c r="F77" s="18">
        <v>50</v>
      </c>
      <c r="G77" s="19">
        <v>26</v>
      </c>
      <c r="H77" s="18">
        <v>516</v>
      </c>
      <c r="I77" s="18">
        <v>334</v>
      </c>
      <c r="J77" s="18">
        <v>182</v>
      </c>
      <c r="K77" s="17">
        <v>556</v>
      </c>
      <c r="L77" s="51">
        <v>350</v>
      </c>
      <c r="M77" s="52">
        <v>206</v>
      </c>
    </row>
    <row r="78" spans="1:13">
      <c r="A78" s="40" t="s">
        <v>81</v>
      </c>
      <c r="B78" s="21">
        <v>-30</v>
      </c>
      <c r="C78" s="22">
        <v>-20</v>
      </c>
      <c r="D78" s="22">
        <v>-10</v>
      </c>
      <c r="E78" s="21">
        <v>14</v>
      </c>
      <c r="F78" s="22">
        <v>7</v>
      </c>
      <c r="G78" s="23">
        <v>7</v>
      </c>
      <c r="H78" s="22">
        <v>120</v>
      </c>
      <c r="I78" s="22">
        <v>73</v>
      </c>
      <c r="J78" s="22">
        <v>47</v>
      </c>
      <c r="K78" s="21">
        <v>136</v>
      </c>
      <c r="L78" s="53">
        <v>86</v>
      </c>
      <c r="M78" s="54">
        <v>50</v>
      </c>
    </row>
    <row r="79" spans="1:13">
      <c r="A79" s="40" t="s">
        <v>82</v>
      </c>
      <c r="B79" s="21">
        <v>-38</v>
      </c>
      <c r="C79" s="22">
        <v>-32</v>
      </c>
      <c r="D79" s="22">
        <v>-6</v>
      </c>
      <c r="E79" s="21">
        <v>17</v>
      </c>
      <c r="F79" s="22">
        <v>13</v>
      </c>
      <c r="G79" s="23">
        <v>4</v>
      </c>
      <c r="H79" s="22">
        <v>95</v>
      </c>
      <c r="I79" s="22">
        <v>64</v>
      </c>
      <c r="J79" s="22">
        <v>31</v>
      </c>
      <c r="K79" s="21">
        <v>116</v>
      </c>
      <c r="L79" s="53">
        <v>83</v>
      </c>
      <c r="M79" s="54">
        <v>33</v>
      </c>
    </row>
    <row r="80" spans="1:13">
      <c r="A80" s="40" t="s">
        <v>83</v>
      </c>
      <c r="B80" s="21">
        <v>-8</v>
      </c>
      <c r="C80" s="22">
        <v>6</v>
      </c>
      <c r="D80" s="22">
        <v>-14</v>
      </c>
      <c r="E80" s="21">
        <v>15</v>
      </c>
      <c r="F80" s="22">
        <v>8</v>
      </c>
      <c r="G80" s="23">
        <v>7</v>
      </c>
      <c r="H80" s="22">
        <v>115</v>
      </c>
      <c r="I80" s="22">
        <v>75</v>
      </c>
      <c r="J80" s="22">
        <v>40</v>
      </c>
      <c r="K80" s="21">
        <v>108</v>
      </c>
      <c r="L80" s="53">
        <v>61</v>
      </c>
      <c r="M80" s="54">
        <v>47</v>
      </c>
    </row>
    <row r="81" spans="1:13">
      <c r="A81" s="40" t="s">
        <v>84</v>
      </c>
      <c r="B81" s="21">
        <v>-36</v>
      </c>
      <c r="C81" s="22">
        <v>-19</v>
      </c>
      <c r="D81" s="22">
        <v>-17</v>
      </c>
      <c r="E81" s="21">
        <v>10</v>
      </c>
      <c r="F81" s="22">
        <v>7</v>
      </c>
      <c r="G81" s="23">
        <v>3</v>
      </c>
      <c r="H81" s="22">
        <v>86</v>
      </c>
      <c r="I81" s="22">
        <v>59</v>
      </c>
      <c r="J81" s="22">
        <v>27</v>
      </c>
      <c r="K81" s="21">
        <v>112</v>
      </c>
      <c r="L81" s="53">
        <v>71</v>
      </c>
      <c r="M81" s="54">
        <v>41</v>
      </c>
    </row>
    <row r="82" spans="1:13">
      <c r="A82" s="40" t="s">
        <v>85</v>
      </c>
      <c r="B82" s="21">
        <v>-4</v>
      </c>
      <c r="C82" s="22">
        <v>-1</v>
      </c>
      <c r="D82" s="22">
        <v>-3</v>
      </c>
      <c r="E82" s="21">
        <v>20</v>
      </c>
      <c r="F82" s="22">
        <v>15</v>
      </c>
      <c r="G82" s="23">
        <v>5</v>
      </c>
      <c r="H82" s="22">
        <v>100</v>
      </c>
      <c r="I82" s="22">
        <v>63</v>
      </c>
      <c r="J82" s="22">
        <v>37</v>
      </c>
      <c r="K82" s="21">
        <v>84</v>
      </c>
      <c r="L82" s="53">
        <v>49</v>
      </c>
      <c r="M82" s="54">
        <v>35</v>
      </c>
    </row>
    <row r="83" spans="1:13" ht="19.5" customHeight="1">
      <c r="A83" s="34" t="s">
        <v>86</v>
      </c>
      <c r="B83" s="17">
        <v>-53</v>
      </c>
      <c r="C83" s="18">
        <v>-58</v>
      </c>
      <c r="D83" s="18">
        <v>5</v>
      </c>
      <c r="E83" s="17">
        <v>112</v>
      </c>
      <c r="F83" s="18">
        <v>77</v>
      </c>
      <c r="G83" s="19">
        <v>35</v>
      </c>
      <c r="H83" s="18">
        <v>352</v>
      </c>
      <c r="I83" s="18">
        <v>204</v>
      </c>
      <c r="J83" s="18">
        <v>148</v>
      </c>
      <c r="K83" s="17">
        <v>293</v>
      </c>
      <c r="L83" s="51">
        <v>185</v>
      </c>
      <c r="M83" s="52">
        <v>108</v>
      </c>
    </row>
    <row r="84" spans="1:13">
      <c r="A84" s="40" t="s">
        <v>87</v>
      </c>
      <c r="B84" s="21">
        <v>-2</v>
      </c>
      <c r="C84" s="22">
        <v>-13</v>
      </c>
      <c r="D84" s="22">
        <v>11</v>
      </c>
      <c r="E84" s="21">
        <v>21</v>
      </c>
      <c r="F84" s="22">
        <v>16</v>
      </c>
      <c r="G84" s="23">
        <v>5</v>
      </c>
      <c r="H84" s="22">
        <v>93</v>
      </c>
      <c r="I84" s="22">
        <v>50</v>
      </c>
      <c r="J84" s="22">
        <v>43</v>
      </c>
      <c r="K84" s="21">
        <v>74</v>
      </c>
      <c r="L84" s="53">
        <v>47</v>
      </c>
      <c r="M84" s="54">
        <v>27</v>
      </c>
    </row>
    <row r="85" spans="1:13">
      <c r="A85" s="40" t="s">
        <v>88</v>
      </c>
      <c r="B85" s="21">
        <v>-7</v>
      </c>
      <c r="C85" s="22">
        <v>-13</v>
      </c>
      <c r="D85" s="22">
        <v>6</v>
      </c>
      <c r="E85" s="21">
        <v>20</v>
      </c>
      <c r="F85" s="22">
        <v>15</v>
      </c>
      <c r="G85" s="23">
        <v>5</v>
      </c>
      <c r="H85" s="22">
        <v>83</v>
      </c>
      <c r="I85" s="22">
        <v>49</v>
      </c>
      <c r="J85" s="22">
        <v>34</v>
      </c>
      <c r="K85" s="21">
        <v>70</v>
      </c>
      <c r="L85" s="53">
        <v>47</v>
      </c>
      <c r="M85" s="54">
        <v>23</v>
      </c>
    </row>
    <row r="86" spans="1:13">
      <c r="A86" s="40" t="s">
        <v>89</v>
      </c>
      <c r="B86" s="21">
        <v>-31</v>
      </c>
      <c r="C86" s="22">
        <v>-23</v>
      </c>
      <c r="D86" s="22">
        <v>-8</v>
      </c>
      <c r="E86" s="21">
        <v>32</v>
      </c>
      <c r="F86" s="22">
        <v>23</v>
      </c>
      <c r="G86" s="23">
        <v>9</v>
      </c>
      <c r="H86" s="22">
        <v>58</v>
      </c>
      <c r="I86" s="22">
        <v>34</v>
      </c>
      <c r="J86" s="22">
        <v>24</v>
      </c>
      <c r="K86" s="21">
        <v>57</v>
      </c>
      <c r="L86" s="53">
        <v>34</v>
      </c>
      <c r="M86" s="54">
        <v>23</v>
      </c>
    </row>
    <row r="87" spans="1:13">
      <c r="A87" s="40" t="s">
        <v>90</v>
      </c>
      <c r="B87" s="21">
        <v>-7</v>
      </c>
      <c r="C87" s="22">
        <v>-1</v>
      </c>
      <c r="D87" s="22">
        <v>-6</v>
      </c>
      <c r="E87" s="21">
        <v>13</v>
      </c>
      <c r="F87" s="22">
        <v>8</v>
      </c>
      <c r="G87" s="23">
        <v>5</v>
      </c>
      <c r="H87" s="22">
        <v>60</v>
      </c>
      <c r="I87" s="22">
        <v>37</v>
      </c>
      <c r="J87" s="22">
        <v>23</v>
      </c>
      <c r="K87" s="21">
        <v>54</v>
      </c>
      <c r="L87" s="53">
        <v>30</v>
      </c>
      <c r="M87" s="54">
        <v>24</v>
      </c>
    </row>
    <row r="88" spans="1:13">
      <c r="A88" s="40" t="s">
        <v>91</v>
      </c>
      <c r="B88" s="21">
        <v>-6</v>
      </c>
      <c r="C88" s="22">
        <v>-8</v>
      </c>
      <c r="D88" s="22">
        <v>2</v>
      </c>
      <c r="E88" s="21">
        <v>26</v>
      </c>
      <c r="F88" s="22">
        <v>15</v>
      </c>
      <c r="G88" s="23">
        <v>11</v>
      </c>
      <c r="H88" s="22">
        <v>58</v>
      </c>
      <c r="I88" s="22">
        <v>34</v>
      </c>
      <c r="J88" s="22">
        <v>24</v>
      </c>
      <c r="K88" s="21">
        <v>38</v>
      </c>
      <c r="L88" s="53">
        <v>27</v>
      </c>
      <c r="M88" s="54">
        <v>11</v>
      </c>
    </row>
    <row r="89" spans="1:13" ht="19.5" customHeight="1">
      <c r="A89" s="34" t="s">
        <v>92</v>
      </c>
      <c r="B89" s="17">
        <v>-104</v>
      </c>
      <c r="C89" s="18">
        <v>-65</v>
      </c>
      <c r="D89" s="18">
        <v>-39</v>
      </c>
      <c r="E89" s="17">
        <v>137</v>
      </c>
      <c r="F89" s="18">
        <v>93</v>
      </c>
      <c r="G89" s="19">
        <v>44</v>
      </c>
      <c r="H89" s="18">
        <v>264</v>
      </c>
      <c r="I89" s="18">
        <v>155</v>
      </c>
      <c r="J89" s="18">
        <v>109</v>
      </c>
      <c r="K89" s="17">
        <v>231</v>
      </c>
      <c r="L89" s="51">
        <v>127</v>
      </c>
      <c r="M89" s="52">
        <v>104</v>
      </c>
    </row>
    <row r="90" spans="1:13">
      <c r="A90" s="40" t="s">
        <v>93</v>
      </c>
      <c r="B90" s="21">
        <v>-6</v>
      </c>
      <c r="C90" s="22">
        <v>-5</v>
      </c>
      <c r="D90" s="22">
        <v>-1</v>
      </c>
      <c r="E90" s="21">
        <v>22</v>
      </c>
      <c r="F90" s="22">
        <v>14</v>
      </c>
      <c r="G90" s="23">
        <v>8</v>
      </c>
      <c r="H90" s="22">
        <v>72</v>
      </c>
      <c r="I90" s="22">
        <v>44</v>
      </c>
      <c r="J90" s="22">
        <v>28</v>
      </c>
      <c r="K90" s="21">
        <v>56</v>
      </c>
      <c r="L90" s="53">
        <v>35</v>
      </c>
      <c r="M90" s="54">
        <v>21</v>
      </c>
    </row>
    <row r="91" spans="1:13">
      <c r="A91" s="40" t="s">
        <v>94</v>
      </c>
      <c r="B91" s="21">
        <v>-16</v>
      </c>
      <c r="C91" s="22">
        <v>-9</v>
      </c>
      <c r="D91" s="22">
        <v>-7</v>
      </c>
      <c r="E91" s="21">
        <v>28</v>
      </c>
      <c r="F91" s="22">
        <v>18</v>
      </c>
      <c r="G91" s="23">
        <v>10</v>
      </c>
      <c r="H91" s="22">
        <v>51</v>
      </c>
      <c r="I91" s="22">
        <v>30</v>
      </c>
      <c r="J91" s="22">
        <v>21</v>
      </c>
      <c r="K91" s="21">
        <v>39</v>
      </c>
      <c r="L91" s="53">
        <v>21</v>
      </c>
      <c r="M91" s="54">
        <v>18</v>
      </c>
    </row>
    <row r="92" spans="1:13">
      <c r="A92" s="40" t="s">
        <v>95</v>
      </c>
      <c r="B92" s="21">
        <v>-44</v>
      </c>
      <c r="C92" s="22">
        <v>-22</v>
      </c>
      <c r="D92" s="22">
        <v>-22</v>
      </c>
      <c r="E92" s="21">
        <v>28</v>
      </c>
      <c r="F92" s="22">
        <v>15</v>
      </c>
      <c r="G92" s="23">
        <v>13</v>
      </c>
      <c r="H92" s="22">
        <v>42</v>
      </c>
      <c r="I92" s="22">
        <v>23</v>
      </c>
      <c r="J92" s="22">
        <v>19</v>
      </c>
      <c r="K92" s="21">
        <v>58</v>
      </c>
      <c r="L92" s="53">
        <v>30</v>
      </c>
      <c r="M92" s="54">
        <v>28</v>
      </c>
    </row>
    <row r="93" spans="1:13">
      <c r="A93" s="40" t="s">
        <v>96</v>
      </c>
      <c r="B93" s="21">
        <v>-14</v>
      </c>
      <c r="C93" s="22">
        <v>-13</v>
      </c>
      <c r="D93" s="22">
        <v>-1</v>
      </c>
      <c r="E93" s="21">
        <v>22</v>
      </c>
      <c r="F93" s="22">
        <v>18</v>
      </c>
      <c r="G93" s="23">
        <v>4</v>
      </c>
      <c r="H93" s="22">
        <v>46</v>
      </c>
      <c r="I93" s="22">
        <v>25</v>
      </c>
      <c r="J93" s="22">
        <v>21</v>
      </c>
      <c r="K93" s="21">
        <v>38</v>
      </c>
      <c r="L93" s="53">
        <v>20</v>
      </c>
      <c r="M93" s="54">
        <v>18</v>
      </c>
    </row>
    <row r="94" spans="1:13">
      <c r="A94" s="40" t="s">
        <v>97</v>
      </c>
      <c r="B94" s="21">
        <v>-24</v>
      </c>
      <c r="C94" s="22">
        <v>-16</v>
      </c>
      <c r="D94" s="22">
        <v>-8</v>
      </c>
      <c r="E94" s="21">
        <v>37</v>
      </c>
      <c r="F94" s="22">
        <v>28</v>
      </c>
      <c r="G94" s="23">
        <v>9</v>
      </c>
      <c r="H94" s="22">
        <v>53</v>
      </c>
      <c r="I94" s="22">
        <v>33</v>
      </c>
      <c r="J94" s="22">
        <v>20</v>
      </c>
      <c r="K94" s="21">
        <v>40</v>
      </c>
      <c r="L94" s="53">
        <v>21</v>
      </c>
      <c r="M94" s="54">
        <v>19</v>
      </c>
    </row>
    <row r="95" spans="1:13" ht="19.5" customHeight="1">
      <c r="A95" s="34" t="s">
        <v>98</v>
      </c>
      <c r="B95" s="17">
        <v>-286</v>
      </c>
      <c r="C95" s="18">
        <v>-173</v>
      </c>
      <c r="D95" s="18">
        <v>-113</v>
      </c>
      <c r="E95" s="17">
        <v>260</v>
      </c>
      <c r="F95" s="18">
        <v>163</v>
      </c>
      <c r="G95" s="19">
        <v>97</v>
      </c>
      <c r="H95" s="18">
        <v>195</v>
      </c>
      <c r="I95" s="18">
        <v>105</v>
      </c>
      <c r="J95" s="18">
        <v>90</v>
      </c>
      <c r="K95" s="17">
        <v>221</v>
      </c>
      <c r="L95" s="51">
        <v>115</v>
      </c>
      <c r="M95" s="52">
        <v>106</v>
      </c>
    </row>
    <row r="96" spans="1:13">
      <c r="A96" s="40" t="s">
        <v>99</v>
      </c>
      <c r="B96" s="21">
        <v>-34</v>
      </c>
      <c r="C96" s="22">
        <v>-27</v>
      </c>
      <c r="D96" s="22">
        <v>-7</v>
      </c>
      <c r="E96" s="21">
        <v>32</v>
      </c>
      <c r="F96" s="22">
        <v>21</v>
      </c>
      <c r="G96" s="23">
        <v>11</v>
      </c>
      <c r="H96" s="22">
        <v>45</v>
      </c>
      <c r="I96" s="22">
        <v>21</v>
      </c>
      <c r="J96" s="22">
        <v>24</v>
      </c>
      <c r="K96" s="21">
        <v>47</v>
      </c>
      <c r="L96" s="53">
        <v>27</v>
      </c>
      <c r="M96" s="54">
        <v>20</v>
      </c>
    </row>
    <row r="97" spans="1:13">
      <c r="A97" s="40" t="s">
        <v>100</v>
      </c>
      <c r="B97" s="21">
        <v>-48</v>
      </c>
      <c r="C97" s="22">
        <v>-34</v>
      </c>
      <c r="D97" s="22">
        <v>-14</v>
      </c>
      <c r="E97" s="21">
        <v>52</v>
      </c>
      <c r="F97" s="22">
        <v>34</v>
      </c>
      <c r="G97" s="23">
        <v>18</v>
      </c>
      <c r="H97" s="22">
        <v>49</v>
      </c>
      <c r="I97" s="22">
        <v>24</v>
      </c>
      <c r="J97" s="22">
        <v>25</v>
      </c>
      <c r="K97" s="21">
        <v>45</v>
      </c>
      <c r="L97" s="53">
        <v>24</v>
      </c>
      <c r="M97" s="54">
        <v>21</v>
      </c>
    </row>
    <row r="98" spans="1:13">
      <c r="A98" s="40" t="s">
        <v>101</v>
      </c>
      <c r="B98" s="21">
        <v>-50</v>
      </c>
      <c r="C98" s="22">
        <v>-28</v>
      </c>
      <c r="D98" s="22">
        <v>-22</v>
      </c>
      <c r="E98" s="21">
        <v>43</v>
      </c>
      <c r="F98" s="22">
        <v>29</v>
      </c>
      <c r="G98" s="23">
        <v>14</v>
      </c>
      <c r="H98" s="22">
        <v>34</v>
      </c>
      <c r="I98" s="22">
        <v>22</v>
      </c>
      <c r="J98" s="22">
        <v>12</v>
      </c>
      <c r="K98" s="21">
        <v>41</v>
      </c>
      <c r="L98" s="53">
        <v>21</v>
      </c>
      <c r="M98" s="54">
        <v>20</v>
      </c>
    </row>
    <row r="99" spans="1:13">
      <c r="A99" s="40" t="s">
        <v>102</v>
      </c>
      <c r="B99" s="21">
        <v>-75</v>
      </c>
      <c r="C99" s="22">
        <v>-41</v>
      </c>
      <c r="D99" s="22">
        <v>-34</v>
      </c>
      <c r="E99" s="21">
        <v>75</v>
      </c>
      <c r="F99" s="22">
        <v>46</v>
      </c>
      <c r="G99" s="23">
        <v>29</v>
      </c>
      <c r="H99" s="22">
        <v>36</v>
      </c>
      <c r="I99" s="22">
        <v>21</v>
      </c>
      <c r="J99" s="22">
        <v>15</v>
      </c>
      <c r="K99" s="21">
        <v>36</v>
      </c>
      <c r="L99" s="53">
        <v>16</v>
      </c>
      <c r="M99" s="54">
        <v>20</v>
      </c>
    </row>
    <row r="100" spans="1:13">
      <c r="A100" s="40" t="s">
        <v>103</v>
      </c>
      <c r="B100" s="21">
        <v>-79</v>
      </c>
      <c r="C100" s="22">
        <v>-43</v>
      </c>
      <c r="D100" s="22">
        <v>-36</v>
      </c>
      <c r="E100" s="21">
        <v>58</v>
      </c>
      <c r="F100" s="22">
        <v>33</v>
      </c>
      <c r="G100" s="23">
        <v>25</v>
      </c>
      <c r="H100" s="22">
        <v>31</v>
      </c>
      <c r="I100" s="22">
        <v>17</v>
      </c>
      <c r="J100" s="22">
        <v>14</v>
      </c>
      <c r="K100" s="21">
        <v>52</v>
      </c>
      <c r="L100" s="53">
        <v>27</v>
      </c>
      <c r="M100" s="54">
        <v>25</v>
      </c>
    </row>
    <row r="101" spans="1:13" ht="19.5" customHeight="1">
      <c r="A101" s="34" t="s">
        <v>104</v>
      </c>
      <c r="B101" s="17">
        <v>-452</v>
      </c>
      <c r="C101" s="18">
        <v>-273</v>
      </c>
      <c r="D101" s="18">
        <v>-179</v>
      </c>
      <c r="E101" s="17">
        <v>429</v>
      </c>
      <c r="F101" s="18">
        <v>274</v>
      </c>
      <c r="G101" s="19">
        <v>155</v>
      </c>
      <c r="H101" s="18">
        <v>161</v>
      </c>
      <c r="I101" s="18">
        <v>82</v>
      </c>
      <c r="J101" s="18">
        <v>79</v>
      </c>
      <c r="K101" s="17">
        <v>184</v>
      </c>
      <c r="L101" s="51">
        <v>81</v>
      </c>
      <c r="M101" s="52">
        <v>103</v>
      </c>
    </row>
    <row r="102" spans="1:13">
      <c r="A102" s="40" t="s">
        <v>105</v>
      </c>
      <c r="B102" s="21">
        <v>-79</v>
      </c>
      <c r="C102" s="22">
        <v>-43</v>
      </c>
      <c r="D102" s="22">
        <v>-36</v>
      </c>
      <c r="E102" s="21">
        <v>86</v>
      </c>
      <c r="F102" s="22">
        <v>56</v>
      </c>
      <c r="G102" s="23">
        <v>30</v>
      </c>
      <c r="H102" s="22">
        <v>46</v>
      </c>
      <c r="I102" s="22">
        <v>29</v>
      </c>
      <c r="J102" s="22">
        <v>17</v>
      </c>
      <c r="K102" s="21">
        <v>39</v>
      </c>
      <c r="L102" s="53">
        <v>16</v>
      </c>
      <c r="M102" s="54">
        <v>23</v>
      </c>
    </row>
    <row r="103" spans="1:13">
      <c r="A103" s="40" t="s">
        <v>106</v>
      </c>
      <c r="B103" s="21">
        <v>-104</v>
      </c>
      <c r="C103" s="22">
        <v>-68</v>
      </c>
      <c r="D103" s="22">
        <v>-36</v>
      </c>
      <c r="E103" s="21">
        <v>97</v>
      </c>
      <c r="F103" s="22">
        <v>59</v>
      </c>
      <c r="G103" s="23">
        <v>38</v>
      </c>
      <c r="H103" s="22">
        <v>39</v>
      </c>
      <c r="I103" s="22">
        <v>19</v>
      </c>
      <c r="J103" s="22">
        <v>20</v>
      </c>
      <c r="K103" s="21">
        <v>46</v>
      </c>
      <c r="L103" s="53">
        <v>28</v>
      </c>
      <c r="M103" s="54">
        <v>18</v>
      </c>
    </row>
    <row r="104" spans="1:13">
      <c r="A104" s="40" t="s">
        <v>107</v>
      </c>
      <c r="B104" s="21">
        <v>-106</v>
      </c>
      <c r="C104" s="22">
        <v>-66</v>
      </c>
      <c r="D104" s="22">
        <v>-40</v>
      </c>
      <c r="E104" s="21">
        <v>93</v>
      </c>
      <c r="F104" s="22">
        <v>62</v>
      </c>
      <c r="G104" s="23">
        <v>31</v>
      </c>
      <c r="H104" s="22">
        <v>25</v>
      </c>
      <c r="I104" s="22">
        <v>11</v>
      </c>
      <c r="J104" s="22">
        <v>14</v>
      </c>
      <c r="K104" s="21">
        <v>38</v>
      </c>
      <c r="L104" s="53">
        <v>15</v>
      </c>
      <c r="M104" s="54">
        <v>23</v>
      </c>
    </row>
    <row r="105" spans="1:13">
      <c r="A105" s="40" t="s">
        <v>108</v>
      </c>
      <c r="B105" s="21">
        <v>-73</v>
      </c>
      <c r="C105" s="22">
        <v>-47</v>
      </c>
      <c r="D105" s="22">
        <v>-26</v>
      </c>
      <c r="E105" s="21">
        <v>69</v>
      </c>
      <c r="F105" s="22">
        <v>51</v>
      </c>
      <c r="G105" s="23">
        <v>18</v>
      </c>
      <c r="H105" s="22">
        <v>26</v>
      </c>
      <c r="I105" s="22">
        <v>13</v>
      </c>
      <c r="J105" s="22">
        <v>13</v>
      </c>
      <c r="K105" s="21">
        <v>30</v>
      </c>
      <c r="L105" s="53">
        <v>9</v>
      </c>
      <c r="M105" s="54">
        <v>21</v>
      </c>
    </row>
    <row r="106" spans="1:13">
      <c r="A106" s="40" t="s">
        <v>109</v>
      </c>
      <c r="B106" s="21">
        <v>-90</v>
      </c>
      <c r="C106" s="22">
        <v>-49</v>
      </c>
      <c r="D106" s="22">
        <v>-41</v>
      </c>
      <c r="E106" s="21">
        <v>84</v>
      </c>
      <c r="F106" s="22">
        <v>46</v>
      </c>
      <c r="G106" s="23">
        <v>38</v>
      </c>
      <c r="H106" s="22">
        <v>25</v>
      </c>
      <c r="I106" s="22">
        <v>10</v>
      </c>
      <c r="J106" s="22">
        <v>15</v>
      </c>
      <c r="K106" s="21">
        <v>31</v>
      </c>
      <c r="L106" s="53">
        <v>13</v>
      </c>
      <c r="M106" s="54">
        <v>18</v>
      </c>
    </row>
    <row r="107" spans="1:13" ht="19.5" customHeight="1">
      <c r="A107" s="34" t="s">
        <v>110</v>
      </c>
      <c r="B107" s="17">
        <v>-649</v>
      </c>
      <c r="C107" s="18">
        <v>-440</v>
      </c>
      <c r="D107" s="18">
        <v>-209</v>
      </c>
      <c r="E107" s="17">
        <v>598</v>
      </c>
      <c r="F107" s="18">
        <v>416</v>
      </c>
      <c r="G107" s="19">
        <v>182</v>
      </c>
      <c r="H107" s="18">
        <v>120</v>
      </c>
      <c r="I107" s="18">
        <v>49</v>
      </c>
      <c r="J107" s="18">
        <v>71</v>
      </c>
      <c r="K107" s="17">
        <v>171</v>
      </c>
      <c r="L107" s="51">
        <v>73</v>
      </c>
      <c r="M107" s="52">
        <v>98</v>
      </c>
    </row>
    <row r="108" spans="1:13">
      <c r="A108" s="40" t="s">
        <v>111</v>
      </c>
      <c r="B108" s="21">
        <v>-136</v>
      </c>
      <c r="C108" s="22">
        <v>-102</v>
      </c>
      <c r="D108" s="22">
        <v>-34</v>
      </c>
      <c r="E108" s="21">
        <v>122</v>
      </c>
      <c r="F108" s="22">
        <v>93</v>
      </c>
      <c r="G108" s="23">
        <v>29</v>
      </c>
      <c r="H108" s="22">
        <v>29</v>
      </c>
      <c r="I108" s="22">
        <v>12</v>
      </c>
      <c r="J108" s="22">
        <v>17</v>
      </c>
      <c r="K108" s="21">
        <v>43</v>
      </c>
      <c r="L108" s="53">
        <v>21</v>
      </c>
      <c r="M108" s="54">
        <v>22</v>
      </c>
    </row>
    <row r="109" spans="1:13">
      <c r="A109" s="40" t="s">
        <v>112</v>
      </c>
      <c r="B109" s="21">
        <v>-109</v>
      </c>
      <c r="C109" s="22">
        <v>-78</v>
      </c>
      <c r="D109" s="22">
        <v>-31</v>
      </c>
      <c r="E109" s="21">
        <v>108</v>
      </c>
      <c r="F109" s="22">
        <v>76</v>
      </c>
      <c r="G109" s="23">
        <v>32</v>
      </c>
      <c r="H109" s="22">
        <v>31</v>
      </c>
      <c r="I109" s="22">
        <v>13</v>
      </c>
      <c r="J109" s="22">
        <v>18</v>
      </c>
      <c r="K109" s="21">
        <v>32</v>
      </c>
      <c r="L109" s="53">
        <v>15</v>
      </c>
      <c r="M109" s="54">
        <v>17</v>
      </c>
    </row>
    <row r="110" spans="1:13">
      <c r="A110" s="40" t="s">
        <v>113</v>
      </c>
      <c r="B110" s="21">
        <v>-144</v>
      </c>
      <c r="C110" s="22">
        <v>-86</v>
      </c>
      <c r="D110" s="22">
        <v>-58</v>
      </c>
      <c r="E110" s="21">
        <v>125</v>
      </c>
      <c r="F110" s="22">
        <v>81</v>
      </c>
      <c r="G110" s="23">
        <v>44</v>
      </c>
      <c r="H110" s="22">
        <v>20</v>
      </c>
      <c r="I110" s="22">
        <v>8</v>
      </c>
      <c r="J110" s="22">
        <v>12</v>
      </c>
      <c r="K110" s="21">
        <v>39</v>
      </c>
      <c r="L110" s="53">
        <v>13</v>
      </c>
      <c r="M110" s="54">
        <v>26</v>
      </c>
    </row>
    <row r="111" spans="1:13">
      <c r="A111" s="40" t="s">
        <v>114</v>
      </c>
      <c r="B111" s="21">
        <v>-135</v>
      </c>
      <c r="C111" s="22">
        <v>-98</v>
      </c>
      <c r="D111" s="22">
        <v>-37</v>
      </c>
      <c r="E111" s="21">
        <v>126</v>
      </c>
      <c r="F111" s="22">
        <v>91</v>
      </c>
      <c r="G111" s="23">
        <v>35</v>
      </c>
      <c r="H111" s="22">
        <v>22</v>
      </c>
      <c r="I111" s="22">
        <v>8</v>
      </c>
      <c r="J111" s="22">
        <v>14</v>
      </c>
      <c r="K111" s="21">
        <v>31</v>
      </c>
      <c r="L111" s="53">
        <v>15</v>
      </c>
      <c r="M111" s="54">
        <v>16</v>
      </c>
    </row>
    <row r="112" spans="1:13">
      <c r="A112" s="40" t="s">
        <v>115</v>
      </c>
      <c r="B112" s="21">
        <v>-125</v>
      </c>
      <c r="C112" s="22">
        <v>-76</v>
      </c>
      <c r="D112" s="22">
        <v>-49</v>
      </c>
      <c r="E112" s="21">
        <v>117</v>
      </c>
      <c r="F112" s="22">
        <v>75</v>
      </c>
      <c r="G112" s="23">
        <v>42</v>
      </c>
      <c r="H112" s="22">
        <v>18</v>
      </c>
      <c r="I112" s="22">
        <v>8</v>
      </c>
      <c r="J112" s="22">
        <v>10</v>
      </c>
      <c r="K112" s="21">
        <v>26</v>
      </c>
      <c r="L112" s="53">
        <v>9</v>
      </c>
      <c r="M112" s="54">
        <v>17</v>
      </c>
    </row>
    <row r="113" spans="1:13" ht="19.5" customHeight="1">
      <c r="A113" s="34" t="s">
        <v>116</v>
      </c>
      <c r="B113" s="17">
        <v>-865</v>
      </c>
      <c r="C113" s="18">
        <v>-510</v>
      </c>
      <c r="D113" s="18">
        <v>-355</v>
      </c>
      <c r="E113" s="17">
        <v>832</v>
      </c>
      <c r="F113" s="18">
        <v>493</v>
      </c>
      <c r="G113" s="19">
        <v>339</v>
      </c>
      <c r="H113" s="18">
        <v>110</v>
      </c>
      <c r="I113" s="18">
        <v>36</v>
      </c>
      <c r="J113" s="18">
        <v>74</v>
      </c>
      <c r="K113" s="17">
        <v>143</v>
      </c>
      <c r="L113" s="51">
        <v>53</v>
      </c>
      <c r="M113" s="52">
        <v>90</v>
      </c>
    </row>
    <row r="114" spans="1:13">
      <c r="A114" s="40" t="s">
        <v>117</v>
      </c>
      <c r="B114" s="21">
        <v>-111</v>
      </c>
      <c r="C114" s="22">
        <v>-63</v>
      </c>
      <c r="D114" s="22">
        <v>-48</v>
      </c>
      <c r="E114" s="21">
        <v>117</v>
      </c>
      <c r="F114" s="22">
        <v>69</v>
      </c>
      <c r="G114" s="23">
        <v>48</v>
      </c>
      <c r="H114" s="22">
        <v>30</v>
      </c>
      <c r="I114" s="22">
        <v>14</v>
      </c>
      <c r="J114" s="22">
        <v>16</v>
      </c>
      <c r="K114" s="21">
        <v>24</v>
      </c>
      <c r="L114" s="53">
        <v>8</v>
      </c>
      <c r="M114" s="54">
        <v>16</v>
      </c>
    </row>
    <row r="115" spans="1:13">
      <c r="A115" s="40" t="s">
        <v>118</v>
      </c>
      <c r="B115" s="21">
        <v>-169</v>
      </c>
      <c r="C115" s="22">
        <v>-107</v>
      </c>
      <c r="D115" s="22">
        <v>-62</v>
      </c>
      <c r="E115" s="21">
        <v>165</v>
      </c>
      <c r="F115" s="22">
        <v>103</v>
      </c>
      <c r="G115" s="23">
        <v>62</v>
      </c>
      <c r="H115" s="22">
        <v>27</v>
      </c>
      <c r="I115" s="22">
        <v>9</v>
      </c>
      <c r="J115" s="22">
        <v>18</v>
      </c>
      <c r="K115" s="21">
        <v>31</v>
      </c>
      <c r="L115" s="53">
        <v>13</v>
      </c>
      <c r="M115" s="54">
        <v>18</v>
      </c>
    </row>
    <row r="116" spans="1:13">
      <c r="A116" s="40" t="s">
        <v>119</v>
      </c>
      <c r="B116" s="21">
        <v>-175</v>
      </c>
      <c r="C116" s="22">
        <v>-106</v>
      </c>
      <c r="D116" s="22">
        <v>-69</v>
      </c>
      <c r="E116" s="21">
        <v>164</v>
      </c>
      <c r="F116" s="22">
        <v>98</v>
      </c>
      <c r="G116" s="23">
        <v>66</v>
      </c>
      <c r="H116" s="22">
        <v>18</v>
      </c>
      <c r="I116" s="22">
        <v>4</v>
      </c>
      <c r="J116" s="22">
        <v>14</v>
      </c>
      <c r="K116" s="21">
        <v>29</v>
      </c>
      <c r="L116" s="53">
        <v>12</v>
      </c>
      <c r="M116" s="54">
        <v>17</v>
      </c>
    </row>
    <row r="117" spans="1:13">
      <c r="A117" s="40" t="s">
        <v>120</v>
      </c>
      <c r="B117" s="21">
        <v>-193</v>
      </c>
      <c r="C117" s="22">
        <v>-111</v>
      </c>
      <c r="D117" s="22">
        <v>-82</v>
      </c>
      <c r="E117" s="21">
        <v>176</v>
      </c>
      <c r="F117" s="22">
        <v>102</v>
      </c>
      <c r="G117" s="23">
        <v>74</v>
      </c>
      <c r="H117" s="22">
        <v>15</v>
      </c>
      <c r="I117" s="22">
        <v>2</v>
      </c>
      <c r="J117" s="22">
        <v>13</v>
      </c>
      <c r="K117" s="21">
        <v>32</v>
      </c>
      <c r="L117" s="53">
        <v>11</v>
      </c>
      <c r="M117" s="54">
        <v>21</v>
      </c>
    </row>
    <row r="118" spans="1:13">
      <c r="A118" s="40" t="s">
        <v>121</v>
      </c>
      <c r="B118" s="21">
        <v>-217</v>
      </c>
      <c r="C118" s="22">
        <v>-123</v>
      </c>
      <c r="D118" s="22">
        <v>-94</v>
      </c>
      <c r="E118" s="21">
        <v>210</v>
      </c>
      <c r="F118" s="22">
        <v>121</v>
      </c>
      <c r="G118" s="23">
        <v>89</v>
      </c>
      <c r="H118" s="22">
        <v>20</v>
      </c>
      <c r="I118" s="22">
        <v>7</v>
      </c>
      <c r="J118" s="22">
        <v>13</v>
      </c>
      <c r="K118" s="21">
        <v>27</v>
      </c>
      <c r="L118" s="53">
        <v>9</v>
      </c>
      <c r="M118" s="54">
        <v>18</v>
      </c>
    </row>
    <row r="119" spans="1:13" ht="19.5" customHeight="1">
      <c r="A119" s="34" t="s">
        <v>122</v>
      </c>
      <c r="B119" s="17">
        <v>-1089</v>
      </c>
      <c r="C119" s="18">
        <v>-547</v>
      </c>
      <c r="D119" s="18">
        <v>-542</v>
      </c>
      <c r="E119" s="17">
        <v>1042</v>
      </c>
      <c r="F119" s="18">
        <v>524</v>
      </c>
      <c r="G119" s="19">
        <v>518</v>
      </c>
      <c r="H119" s="18">
        <v>94</v>
      </c>
      <c r="I119" s="18">
        <v>27</v>
      </c>
      <c r="J119" s="18">
        <v>67</v>
      </c>
      <c r="K119" s="17">
        <v>141</v>
      </c>
      <c r="L119" s="51">
        <v>50</v>
      </c>
      <c r="M119" s="52">
        <v>91</v>
      </c>
    </row>
    <row r="120" spans="1:13">
      <c r="A120" s="40" t="s">
        <v>123</v>
      </c>
      <c r="B120" s="21">
        <v>-235</v>
      </c>
      <c r="C120" s="22">
        <v>-128</v>
      </c>
      <c r="D120" s="22">
        <v>-107</v>
      </c>
      <c r="E120" s="21">
        <v>218</v>
      </c>
      <c r="F120" s="22">
        <v>120</v>
      </c>
      <c r="G120" s="23">
        <v>98</v>
      </c>
      <c r="H120" s="22">
        <v>15</v>
      </c>
      <c r="I120" s="22">
        <v>5</v>
      </c>
      <c r="J120" s="22">
        <v>10</v>
      </c>
      <c r="K120" s="21">
        <v>32</v>
      </c>
      <c r="L120" s="53">
        <v>13</v>
      </c>
      <c r="M120" s="54">
        <v>19</v>
      </c>
    </row>
    <row r="121" spans="1:13">
      <c r="A121" s="40" t="s">
        <v>124</v>
      </c>
      <c r="B121" s="21">
        <v>-209</v>
      </c>
      <c r="C121" s="22">
        <v>-107</v>
      </c>
      <c r="D121" s="22">
        <v>-102</v>
      </c>
      <c r="E121" s="21">
        <v>193</v>
      </c>
      <c r="F121" s="22">
        <v>103</v>
      </c>
      <c r="G121" s="23">
        <v>90</v>
      </c>
      <c r="H121" s="22">
        <v>15</v>
      </c>
      <c r="I121" s="22">
        <v>8</v>
      </c>
      <c r="J121" s="22">
        <v>7</v>
      </c>
      <c r="K121" s="21">
        <v>31</v>
      </c>
      <c r="L121" s="53">
        <v>12</v>
      </c>
      <c r="M121" s="54">
        <v>19</v>
      </c>
    </row>
    <row r="122" spans="1:13">
      <c r="A122" s="40" t="s">
        <v>125</v>
      </c>
      <c r="B122" s="21">
        <v>-225</v>
      </c>
      <c r="C122" s="22">
        <v>-120</v>
      </c>
      <c r="D122" s="22">
        <v>-105</v>
      </c>
      <c r="E122" s="21">
        <v>220</v>
      </c>
      <c r="F122" s="22">
        <v>119</v>
      </c>
      <c r="G122" s="23">
        <v>101</v>
      </c>
      <c r="H122" s="22">
        <v>21</v>
      </c>
      <c r="I122" s="22">
        <v>6</v>
      </c>
      <c r="J122" s="22">
        <v>15</v>
      </c>
      <c r="K122" s="21">
        <v>26</v>
      </c>
      <c r="L122" s="53">
        <v>7</v>
      </c>
      <c r="M122" s="54">
        <v>19</v>
      </c>
    </row>
    <row r="123" spans="1:13">
      <c r="A123" s="40" t="s">
        <v>126</v>
      </c>
      <c r="B123" s="21">
        <v>-216</v>
      </c>
      <c r="C123" s="22">
        <v>-105</v>
      </c>
      <c r="D123" s="22">
        <v>-111</v>
      </c>
      <c r="E123" s="21">
        <v>206</v>
      </c>
      <c r="F123" s="22">
        <v>95</v>
      </c>
      <c r="G123" s="23">
        <v>111</v>
      </c>
      <c r="H123" s="22">
        <v>22</v>
      </c>
      <c r="I123" s="22">
        <v>4</v>
      </c>
      <c r="J123" s="22">
        <v>18</v>
      </c>
      <c r="K123" s="21">
        <v>32</v>
      </c>
      <c r="L123" s="53">
        <v>14</v>
      </c>
      <c r="M123" s="54">
        <v>18</v>
      </c>
    </row>
    <row r="124" spans="1:13">
      <c r="A124" s="40" t="s">
        <v>127</v>
      </c>
      <c r="B124" s="21">
        <v>-204</v>
      </c>
      <c r="C124" s="22">
        <v>-87</v>
      </c>
      <c r="D124" s="22">
        <v>-117</v>
      </c>
      <c r="E124" s="21">
        <v>205</v>
      </c>
      <c r="F124" s="22">
        <v>87</v>
      </c>
      <c r="G124" s="23">
        <v>118</v>
      </c>
      <c r="H124" s="22">
        <v>21</v>
      </c>
      <c r="I124" s="22">
        <v>4</v>
      </c>
      <c r="J124" s="22">
        <v>17</v>
      </c>
      <c r="K124" s="21">
        <v>20</v>
      </c>
      <c r="L124" s="53">
        <v>4</v>
      </c>
      <c r="M124" s="54">
        <v>16</v>
      </c>
    </row>
    <row r="125" spans="1:13" ht="19.5" customHeight="1">
      <c r="A125" s="34" t="s">
        <v>128</v>
      </c>
      <c r="B125" s="17">
        <v>-831</v>
      </c>
      <c r="C125" s="18">
        <v>-332</v>
      </c>
      <c r="D125" s="18">
        <v>-499</v>
      </c>
      <c r="E125" s="17">
        <v>810</v>
      </c>
      <c r="F125" s="18">
        <v>327</v>
      </c>
      <c r="G125" s="19">
        <v>483</v>
      </c>
      <c r="H125" s="18">
        <v>57</v>
      </c>
      <c r="I125" s="18">
        <v>18</v>
      </c>
      <c r="J125" s="18">
        <v>39</v>
      </c>
      <c r="K125" s="17">
        <v>78</v>
      </c>
      <c r="L125" s="51">
        <v>23</v>
      </c>
      <c r="M125" s="52">
        <v>55</v>
      </c>
    </row>
    <row r="126" spans="1:13">
      <c r="A126" s="40" t="s">
        <v>129</v>
      </c>
      <c r="B126" s="21">
        <v>-207</v>
      </c>
      <c r="C126" s="22">
        <v>-95</v>
      </c>
      <c r="D126" s="22">
        <v>-112</v>
      </c>
      <c r="E126" s="21">
        <v>192</v>
      </c>
      <c r="F126" s="22">
        <v>89</v>
      </c>
      <c r="G126" s="23">
        <v>103</v>
      </c>
      <c r="H126" s="22">
        <v>11</v>
      </c>
      <c r="I126" s="22">
        <v>4</v>
      </c>
      <c r="J126" s="22">
        <v>7</v>
      </c>
      <c r="K126" s="21">
        <v>26</v>
      </c>
      <c r="L126" s="53">
        <v>10</v>
      </c>
      <c r="M126" s="54">
        <v>16</v>
      </c>
    </row>
    <row r="127" spans="1:13">
      <c r="A127" s="40" t="s">
        <v>130</v>
      </c>
      <c r="B127" s="21">
        <v>-186</v>
      </c>
      <c r="C127" s="22">
        <v>-74</v>
      </c>
      <c r="D127" s="22">
        <v>-112</v>
      </c>
      <c r="E127" s="21">
        <v>184</v>
      </c>
      <c r="F127" s="22">
        <v>75</v>
      </c>
      <c r="G127" s="23">
        <v>109</v>
      </c>
      <c r="H127" s="22">
        <v>13</v>
      </c>
      <c r="I127" s="22">
        <v>5</v>
      </c>
      <c r="J127" s="22">
        <v>8</v>
      </c>
      <c r="K127" s="21">
        <v>15</v>
      </c>
      <c r="L127" s="53">
        <v>4</v>
      </c>
      <c r="M127" s="54">
        <v>11</v>
      </c>
    </row>
    <row r="128" spans="1:13">
      <c r="A128" s="40" t="s">
        <v>131</v>
      </c>
      <c r="B128" s="21">
        <v>-167</v>
      </c>
      <c r="C128" s="22">
        <v>-68</v>
      </c>
      <c r="D128" s="22">
        <v>-99</v>
      </c>
      <c r="E128" s="21">
        <v>169</v>
      </c>
      <c r="F128" s="22">
        <v>72</v>
      </c>
      <c r="G128" s="23">
        <v>97</v>
      </c>
      <c r="H128" s="22">
        <v>18</v>
      </c>
      <c r="I128" s="22">
        <v>5</v>
      </c>
      <c r="J128" s="22">
        <v>13</v>
      </c>
      <c r="K128" s="21">
        <v>16</v>
      </c>
      <c r="L128" s="53">
        <v>1</v>
      </c>
      <c r="M128" s="54">
        <v>15</v>
      </c>
    </row>
    <row r="129" spans="1:13">
      <c r="A129" s="40" t="s">
        <v>132</v>
      </c>
      <c r="B129" s="21">
        <v>-136</v>
      </c>
      <c r="C129" s="22">
        <v>-51</v>
      </c>
      <c r="D129" s="22">
        <v>-85</v>
      </c>
      <c r="E129" s="21">
        <v>130</v>
      </c>
      <c r="F129" s="22">
        <v>48</v>
      </c>
      <c r="G129" s="23">
        <v>82</v>
      </c>
      <c r="H129" s="22">
        <v>6</v>
      </c>
      <c r="I129" s="22">
        <v>1</v>
      </c>
      <c r="J129" s="22">
        <v>5</v>
      </c>
      <c r="K129" s="21">
        <v>12</v>
      </c>
      <c r="L129" s="53">
        <v>4</v>
      </c>
      <c r="M129" s="54">
        <v>8</v>
      </c>
    </row>
    <row r="130" spans="1:13">
      <c r="A130" s="40" t="s">
        <v>133</v>
      </c>
      <c r="B130" s="21">
        <v>-135</v>
      </c>
      <c r="C130" s="22">
        <v>-44</v>
      </c>
      <c r="D130" s="22">
        <v>-91</v>
      </c>
      <c r="E130" s="21">
        <v>135</v>
      </c>
      <c r="F130" s="22">
        <v>43</v>
      </c>
      <c r="G130" s="23">
        <v>92</v>
      </c>
      <c r="H130" s="22">
        <v>9</v>
      </c>
      <c r="I130" s="22">
        <v>3</v>
      </c>
      <c r="J130" s="22">
        <v>6</v>
      </c>
      <c r="K130" s="21">
        <v>9</v>
      </c>
      <c r="L130" s="53">
        <v>4</v>
      </c>
      <c r="M130" s="54">
        <v>5</v>
      </c>
    </row>
    <row r="131" spans="1:13" ht="19.5" customHeight="1">
      <c r="A131" s="34" t="s">
        <v>134</v>
      </c>
      <c r="B131" s="17">
        <v>-371</v>
      </c>
      <c r="C131" s="18">
        <v>-84</v>
      </c>
      <c r="D131" s="18">
        <v>-287</v>
      </c>
      <c r="E131" s="17">
        <v>372</v>
      </c>
      <c r="F131" s="18">
        <v>86</v>
      </c>
      <c r="G131" s="19">
        <v>286</v>
      </c>
      <c r="H131" s="18">
        <v>17</v>
      </c>
      <c r="I131" s="18">
        <v>2</v>
      </c>
      <c r="J131" s="18">
        <v>15</v>
      </c>
      <c r="K131" s="17">
        <v>16</v>
      </c>
      <c r="L131" s="51">
        <v>0</v>
      </c>
      <c r="M131" s="52">
        <v>16</v>
      </c>
    </row>
    <row r="132" spans="1:13">
      <c r="A132" s="40" t="s">
        <v>135</v>
      </c>
      <c r="B132" s="21">
        <v>-116</v>
      </c>
      <c r="C132" s="22">
        <v>-31</v>
      </c>
      <c r="D132" s="22">
        <v>-85</v>
      </c>
      <c r="E132" s="21">
        <v>114</v>
      </c>
      <c r="F132" s="22">
        <v>31</v>
      </c>
      <c r="G132" s="23">
        <v>83</v>
      </c>
      <c r="H132" s="22">
        <v>5</v>
      </c>
      <c r="I132" s="22">
        <v>0</v>
      </c>
      <c r="J132" s="22">
        <v>5</v>
      </c>
      <c r="K132" s="21">
        <v>7</v>
      </c>
      <c r="L132" s="53">
        <v>0</v>
      </c>
      <c r="M132" s="54">
        <v>7</v>
      </c>
    </row>
    <row r="133" spans="1:13">
      <c r="A133" s="40" t="s">
        <v>136</v>
      </c>
      <c r="B133" s="21">
        <v>-93</v>
      </c>
      <c r="C133" s="22">
        <v>-16</v>
      </c>
      <c r="D133" s="22">
        <v>-77</v>
      </c>
      <c r="E133" s="21">
        <v>94</v>
      </c>
      <c r="F133" s="22">
        <v>18</v>
      </c>
      <c r="G133" s="23">
        <v>76</v>
      </c>
      <c r="H133" s="22">
        <v>4</v>
      </c>
      <c r="I133" s="22">
        <v>2</v>
      </c>
      <c r="J133" s="22">
        <v>2</v>
      </c>
      <c r="K133" s="21">
        <v>3</v>
      </c>
      <c r="L133" s="53">
        <v>0</v>
      </c>
      <c r="M133" s="54">
        <v>3</v>
      </c>
    </row>
    <row r="134" spans="1:13">
      <c r="A134" s="40" t="s">
        <v>137</v>
      </c>
      <c r="B134" s="21">
        <v>-78</v>
      </c>
      <c r="C134" s="22">
        <v>-23</v>
      </c>
      <c r="D134" s="22">
        <v>-55</v>
      </c>
      <c r="E134" s="21">
        <v>81</v>
      </c>
      <c r="F134" s="22">
        <v>23</v>
      </c>
      <c r="G134" s="23">
        <v>58</v>
      </c>
      <c r="H134" s="22">
        <v>6</v>
      </c>
      <c r="I134" s="22">
        <v>0</v>
      </c>
      <c r="J134" s="22">
        <v>6</v>
      </c>
      <c r="K134" s="21">
        <v>3</v>
      </c>
      <c r="L134" s="53">
        <v>0</v>
      </c>
      <c r="M134" s="54">
        <v>3</v>
      </c>
    </row>
    <row r="135" spans="1:13">
      <c r="A135" s="40" t="s">
        <v>138</v>
      </c>
      <c r="B135" s="21">
        <v>-40</v>
      </c>
      <c r="C135" s="22">
        <v>-4</v>
      </c>
      <c r="D135" s="22">
        <v>-36</v>
      </c>
      <c r="E135" s="21">
        <v>40</v>
      </c>
      <c r="F135" s="22">
        <v>4</v>
      </c>
      <c r="G135" s="23">
        <v>36</v>
      </c>
      <c r="H135" s="22">
        <v>1</v>
      </c>
      <c r="I135" s="22">
        <v>0</v>
      </c>
      <c r="J135" s="22">
        <v>1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44</v>
      </c>
      <c r="C136" s="22">
        <v>-10</v>
      </c>
      <c r="D136" s="22">
        <v>-34</v>
      </c>
      <c r="E136" s="21">
        <v>43</v>
      </c>
      <c r="F136" s="22">
        <v>10</v>
      </c>
      <c r="G136" s="23">
        <v>33</v>
      </c>
      <c r="H136" s="22">
        <v>1</v>
      </c>
      <c r="I136" s="22">
        <v>0</v>
      </c>
      <c r="J136" s="22">
        <v>1</v>
      </c>
      <c r="K136" s="21">
        <v>2</v>
      </c>
      <c r="L136" s="53">
        <v>0</v>
      </c>
      <c r="M136" s="54">
        <v>2</v>
      </c>
    </row>
    <row r="137" spans="1:13" ht="19.5" customHeight="1">
      <c r="A137" s="41" t="s">
        <v>140</v>
      </c>
      <c r="B137" s="42">
        <v>-130</v>
      </c>
      <c r="C137" s="43">
        <v>-21</v>
      </c>
      <c r="D137" s="43">
        <v>-109</v>
      </c>
      <c r="E137" s="42">
        <v>131</v>
      </c>
      <c r="F137" s="43">
        <v>22</v>
      </c>
      <c r="G137" s="44">
        <v>109</v>
      </c>
      <c r="H137" s="43">
        <v>3</v>
      </c>
      <c r="I137" s="43">
        <v>1</v>
      </c>
      <c r="J137" s="43">
        <v>2</v>
      </c>
      <c r="K137" s="42">
        <v>2</v>
      </c>
      <c r="L137" s="67">
        <v>0</v>
      </c>
      <c r="M137" s="68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8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87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39</v>
      </c>
      <c r="C5" s="14">
        <v>12</v>
      </c>
      <c r="D5" s="14">
        <v>27</v>
      </c>
      <c r="E5" s="13">
        <v>1993</v>
      </c>
      <c r="F5" s="14">
        <v>976</v>
      </c>
      <c r="G5" s="15">
        <v>1017</v>
      </c>
      <c r="H5" s="14">
        <v>8094</v>
      </c>
      <c r="I5" s="14">
        <v>4051</v>
      </c>
      <c r="J5" s="14">
        <v>4043</v>
      </c>
      <c r="K5" s="13">
        <v>7023</v>
      </c>
      <c r="L5" s="49">
        <v>3554</v>
      </c>
      <c r="M5" s="50">
        <v>3469</v>
      </c>
    </row>
    <row r="6" spans="1:13" ht="19.5" customHeight="1">
      <c r="A6" s="16" t="s">
        <v>13</v>
      </c>
      <c r="B6" s="17">
        <v>1109</v>
      </c>
      <c r="C6" s="18">
        <v>598</v>
      </c>
      <c r="D6" s="18">
        <v>511</v>
      </c>
      <c r="E6" s="17">
        <v>3</v>
      </c>
      <c r="F6" s="18">
        <v>1</v>
      </c>
      <c r="G6" s="19">
        <v>2</v>
      </c>
      <c r="H6" s="18">
        <v>507</v>
      </c>
      <c r="I6" s="18">
        <v>273</v>
      </c>
      <c r="J6" s="18">
        <v>234</v>
      </c>
      <c r="K6" s="17">
        <v>356</v>
      </c>
      <c r="L6" s="51">
        <v>165</v>
      </c>
      <c r="M6" s="52">
        <v>191</v>
      </c>
    </row>
    <row r="7" spans="1:13">
      <c r="A7" s="20" t="s">
        <v>14</v>
      </c>
      <c r="B7" s="21">
        <v>1002</v>
      </c>
      <c r="C7" s="22">
        <v>514</v>
      </c>
      <c r="D7" s="22">
        <v>488</v>
      </c>
      <c r="E7" s="21">
        <v>2</v>
      </c>
      <c r="F7" s="22">
        <v>0</v>
      </c>
      <c r="G7" s="23">
        <v>2</v>
      </c>
      <c r="H7" s="22">
        <v>124</v>
      </c>
      <c r="I7" s="22">
        <v>62</v>
      </c>
      <c r="J7" s="22">
        <v>62</v>
      </c>
      <c r="K7" s="21">
        <v>81</v>
      </c>
      <c r="L7" s="53">
        <v>39</v>
      </c>
      <c r="M7" s="54">
        <v>42</v>
      </c>
    </row>
    <row r="8" spans="1:13">
      <c r="A8" s="20" t="s">
        <v>15</v>
      </c>
      <c r="B8" s="21">
        <v>10</v>
      </c>
      <c r="C8" s="22">
        <v>22</v>
      </c>
      <c r="D8" s="22">
        <v>-12</v>
      </c>
      <c r="E8" s="21">
        <v>0</v>
      </c>
      <c r="F8" s="22">
        <v>0</v>
      </c>
      <c r="G8" s="23">
        <v>0</v>
      </c>
      <c r="H8" s="22">
        <v>98</v>
      </c>
      <c r="I8" s="22">
        <v>59</v>
      </c>
      <c r="J8" s="22">
        <v>39</v>
      </c>
      <c r="K8" s="21">
        <v>88</v>
      </c>
      <c r="L8" s="53">
        <v>37</v>
      </c>
      <c r="M8" s="54">
        <v>51</v>
      </c>
    </row>
    <row r="9" spans="1:13">
      <c r="A9" s="20" t="s">
        <v>16</v>
      </c>
      <c r="B9" s="21">
        <v>33</v>
      </c>
      <c r="C9" s="22">
        <v>26</v>
      </c>
      <c r="D9" s="22">
        <v>7</v>
      </c>
      <c r="E9" s="21">
        <v>0</v>
      </c>
      <c r="F9" s="22">
        <v>0</v>
      </c>
      <c r="G9" s="23">
        <v>0</v>
      </c>
      <c r="H9" s="22">
        <v>111</v>
      </c>
      <c r="I9" s="22">
        <v>65</v>
      </c>
      <c r="J9" s="22">
        <v>46</v>
      </c>
      <c r="K9" s="21">
        <v>78</v>
      </c>
      <c r="L9" s="53">
        <v>39</v>
      </c>
      <c r="M9" s="54">
        <v>39</v>
      </c>
    </row>
    <row r="10" spans="1:13">
      <c r="A10" s="20" t="s">
        <v>17</v>
      </c>
      <c r="B10" s="21">
        <v>30</v>
      </c>
      <c r="C10" s="22">
        <v>17</v>
      </c>
      <c r="D10" s="22">
        <v>13</v>
      </c>
      <c r="E10" s="21">
        <v>1</v>
      </c>
      <c r="F10" s="22">
        <v>1</v>
      </c>
      <c r="G10" s="23">
        <v>0</v>
      </c>
      <c r="H10" s="22">
        <v>96</v>
      </c>
      <c r="I10" s="22">
        <v>47</v>
      </c>
      <c r="J10" s="22">
        <v>49</v>
      </c>
      <c r="K10" s="21">
        <v>65</v>
      </c>
      <c r="L10" s="53">
        <v>29</v>
      </c>
      <c r="M10" s="54">
        <v>36</v>
      </c>
    </row>
    <row r="11" spans="1:13">
      <c r="A11" s="20" t="s">
        <v>18</v>
      </c>
      <c r="B11" s="21">
        <v>34</v>
      </c>
      <c r="C11" s="22">
        <v>19</v>
      </c>
      <c r="D11" s="22">
        <v>15</v>
      </c>
      <c r="E11" s="21">
        <v>0</v>
      </c>
      <c r="F11" s="22">
        <v>0</v>
      </c>
      <c r="G11" s="23">
        <v>0</v>
      </c>
      <c r="H11" s="22">
        <v>78</v>
      </c>
      <c r="I11" s="22">
        <v>40</v>
      </c>
      <c r="J11" s="22">
        <v>38</v>
      </c>
      <c r="K11" s="21">
        <v>44</v>
      </c>
      <c r="L11" s="53">
        <v>21</v>
      </c>
      <c r="M11" s="54">
        <v>23</v>
      </c>
    </row>
    <row r="12" spans="1:13" ht="20.100000000000001" customHeight="1">
      <c r="A12" s="16" t="s">
        <v>19</v>
      </c>
      <c r="B12" s="17">
        <v>118</v>
      </c>
      <c r="C12" s="18">
        <v>67</v>
      </c>
      <c r="D12" s="18">
        <v>51</v>
      </c>
      <c r="E12" s="17">
        <v>0</v>
      </c>
      <c r="F12" s="18">
        <v>0</v>
      </c>
      <c r="G12" s="19">
        <v>0</v>
      </c>
      <c r="H12" s="18">
        <v>268</v>
      </c>
      <c r="I12" s="18">
        <v>135</v>
      </c>
      <c r="J12" s="18">
        <v>133</v>
      </c>
      <c r="K12" s="17">
        <v>150</v>
      </c>
      <c r="L12" s="51">
        <v>68</v>
      </c>
      <c r="M12" s="52">
        <v>82</v>
      </c>
    </row>
    <row r="13" spans="1:13">
      <c r="A13" s="20" t="s">
        <v>20</v>
      </c>
      <c r="B13" s="21">
        <v>21</v>
      </c>
      <c r="C13" s="22">
        <v>5</v>
      </c>
      <c r="D13" s="22">
        <v>16</v>
      </c>
      <c r="E13" s="21">
        <v>0</v>
      </c>
      <c r="F13" s="22">
        <v>0</v>
      </c>
      <c r="G13" s="23">
        <v>0</v>
      </c>
      <c r="H13" s="22">
        <v>56</v>
      </c>
      <c r="I13" s="22">
        <v>25</v>
      </c>
      <c r="J13" s="22">
        <v>31</v>
      </c>
      <c r="K13" s="21">
        <v>35</v>
      </c>
      <c r="L13" s="53">
        <v>20</v>
      </c>
      <c r="M13" s="54">
        <v>15</v>
      </c>
    </row>
    <row r="14" spans="1:13">
      <c r="A14" s="20" t="s">
        <v>21</v>
      </c>
      <c r="B14" s="21">
        <v>38</v>
      </c>
      <c r="C14" s="22">
        <v>21</v>
      </c>
      <c r="D14" s="22">
        <v>17</v>
      </c>
      <c r="E14" s="21">
        <v>0</v>
      </c>
      <c r="F14" s="22">
        <v>0</v>
      </c>
      <c r="G14" s="23">
        <v>0</v>
      </c>
      <c r="H14" s="22">
        <v>80</v>
      </c>
      <c r="I14" s="22">
        <v>40</v>
      </c>
      <c r="J14" s="22">
        <v>40</v>
      </c>
      <c r="K14" s="21">
        <v>42</v>
      </c>
      <c r="L14" s="53">
        <v>19</v>
      </c>
      <c r="M14" s="54">
        <v>23</v>
      </c>
    </row>
    <row r="15" spans="1:13">
      <c r="A15" s="20" t="s">
        <v>22</v>
      </c>
      <c r="B15" s="21">
        <v>26</v>
      </c>
      <c r="C15" s="22">
        <v>23</v>
      </c>
      <c r="D15" s="22">
        <v>3</v>
      </c>
      <c r="E15" s="21">
        <v>0</v>
      </c>
      <c r="F15" s="22">
        <v>0</v>
      </c>
      <c r="G15" s="23">
        <v>0</v>
      </c>
      <c r="H15" s="22">
        <v>52</v>
      </c>
      <c r="I15" s="22">
        <v>33</v>
      </c>
      <c r="J15" s="22">
        <v>19</v>
      </c>
      <c r="K15" s="21">
        <v>26</v>
      </c>
      <c r="L15" s="53">
        <v>10</v>
      </c>
      <c r="M15" s="54">
        <v>16</v>
      </c>
    </row>
    <row r="16" spans="1:13">
      <c r="A16" s="20" t="s">
        <v>23</v>
      </c>
      <c r="B16" s="21">
        <v>17</v>
      </c>
      <c r="C16" s="22">
        <v>8</v>
      </c>
      <c r="D16" s="22">
        <v>9</v>
      </c>
      <c r="E16" s="21">
        <v>0</v>
      </c>
      <c r="F16" s="22">
        <v>0</v>
      </c>
      <c r="G16" s="23">
        <v>0</v>
      </c>
      <c r="H16" s="22">
        <v>44</v>
      </c>
      <c r="I16" s="22">
        <v>21</v>
      </c>
      <c r="J16" s="22">
        <v>23</v>
      </c>
      <c r="K16" s="21">
        <v>27</v>
      </c>
      <c r="L16" s="53">
        <v>13</v>
      </c>
      <c r="M16" s="54">
        <v>14</v>
      </c>
    </row>
    <row r="17" spans="1:13">
      <c r="A17" s="20" t="s">
        <v>24</v>
      </c>
      <c r="B17" s="21">
        <v>16</v>
      </c>
      <c r="C17" s="22">
        <v>10</v>
      </c>
      <c r="D17" s="22">
        <v>6</v>
      </c>
      <c r="E17" s="21">
        <v>0</v>
      </c>
      <c r="F17" s="22">
        <v>0</v>
      </c>
      <c r="G17" s="23">
        <v>0</v>
      </c>
      <c r="H17" s="22">
        <v>36</v>
      </c>
      <c r="I17" s="22">
        <v>16</v>
      </c>
      <c r="J17" s="22">
        <v>20</v>
      </c>
      <c r="K17" s="21">
        <v>20</v>
      </c>
      <c r="L17" s="53">
        <v>6</v>
      </c>
      <c r="M17" s="54">
        <v>14</v>
      </c>
    </row>
    <row r="18" spans="1:13" ht="20.100000000000001" customHeight="1">
      <c r="A18" s="16" t="s">
        <v>25</v>
      </c>
      <c r="B18" s="17">
        <v>54</v>
      </c>
      <c r="C18" s="18">
        <v>27</v>
      </c>
      <c r="D18" s="18">
        <v>27</v>
      </c>
      <c r="E18" s="17">
        <v>2</v>
      </c>
      <c r="F18" s="18">
        <v>1</v>
      </c>
      <c r="G18" s="19">
        <v>1</v>
      </c>
      <c r="H18" s="18">
        <v>154</v>
      </c>
      <c r="I18" s="18">
        <v>80</v>
      </c>
      <c r="J18" s="18">
        <v>74</v>
      </c>
      <c r="K18" s="17">
        <v>98</v>
      </c>
      <c r="L18" s="51">
        <v>52</v>
      </c>
      <c r="M18" s="52">
        <v>46</v>
      </c>
    </row>
    <row r="19" spans="1:13">
      <c r="A19" s="20" t="s">
        <v>26</v>
      </c>
      <c r="B19" s="21">
        <v>19</v>
      </c>
      <c r="C19" s="22">
        <v>4</v>
      </c>
      <c r="D19" s="22">
        <v>15</v>
      </c>
      <c r="E19" s="21">
        <v>0</v>
      </c>
      <c r="F19" s="22">
        <v>0</v>
      </c>
      <c r="G19" s="23">
        <v>0</v>
      </c>
      <c r="H19" s="22">
        <v>35</v>
      </c>
      <c r="I19" s="22">
        <v>16</v>
      </c>
      <c r="J19" s="22">
        <v>19</v>
      </c>
      <c r="K19" s="21">
        <v>16</v>
      </c>
      <c r="L19" s="53">
        <v>12</v>
      </c>
      <c r="M19" s="54">
        <v>4</v>
      </c>
    </row>
    <row r="20" spans="1:13">
      <c r="A20" s="20" t="s">
        <v>27</v>
      </c>
      <c r="B20" s="21">
        <v>6</v>
      </c>
      <c r="C20" s="22">
        <v>3</v>
      </c>
      <c r="D20" s="22">
        <v>3</v>
      </c>
      <c r="E20" s="21">
        <v>1</v>
      </c>
      <c r="F20" s="22">
        <v>0</v>
      </c>
      <c r="G20" s="23">
        <v>1</v>
      </c>
      <c r="H20" s="22">
        <v>20</v>
      </c>
      <c r="I20" s="22">
        <v>9</v>
      </c>
      <c r="J20" s="22">
        <v>11</v>
      </c>
      <c r="K20" s="21">
        <v>13</v>
      </c>
      <c r="L20" s="53">
        <v>6</v>
      </c>
      <c r="M20" s="54">
        <v>7</v>
      </c>
    </row>
    <row r="21" spans="1:13">
      <c r="A21" s="20" t="s">
        <v>28</v>
      </c>
      <c r="B21" s="21">
        <v>18</v>
      </c>
      <c r="C21" s="22">
        <v>13</v>
      </c>
      <c r="D21" s="22">
        <v>5</v>
      </c>
      <c r="E21" s="21">
        <v>0</v>
      </c>
      <c r="F21" s="22">
        <v>0</v>
      </c>
      <c r="G21" s="23">
        <v>0</v>
      </c>
      <c r="H21" s="22">
        <v>51</v>
      </c>
      <c r="I21" s="22">
        <v>27</v>
      </c>
      <c r="J21" s="22">
        <v>24</v>
      </c>
      <c r="K21" s="21">
        <v>33</v>
      </c>
      <c r="L21" s="53">
        <v>14</v>
      </c>
      <c r="M21" s="54">
        <v>19</v>
      </c>
    </row>
    <row r="22" spans="1:13">
      <c r="A22" s="20" t="s">
        <v>29</v>
      </c>
      <c r="B22" s="21">
        <v>1</v>
      </c>
      <c r="C22" s="22">
        <v>2</v>
      </c>
      <c r="D22" s="22">
        <v>-1</v>
      </c>
      <c r="E22" s="21">
        <v>0</v>
      </c>
      <c r="F22" s="22">
        <v>0</v>
      </c>
      <c r="G22" s="23">
        <v>0</v>
      </c>
      <c r="H22" s="22">
        <v>25</v>
      </c>
      <c r="I22" s="22">
        <v>14</v>
      </c>
      <c r="J22" s="22">
        <v>11</v>
      </c>
      <c r="K22" s="21">
        <v>24</v>
      </c>
      <c r="L22" s="53">
        <v>12</v>
      </c>
      <c r="M22" s="54">
        <v>12</v>
      </c>
    </row>
    <row r="23" spans="1:13">
      <c r="A23" s="20" t="s">
        <v>30</v>
      </c>
      <c r="B23" s="21">
        <v>10</v>
      </c>
      <c r="C23" s="22">
        <v>5</v>
      </c>
      <c r="D23" s="22">
        <v>5</v>
      </c>
      <c r="E23" s="21">
        <v>1</v>
      </c>
      <c r="F23" s="22">
        <v>1</v>
      </c>
      <c r="G23" s="23">
        <v>0</v>
      </c>
      <c r="H23" s="22">
        <v>23</v>
      </c>
      <c r="I23" s="22">
        <v>14</v>
      </c>
      <c r="J23" s="22">
        <v>9</v>
      </c>
      <c r="K23" s="21">
        <v>12</v>
      </c>
      <c r="L23" s="53">
        <v>8</v>
      </c>
      <c r="M23" s="54">
        <v>4</v>
      </c>
    </row>
    <row r="24" spans="1:13" ht="20.100000000000001" customHeight="1">
      <c r="A24" s="16" t="s">
        <v>31</v>
      </c>
      <c r="B24" s="17">
        <v>8</v>
      </c>
      <c r="C24" s="18">
        <v>13</v>
      </c>
      <c r="D24" s="18">
        <v>-5</v>
      </c>
      <c r="E24" s="17">
        <v>0</v>
      </c>
      <c r="F24" s="18">
        <v>0</v>
      </c>
      <c r="G24" s="19">
        <v>0</v>
      </c>
      <c r="H24" s="18">
        <v>280</v>
      </c>
      <c r="I24" s="18">
        <v>164</v>
      </c>
      <c r="J24" s="18">
        <v>116</v>
      </c>
      <c r="K24" s="17">
        <v>272</v>
      </c>
      <c r="L24" s="51">
        <v>151</v>
      </c>
      <c r="M24" s="52">
        <v>121</v>
      </c>
    </row>
    <row r="25" spans="1:13">
      <c r="A25" s="20" t="s">
        <v>32</v>
      </c>
      <c r="B25" s="21">
        <v>-11</v>
      </c>
      <c r="C25" s="22">
        <v>3</v>
      </c>
      <c r="D25" s="22">
        <v>-14</v>
      </c>
      <c r="E25" s="21">
        <v>0</v>
      </c>
      <c r="F25" s="22">
        <v>0</v>
      </c>
      <c r="G25" s="23">
        <v>0</v>
      </c>
      <c r="H25" s="22">
        <v>36</v>
      </c>
      <c r="I25" s="22">
        <v>23</v>
      </c>
      <c r="J25" s="22">
        <v>13</v>
      </c>
      <c r="K25" s="21">
        <v>47</v>
      </c>
      <c r="L25" s="53">
        <v>20</v>
      </c>
      <c r="M25" s="54">
        <v>27</v>
      </c>
    </row>
    <row r="26" spans="1:13">
      <c r="A26" s="20" t="s">
        <v>33</v>
      </c>
      <c r="B26" s="21">
        <v>-5</v>
      </c>
      <c r="C26" s="22">
        <v>2</v>
      </c>
      <c r="D26" s="22">
        <v>-7</v>
      </c>
      <c r="E26" s="21">
        <v>0</v>
      </c>
      <c r="F26" s="22">
        <v>0</v>
      </c>
      <c r="G26" s="23">
        <v>0</v>
      </c>
      <c r="H26" s="22">
        <v>19</v>
      </c>
      <c r="I26" s="22">
        <v>8</v>
      </c>
      <c r="J26" s="22">
        <v>11</v>
      </c>
      <c r="K26" s="21">
        <v>24</v>
      </c>
      <c r="L26" s="53">
        <v>6</v>
      </c>
      <c r="M26" s="54">
        <v>18</v>
      </c>
    </row>
    <row r="27" spans="1:13">
      <c r="A27" s="20" t="s">
        <v>34</v>
      </c>
      <c r="B27" s="21">
        <v>7</v>
      </c>
      <c r="C27" s="22">
        <v>3</v>
      </c>
      <c r="D27" s="22">
        <v>4</v>
      </c>
      <c r="E27" s="21">
        <v>0</v>
      </c>
      <c r="F27" s="22">
        <v>0</v>
      </c>
      <c r="G27" s="23">
        <v>0</v>
      </c>
      <c r="H27" s="22">
        <v>32</v>
      </c>
      <c r="I27" s="22">
        <v>17</v>
      </c>
      <c r="J27" s="22">
        <v>15</v>
      </c>
      <c r="K27" s="21">
        <v>25</v>
      </c>
      <c r="L27" s="53">
        <v>14</v>
      </c>
      <c r="M27" s="54">
        <v>11</v>
      </c>
    </row>
    <row r="28" spans="1:13">
      <c r="A28" s="20" t="s">
        <v>35</v>
      </c>
      <c r="B28" s="21">
        <v>26</v>
      </c>
      <c r="C28" s="22">
        <v>17</v>
      </c>
      <c r="D28" s="22">
        <v>9</v>
      </c>
      <c r="E28" s="21">
        <v>0</v>
      </c>
      <c r="F28" s="22">
        <v>0</v>
      </c>
      <c r="G28" s="23">
        <v>0</v>
      </c>
      <c r="H28" s="22">
        <v>123</v>
      </c>
      <c r="I28" s="22">
        <v>72</v>
      </c>
      <c r="J28" s="22">
        <v>51</v>
      </c>
      <c r="K28" s="21">
        <v>97</v>
      </c>
      <c r="L28" s="53">
        <v>55</v>
      </c>
      <c r="M28" s="54">
        <v>42</v>
      </c>
    </row>
    <row r="29" spans="1:13">
      <c r="A29" s="20" t="s">
        <v>36</v>
      </c>
      <c r="B29" s="21">
        <v>-9</v>
      </c>
      <c r="C29" s="22">
        <v>-12</v>
      </c>
      <c r="D29" s="22">
        <v>3</v>
      </c>
      <c r="E29" s="21">
        <v>0</v>
      </c>
      <c r="F29" s="22">
        <v>0</v>
      </c>
      <c r="G29" s="23">
        <v>0</v>
      </c>
      <c r="H29" s="22">
        <v>70</v>
      </c>
      <c r="I29" s="22">
        <v>44</v>
      </c>
      <c r="J29" s="22">
        <v>26</v>
      </c>
      <c r="K29" s="21">
        <v>79</v>
      </c>
      <c r="L29" s="53">
        <v>56</v>
      </c>
      <c r="M29" s="54">
        <v>23</v>
      </c>
    </row>
    <row r="30" spans="1:13" ht="20.100000000000001" customHeight="1">
      <c r="A30" s="16" t="s">
        <v>37</v>
      </c>
      <c r="B30" s="17">
        <v>-58</v>
      </c>
      <c r="C30" s="18">
        <v>-64</v>
      </c>
      <c r="D30" s="18">
        <v>6</v>
      </c>
      <c r="E30" s="17">
        <v>3</v>
      </c>
      <c r="F30" s="18">
        <v>2</v>
      </c>
      <c r="G30" s="19">
        <v>1</v>
      </c>
      <c r="H30" s="18">
        <v>906</v>
      </c>
      <c r="I30" s="18">
        <v>421</v>
      </c>
      <c r="J30" s="18">
        <v>485</v>
      </c>
      <c r="K30" s="17">
        <v>961</v>
      </c>
      <c r="L30" s="51">
        <v>483</v>
      </c>
      <c r="M30" s="52">
        <v>478</v>
      </c>
    </row>
    <row r="31" spans="1:13">
      <c r="A31" s="20" t="s">
        <v>38</v>
      </c>
      <c r="B31" s="21">
        <v>8</v>
      </c>
      <c r="C31" s="22">
        <v>-6</v>
      </c>
      <c r="D31" s="22">
        <v>14</v>
      </c>
      <c r="E31" s="21">
        <v>0</v>
      </c>
      <c r="F31" s="22">
        <v>0</v>
      </c>
      <c r="G31" s="23">
        <v>0</v>
      </c>
      <c r="H31" s="22">
        <v>107</v>
      </c>
      <c r="I31" s="22">
        <v>49</v>
      </c>
      <c r="J31" s="22">
        <v>58</v>
      </c>
      <c r="K31" s="21">
        <v>99</v>
      </c>
      <c r="L31" s="53">
        <v>55</v>
      </c>
      <c r="M31" s="54">
        <v>44</v>
      </c>
    </row>
    <row r="32" spans="1:13">
      <c r="A32" s="20" t="s">
        <v>39</v>
      </c>
      <c r="B32" s="21">
        <v>40</v>
      </c>
      <c r="C32" s="22">
        <v>21</v>
      </c>
      <c r="D32" s="22">
        <v>19</v>
      </c>
      <c r="E32" s="21">
        <v>1</v>
      </c>
      <c r="F32" s="22">
        <v>1</v>
      </c>
      <c r="G32" s="23">
        <v>0</v>
      </c>
      <c r="H32" s="22">
        <v>121</v>
      </c>
      <c r="I32" s="22">
        <v>57</v>
      </c>
      <c r="J32" s="22">
        <v>64</v>
      </c>
      <c r="K32" s="21">
        <v>80</v>
      </c>
      <c r="L32" s="53">
        <v>35</v>
      </c>
      <c r="M32" s="54">
        <v>45</v>
      </c>
    </row>
    <row r="33" spans="1:13">
      <c r="A33" s="20" t="s">
        <v>40</v>
      </c>
      <c r="B33" s="21">
        <v>-52</v>
      </c>
      <c r="C33" s="22">
        <v>-40</v>
      </c>
      <c r="D33" s="22">
        <v>-12</v>
      </c>
      <c r="E33" s="21">
        <v>0</v>
      </c>
      <c r="F33" s="22">
        <v>0</v>
      </c>
      <c r="G33" s="23">
        <v>0</v>
      </c>
      <c r="H33" s="22">
        <v>252</v>
      </c>
      <c r="I33" s="22">
        <v>106</v>
      </c>
      <c r="J33" s="22">
        <v>146</v>
      </c>
      <c r="K33" s="21">
        <v>304</v>
      </c>
      <c r="L33" s="53">
        <v>146</v>
      </c>
      <c r="M33" s="54">
        <v>158</v>
      </c>
    </row>
    <row r="34" spans="1:13">
      <c r="A34" s="20" t="s">
        <v>41</v>
      </c>
      <c r="B34" s="21">
        <v>-61</v>
      </c>
      <c r="C34" s="22">
        <v>-33</v>
      </c>
      <c r="D34" s="22">
        <v>-28</v>
      </c>
      <c r="E34" s="21">
        <v>2</v>
      </c>
      <c r="F34" s="22">
        <v>1</v>
      </c>
      <c r="G34" s="23">
        <v>1</v>
      </c>
      <c r="H34" s="22">
        <v>175</v>
      </c>
      <c r="I34" s="22">
        <v>88</v>
      </c>
      <c r="J34" s="22">
        <v>87</v>
      </c>
      <c r="K34" s="21">
        <v>234</v>
      </c>
      <c r="L34" s="53">
        <v>120</v>
      </c>
      <c r="M34" s="54">
        <v>114</v>
      </c>
    </row>
    <row r="35" spans="1:13">
      <c r="A35" s="20" t="s">
        <v>42</v>
      </c>
      <c r="B35" s="21">
        <v>7</v>
      </c>
      <c r="C35" s="22">
        <v>-6</v>
      </c>
      <c r="D35" s="22">
        <v>13</v>
      </c>
      <c r="E35" s="21">
        <v>0</v>
      </c>
      <c r="F35" s="22">
        <v>0</v>
      </c>
      <c r="G35" s="23">
        <v>0</v>
      </c>
      <c r="H35" s="22">
        <v>251</v>
      </c>
      <c r="I35" s="22">
        <v>121</v>
      </c>
      <c r="J35" s="22">
        <v>130</v>
      </c>
      <c r="K35" s="21">
        <v>244</v>
      </c>
      <c r="L35" s="53">
        <v>127</v>
      </c>
      <c r="M35" s="54">
        <v>117</v>
      </c>
    </row>
    <row r="36" spans="1:13" ht="20.100000000000001" customHeight="1">
      <c r="A36" s="16" t="s">
        <v>43</v>
      </c>
      <c r="B36" s="17">
        <v>30</v>
      </c>
      <c r="C36" s="18">
        <v>32</v>
      </c>
      <c r="D36" s="18">
        <v>-2</v>
      </c>
      <c r="E36" s="17">
        <v>3</v>
      </c>
      <c r="F36" s="18">
        <v>1</v>
      </c>
      <c r="G36" s="19">
        <v>2</v>
      </c>
      <c r="H36" s="18">
        <v>1209</v>
      </c>
      <c r="I36" s="18">
        <v>628</v>
      </c>
      <c r="J36" s="18">
        <v>581</v>
      </c>
      <c r="K36" s="17">
        <v>1176</v>
      </c>
      <c r="L36" s="51">
        <v>595</v>
      </c>
      <c r="M36" s="52">
        <v>581</v>
      </c>
    </row>
    <row r="37" spans="1:13">
      <c r="A37" s="20" t="s">
        <v>44</v>
      </c>
      <c r="B37" s="21">
        <v>-53</v>
      </c>
      <c r="C37" s="22">
        <v>-21</v>
      </c>
      <c r="D37" s="22">
        <v>-32</v>
      </c>
      <c r="E37" s="21">
        <v>0</v>
      </c>
      <c r="F37" s="22">
        <v>0</v>
      </c>
      <c r="G37" s="23">
        <v>0</v>
      </c>
      <c r="H37" s="22">
        <v>213</v>
      </c>
      <c r="I37" s="22">
        <v>119</v>
      </c>
      <c r="J37" s="22">
        <v>94</v>
      </c>
      <c r="K37" s="21">
        <v>266</v>
      </c>
      <c r="L37" s="53">
        <v>140</v>
      </c>
      <c r="M37" s="54">
        <v>126</v>
      </c>
    </row>
    <row r="38" spans="1:13">
      <c r="A38" s="20" t="s">
        <v>45</v>
      </c>
      <c r="B38" s="21">
        <v>37</v>
      </c>
      <c r="C38" s="22">
        <v>28</v>
      </c>
      <c r="D38" s="22">
        <v>9</v>
      </c>
      <c r="E38" s="21">
        <v>2</v>
      </c>
      <c r="F38" s="22">
        <v>0</v>
      </c>
      <c r="G38" s="23">
        <v>2</v>
      </c>
      <c r="H38" s="22">
        <v>273</v>
      </c>
      <c r="I38" s="22">
        <v>137</v>
      </c>
      <c r="J38" s="22">
        <v>136</v>
      </c>
      <c r="K38" s="21">
        <v>234</v>
      </c>
      <c r="L38" s="53">
        <v>109</v>
      </c>
      <c r="M38" s="54">
        <v>125</v>
      </c>
    </row>
    <row r="39" spans="1:13">
      <c r="A39" s="20" t="s">
        <v>46</v>
      </c>
      <c r="B39" s="21">
        <v>-2</v>
      </c>
      <c r="C39" s="22">
        <v>4</v>
      </c>
      <c r="D39" s="22">
        <v>-6</v>
      </c>
      <c r="E39" s="21">
        <v>0</v>
      </c>
      <c r="F39" s="22">
        <v>0</v>
      </c>
      <c r="G39" s="23">
        <v>0</v>
      </c>
      <c r="H39" s="22">
        <v>238</v>
      </c>
      <c r="I39" s="22">
        <v>126</v>
      </c>
      <c r="J39" s="22">
        <v>112</v>
      </c>
      <c r="K39" s="21">
        <v>240</v>
      </c>
      <c r="L39" s="53">
        <v>122</v>
      </c>
      <c r="M39" s="54">
        <v>118</v>
      </c>
    </row>
    <row r="40" spans="1:13">
      <c r="A40" s="20" t="s">
        <v>47</v>
      </c>
      <c r="B40" s="21">
        <v>12</v>
      </c>
      <c r="C40" s="22">
        <v>2</v>
      </c>
      <c r="D40" s="22">
        <v>10</v>
      </c>
      <c r="E40" s="21">
        <v>1</v>
      </c>
      <c r="F40" s="22">
        <v>1</v>
      </c>
      <c r="G40" s="23">
        <v>0</v>
      </c>
      <c r="H40" s="22">
        <v>249</v>
      </c>
      <c r="I40" s="22">
        <v>124</v>
      </c>
      <c r="J40" s="22">
        <v>125</v>
      </c>
      <c r="K40" s="21">
        <v>236</v>
      </c>
      <c r="L40" s="53">
        <v>121</v>
      </c>
      <c r="M40" s="54">
        <v>115</v>
      </c>
    </row>
    <row r="41" spans="1:13">
      <c r="A41" s="20" t="s">
        <v>48</v>
      </c>
      <c r="B41" s="21">
        <v>36</v>
      </c>
      <c r="C41" s="22">
        <v>19</v>
      </c>
      <c r="D41" s="22">
        <v>17</v>
      </c>
      <c r="E41" s="21">
        <v>0</v>
      </c>
      <c r="F41" s="22">
        <v>0</v>
      </c>
      <c r="G41" s="23">
        <v>0</v>
      </c>
      <c r="H41" s="22">
        <v>236</v>
      </c>
      <c r="I41" s="22">
        <v>122</v>
      </c>
      <c r="J41" s="22">
        <v>114</v>
      </c>
      <c r="K41" s="21">
        <v>200</v>
      </c>
      <c r="L41" s="53">
        <v>103</v>
      </c>
      <c r="M41" s="54">
        <v>97</v>
      </c>
    </row>
    <row r="42" spans="1:13" ht="20.100000000000001" customHeight="1">
      <c r="A42" s="16" t="s">
        <v>49</v>
      </c>
      <c r="B42" s="17">
        <v>80</v>
      </c>
      <c r="C42" s="18">
        <v>40</v>
      </c>
      <c r="D42" s="18">
        <v>40</v>
      </c>
      <c r="E42" s="17">
        <v>3</v>
      </c>
      <c r="F42" s="18">
        <v>3</v>
      </c>
      <c r="G42" s="19">
        <v>0</v>
      </c>
      <c r="H42" s="18">
        <v>1027</v>
      </c>
      <c r="I42" s="18">
        <v>515</v>
      </c>
      <c r="J42" s="18">
        <v>512</v>
      </c>
      <c r="K42" s="17">
        <v>944</v>
      </c>
      <c r="L42" s="51">
        <v>472</v>
      </c>
      <c r="M42" s="52">
        <v>472</v>
      </c>
    </row>
    <row r="43" spans="1:13">
      <c r="A43" s="20" t="s">
        <v>50</v>
      </c>
      <c r="B43" s="21">
        <v>-26</v>
      </c>
      <c r="C43" s="22">
        <v>-11</v>
      </c>
      <c r="D43" s="22">
        <v>-15</v>
      </c>
      <c r="E43" s="21">
        <v>1</v>
      </c>
      <c r="F43" s="22">
        <v>1</v>
      </c>
      <c r="G43" s="23">
        <v>0</v>
      </c>
      <c r="H43" s="22">
        <v>215</v>
      </c>
      <c r="I43" s="22">
        <v>107</v>
      </c>
      <c r="J43" s="22">
        <v>108</v>
      </c>
      <c r="K43" s="21">
        <v>240</v>
      </c>
      <c r="L43" s="53">
        <v>117</v>
      </c>
      <c r="M43" s="54">
        <v>123</v>
      </c>
    </row>
    <row r="44" spans="1:13">
      <c r="A44" s="20" t="s">
        <v>51</v>
      </c>
      <c r="B44" s="21">
        <v>53</v>
      </c>
      <c r="C44" s="22">
        <v>24</v>
      </c>
      <c r="D44" s="22">
        <v>29</v>
      </c>
      <c r="E44" s="21">
        <v>0</v>
      </c>
      <c r="F44" s="22">
        <v>0</v>
      </c>
      <c r="G44" s="23">
        <v>0</v>
      </c>
      <c r="H44" s="22">
        <v>225</v>
      </c>
      <c r="I44" s="22">
        <v>108</v>
      </c>
      <c r="J44" s="22">
        <v>117</v>
      </c>
      <c r="K44" s="21">
        <v>172</v>
      </c>
      <c r="L44" s="53">
        <v>84</v>
      </c>
      <c r="M44" s="54">
        <v>88</v>
      </c>
    </row>
    <row r="45" spans="1:13">
      <c r="A45" s="20" t="s">
        <v>52</v>
      </c>
      <c r="B45" s="21">
        <v>33</v>
      </c>
      <c r="C45" s="22">
        <v>28</v>
      </c>
      <c r="D45" s="22">
        <v>5</v>
      </c>
      <c r="E45" s="21">
        <v>0</v>
      </c>
      <c r="F45" s="22">
        <v>0</v>
      </c>
      <c r="G45" s="23">
        <v>0</v>
      </c>
      <c r="H45" s="22">
        <v>206</v>
      </c>
      <c r="I45" s="22">
        <v>106</v>
      </c>
      <c r="J45" s="22">
        <v>100</v>
      </c>
      <c r="K45" s="21">
        <v>173</v>
      </c>
      <c r="L45" s="53">
        <v>78</v>
      </c>
      <c r="M45" s="54">
        <v>95</v>
      </c>
    </row>
    <row r="46" spans="1:13">
      <c r="A46" s="20" t="s">
        <v>53</v>
      </c>
      <c r="B46" s="21">
        <v>2</v>
      </c>
      <c r="C46" s="22">
        <v>-12</v>
      </c>
      <c r="D46" s="22">
        <v>14</v>
      </c>
      <c r="E46" s="21">
        <v>0</v>
      </c>
      <c r="F46" s="22">
        <v>0</v>
      </c>
      <c r="G46" s="23">
        <v>0</v>
      </c>
      <c r="H46" s="22">
        <v>198</v>
      </c>
      <c r="I46" s="22">
        <v>97</v>
      </c>
      <c r="J46" s="22">
        <v>101</v>
      </c>
      <c r="K46" s="21">
        <v>196</v>
      </c>
      <c r="L46" s="53">
        <v>109</v>
      </c>
      <c r="M46" s="54">
        <v>87</v>
      </c>
    </row>
    <row r="47" spans="1:13">
      <c r="A47" s="20" t="s">
        <v>54</v>
      </c>
      <c r="B47" s="21">
        <v>18</v>
      </c>
      <c r="C47" s="22">
        <v>11</v>
      </c>
      <c r="D47" s="22">
        <v>7</v>
      </c>
      <c r="E47" s="21">
        <v>2</v>
      </c>
      <c r="F47" s="22">
        <v>2</v>
      </c>
      <c r="G47" s="23">
        <v>0</v>
      </c>
      <c r="H47" s="22">
        <v>183</v>
      </c>
      <c r="I47" s="22">
        <v>97</v>
      </c>
      <c r="J47" s="22">
        <v>86</v>
      </c>
      <c r="K47" s="21">
        <v>163</v>
      </c>
      <c r="L47" s="53">
        <v>84</v>
      </c>
      <c r="M47" s="54">
        <v>79</v>
      </c>
    </row>
    <row r="48" spans="1:13" ht="20.100000000000001" customHeight="1">
      <c r="A48" s="16" t="s">
        <v>55</v>
      </c>
      <c r="B48" s="17">
        <v>263</v>
      </c>
      <c r="C48" s="18">
        <v>121</v>
      </c>
      <c r="D48" s="18">
        <v>142</v>
      </c>
      <c r="E48" s="17">
        <v>6</v>
      </c>
      <c r="F48" s="18">
        <v>2</v>
      </c>
      <c r="G48" s="19">
        <v>4</v>
      </c>
      <c r="H48" s="18">
        <v>943</v>
      </c>
      <c r="I48" s="18">
        <v>468</v>
      </c>
      <c r="J48" s="18">
        <v>475</v>
      </c>
      <c r="K48" s="17">
        <v>674</v>
      </c>
      <c r="L48" s="51">
        <v>345</v>
      </c>
      <c r="M48" s="52">
        <v>329</v>
      </c>
    </row>
    <row r="49" spans="1:13">
      <c r="A49" s="20" t="s">
        <v>56</v>
      </c>
      <c r="B49" s="21">
        <v>37</v>
      </c>
      <c r="C49" s="22">
        <v>11</v>
      </c>
      <c r="D49" s="22">
        <v>26</v>
      </c>
      <c r="E49" s="21">
        <v>0</v>
      </c>
      <c r="F49" s="22">
        <v>0</v>
      </c>
      <c r="G49" s="23">
        <v>0</v>
      </c>
      <c r="H49" s="22">
        <v>209</v>
      </c>
      <c r="I49" s="22">
        <v>92</v>
      </c>
      <c r="J49" s="22">
        <v>117</v>
      </c>
      <c r="K49" s="21">
        <v>172</v>
      </c>
      <c r="L49" s="53">
        <v>81</v>
      </c>
      <c r="M49" s="54">
        <v>91</v>
      </c>
    </row>
    <row r="50" spans="1:13">
      <c r="A50" s="20" t="s">
        <v>57</v>
      </c>
      <c r="B50" s="21">
        <v>70</v>
      </c>
      <c r="C50" s="22">
        <v>25</v>
      </c>
      <c r="D50" s="22">
        <v>45</v>
      </c>
      <c r="E50" s="21">
        <v>1</v>
      </c>
      <c r="F50" s="22">
        <v>1</v>
      </c>
      <c r="G50" s="23">
        <v>0</v>
      </c>
      <c r="H50" s="22">
        <v>205</v>
      </c>
      <c r="I50" s="22">
        <v>94</v>
      </c>
      <c r="J50" s="22">
        <v>111</v>
      </c>
      <c r="K50" s="21">
        <v>134</v>
      </c>
      <c r="L50" s="53">
        <v>68</v>
      </c>
      <c r="M50" s="54">
        <v>66</v>
      </c>
    </row>
    <row r="51" spans="1:13">
      <c r="A51" s="20" t="s">
        <v>58</v>
      </c>
      <c r="B51" s="21">
        <v>51</v>
      </c>
      <c r="C51" s="22">
        <v>42</v>
      </c>
      <c r="D51" s="22">
        <v>9</v>
      </c>
      <c r="E51" s="21">
        <v>1</v>
      </c>
      <c r="F51" s="22">
        <v>0</v>
      </c>
      <c r="G51" s="23">
        <v>1</v>
      </c>
      <c r="H51" s="22">
        <v>184</v>
      </c>
      <c r="I51" s="22">
        <v>101</v>
      </c>
      <c r="J51" s="22">
        <v>83</v>
      </c>
      <c r="K51" s="21">
        <v>132</v>
      </c>
      <c r="L51" s="53">
        <v>59</v>
      </c>
      <c r="M51" s="54">
        <v>73</v>
      </c>
    </row>
    <row r="52" spans="1:13">
      <c r="A52" s="20" t="s">
        <v>59</v>
      </c>
      <c r="B52" s="21">
        <v>50</v>
      </c>
      <c r="C52" s="22">
        <v>26</v>
      </c>
      <c r="D52" s="22">
        <v>24</v>
      </c>
      <c r="E52" s="21">
        <v>2</v>
      </c>
      <c r="F52" s="22">
        <v>1</v>
      </c>
      <c r="G52" s="23">
        <v>1</v>
      </c>
      <c r="H52" s="22">
        <v>177</v>
      </c>
      <c r="I52" s="22">
        <v>98</v>
      </c>
      <c r="J52" s="22">
        <v>79</v>
      </c>
      <c r="K52" s="21">
        <v>125</v>
      </c>
      <c r="L52" s="53">
        <v>71</v>
      </c>
      <c r="M52" s="54">
        <v>54</v>
      </c>
    </row>
    <row r="53" spans="1:13">
      <c r="A53" s="20" t="s">
        <v>60</v>
      </c>
      <c r="B53" s="21">
        <v>55</v>
      </c>
      <c r="C53" s="22">
        <v>17</v>
      </c>
      <c r="D53" s="22">
        <v>38</v>
      </c>
      <c r="E53" s="21">
        <v>2</v>
      </c>
      <c r="F53" s="22">
        <v>0</v>
      </c>
      <c r="G53" s="23">
        <v>2</v>
      </c>
      <c r="H53" s="22">
        <v>168</v>
      </c>
      <c r="I53" s="22">
        <v>83</v>
      </c>
      <c r="J53" s="22">
        <v>85</v>
      </c>
      <c r="K53" s="21">
        <v>111</v>
      </c>
      <c r="L53" s="53">
        <v>66</v>
      </c>
      <c r="M53" s="54">
        <v>45</v>
      </c>
    </row>
    <row r="54" spans="1:13" ht="20.100000000000001" customHeight="1">
      <c r="A54" s="16" t="s">
        <v>61</v>
      </c>
      <c r="B54" s="17">
        <v>126</v>
      </c>
      <c r="C54" s="18">
        <v>21</v>
      </c>
      <c r="D54" s="18">
        <v>105</v>
      </c>
      <c r="E54" s="17">
        <v>10</v>
      </c>
      <c r="F54" s="18">
        <v>7</v>
      </c>
      <c r="G54" s="19">
        <v>3</v>
      </c>
      <c r="H54" s="18">
        <v>646</v>
      </c>
      <c r="I54" s="18">
        <v>318</v>
      </c>
      <c r="J54" s="18">
        <v>328</v>
      </c>
      <c r="K54" s="17">
        <v>510</v>
      </c>
      <c r="L54" s="51">
        <v>290</v>
      </c>
      <c r="M54" s="52">
        <v>220</v>
      </c>
    </row>
    <row r="55" spans="1:13">
      <c r="A55" s="20" t="s">
        <v>62</v>
      </c>
      <c r="B55" s="21">
        <v>18</v>
      </c>
      <c r="C55" s="22">
        <v>-11</v>
      </c>
      <c r="D55" s="22">
        <v>29</v>
      </c>
      <c r="E55" s="21">
        <v>1</v>
      </c>
      <c r="F55" s="22">
        <v>0</v>
      </c>
      <c r="G55" s="23">
        <v>1</v>
      </c>
      <c r="H55" s="22">
        <v>147</v>
      </c>
      <c r="I55" s="22">
        <v>65</v>
      </c>
      <c r="J55" s="22">
        <v>82</v>
      </c>
      <c r="K55" s="21">
        <v>128</v>
      </c>
      <c r="L55" s="53">
        <v>76</v>
      </c>
      <c r="M55" s="54">
        <v>52</v>
      </c>
    </row>
    <row r="56" spans="1:13">
      <c r="A56" s="20" t="s">
        <v>63</v>
      </c>
      <c r="B56" s="21">
        <v>25</v>
      </c>
      <c r="C56" s="22">
        <v>6</v>
      </c>
      <c r="D56" s="22">
        <v>19</v>
      </c>
      <c r="E56" s="21">
        <v>3</v>
      </c>
      <c r="F56" s="22">
        <v>2</v>
      </c>
      <c r="G56" s="23">
        <v>1</v>
      </c>
      <c r="H56" s="22">
        <v>123</v>
      </c>
      <c r="I56" s="22">
        <v>62</v>
      </c>
      <c r="J56" s="22">
        <v>61</v>
      </c>
      <c r="K56" s="21">
        <v>95</v>
      </c>
      <c r="L56" s="53">
        <v>54</v>
      </c>
      <c r="M56" s="54">
        <v>41</v>
      </c>
    </row>
    <row r="57" spans="1:13">
      <c r="A57" s="20" t="s">
        <v>64</v>
      </c>
      <c r="B57" s="21">
        <v>28</v>
      </c>
      <c r="C57" s="22">
        <v>8</v>
      </c>
      <c r="D57" s="22">
        <v>20</v>
      </c>
      <c r="E57" s="21">
        <v>3</v>
      </c>
      <c r="F57" s="22">
        <v>3</v>
      </c>
      <c r="G57" s="23">
        <v>0</v>
      </c>
      <c r="H57" s="22">
        <v>127</v>
      </c>
      <c r="I57" s="22">
        <v>63</v>
      </c>
      <c r="J57" s="22">
        <v>64</v>
      </c>
      <c r="K57" s="21">
        <v>96</v>
      </c>
      <c r="L57" s="53">
        <v>52</v>
      </c>
      <c r="M57" s="54">
        <v>44</v>
      </c>
    </row>
    <row r="58" spans="1:13">
      <c r="A58" s="20" t="s">
        <v>65</v>
      </c>
      <c r="B58" s="21">
        <v>48</v>
      </c>
      <c r="C58" s="22">
        <v>22</v>
      </c>
      <c r="D58" s="22">
        <v>26</v>
      </c>
      <c r="E58" s="21">
        <v>2</v>
      </c>
      <c r="F58" s="22">
        <v>1</v>
      </c>
      <c r="G58" s="23">
        <v>1</v>
      </c>
      <c r="H58" s="22">
        <v>146</v>
      </c>
      <c r="I58" s="22">
        <v>75</v>
      </c>
      <c r="J58" s="22">
        <v>71</v>
      </c>
      <c r="K58" s="21">
        <v>96</v>
      </c>
      <c r="L58" s="53">
        <v>52</v>
      </c>
      <c r="M58" s="54">
        <v>44</v>
      </c>
    </row>
    <row r="59" spans="1:13">
      <c r="A59" s="20" t="s">
        <v>66</v>
      </c>
      <c r="B59" s="21">
        <v>7</v>
      </c>
      <c r="C59" s="22">
        <v>-4</v>
      </c>
      <c r="D59" s="22">
        <v>11</v>
      </c>
      <c r="E59" s="21">
        <v>1</v>
      </c>
      <c r="F59" s="22">
        <v>1</v>
      </c>
      <c r="G59" s="23">
        <v>0</v>
      </c>
      <c r="H59" s="22">
        <v>103</v>
      </c>
      <c r="I59" s="22">
        <v>53</v>
      </c>
      <c r="J59" s="22">
        <v>50</v>
      </c>
      <c r="K59" s="21">
        <v>95</v>
      </c>
      <c r="L59" s="53">
        <v>56</v>
      </c>
      <c r="M59" s="54">
        <v>39</v>
      </c>
    </row>
    <row r="60" spans="1:13" ht="20.100000000000001" customHeight="1">
      <c r="A60" s="16" t="s">
        <v>67</v>
      </c>
      <c r="B60" s="17">
        <v>82</v>
      </c>
      <c r="C60" s="18">
        <v>22</v>
      </c>
      <c r="D60" s="18">
        <v>60</v>
      </c>
      <c r="E60" s="17">
        <v>19</v>
      </c>
      <c r="F60" s="18">
        <v>8</v>
      </c>
      <c r="G60" s="19">
        <v>11</v>
      </c>
      <c r="H60" s="18">
        <v>564</v>
      </c>
      <c r="I60" s="18">
        <v>285</v>
      </c>
      <c r="J60" s="18">
        <v>279</v>
      </c>
      <c r="K60" s="17">
        <v>463</v>
      </c>
      <c r="L60" s="51">
        <v>255</v>
      </c>
      <c r="M60" s="52">
        <v>208</v>
      </c>
    </row>
    <row r="61" spans="1:13">
      <c r="A61" s="20" t="s">
        <v>68</v>
      </c>
      <c r="B61" s="21">
        <v>27</v>
      </c>
      <c r="C61" s="22">
        <v>10</v>
      </c>
      <c r="D61" s="22">
        <v>17</v>
      </c>
      <c r="E61" s="21">
        <v>3</v>
      </c>
      <c r="F61" s="22">
        <v>3</v>
      </c>
      <c r="G61" s="23">
        <v>0</v>
      </c>
      <c r="H61" s="22">
        <v>119</v>
      </c>
      <c r="I61" s="22">
        <v>60</v>
      </c>
      <c r="J61" s="22">
        <v>59</v>
      </c>
      <c r="K61" s="21">
        <v>89</v>
      </c>
      <c r="L61" s="53">
        <v>47</v>
      </c>
      <c r="M61" s="54">
        <v>42</v>
      </c>
    </row>
    <row r="62" spans="1:13">
      <c r="A62" s="20" t="s">
        <v>69</v>
      </c>
      <c r="B62" s="21">
        <v>25</v>
      </c>
      <c r="C62" s="22">
        <v>5</v>
      </c>
      <c r="D62" s="22">
        <v>20</v>
      </c>
      <c r="E62" s="21">
        <v>4</v>
      </c>
      <c r="F62" s="22">
        <v>1</v>
      </c>
      <c r="G62" s="23">
        <v>3</v>
      </c>
      <c r="H62" s="22">
        <v>133</v>
      </c>
      <c r="I62" s="22">
        <v>70</v>
      </c>
      <c r="J62" s="22">
        <v>63</v>
      </c>
      <c r="K62" s="21">
        <v>104</v>
      </c>
      <c r="L62" s="53">
        <v>64</v>
      </c>
      <c r="M62" s="54">
        <v>40</v>
      </c>
    </row>
    <row r="63" spans="1:13">
      <c r="A63" s="20" t="s">
        <v>70</v>
      </c>
      <c r="B63" s="21">
        <v>18</v>
      </c>
      <c r="C63" s="22">
        <v>-4</v>
      </c>
      <c r="D63" s="22">
        <v>22</v>
      </c>
      <c r="E63" s="21">
        <v>5</v>
      </c>
      <c r="F63" s="22">
        <v>3</v>
      </c>
      <c r="G63" s="23">
        <v>2</v>
      </c>
      <c r="H63" s="22">
        <v>119</v>
      </c>
      <c r="I63" s="22">
        <v>52</v>
      </c>
      <c r="J63" s="22">
        <v>67</v>
      </c>
      <c r="K63" s="21">
        <v>96</v>
      </c>
      <c r="L63" s="53">
        <v>53</v>
      </c>
      <c r="M63" s="54">
        <v>43</v>
      </c>
    </row>
    <row r="64" spans="1:13">
      <c r="A64" s="20" t="s">
        <v>71</v>
      </c>
      <c r="B64" s="21">
        <v>0</v>
      </c>
      <c r="C64" s="22">
        <v>-7</v>
      </c>
      <c r="D64" s="22">
        <v>7</v>
      </c>
      <c r="E64" s="21">
        <v>3</v>
      </c>
      <c r="F64" s="22">
        <v>1</v>
      </c>
      <c r="G64" s="23">
        <v>2</v>
      </c>
      <c r="H64" s="22">
        <v>89</v>
      </c>
      <c r="I64" s="22">
        <v>43</v>
      </c>
      <c r="J64" s="22">
        <v>46</v>
      </c>
      <c r="K64" s="21">
        <v>86</v>
      </c>
      <c r="L64" s="53">
        <v>49</v>
      </c>
      <c r="M64" s="54">
        <v>37</v>
      </c>
    </row>
    <row r="65" spans="1:13">
      <c r="A65" s="24" t="s">
        <v>72</v>
      </c>
      <c r="B65" s="25">
        <v>12</v>
      </c>
      <c r="C65" s="26">
        <v>18</v>
      </c>
      <c r="D65" s="26">
        <v>-6</v>
      </c>
      <c r="E65" s="25">
        <v>4</v>
      </c>
      <c r="F65" s="26">
        <v>0</v>
      </c>
      <c r="G65" s="27">
        <v>4</v>
      </c>
      <c r="H65" s="26">
        <v>104</v>
      </c>
      <c r="I65" s="26">
        <v>60</v>
      </c>
      <c r="J65" s="26">
        <v>44</v>
      </c>
      <c r="K65" s="25">
        <v>88</v>
      </c>
      <c r="L65" s="55">
        <v>42</v>
      </c>
      <c r="M65" s="56">
        <v>46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961</v>
      </c>
      <c r="C69" s="58">
        <v>491</v>
      </c>
      <c r="D69" s="59">
        <v>47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961</v>
      </c>
      <c r="C70" s="61">
        <v>491</v>
      </c>
      <c r="D70" s="62">
        <v>470</v>
      </c>
    </row>
    <row r="71" spans="1:13">
      <c r="A71" s="24" t="s">
        <v>14</v>
      </c>
      <c r="B71" s="63">
        <v>961</v>
      </c>
      <c r="C71" s="64">
        <v>491</v>
      </c>
      <c r="D71" s="65">
        <v>470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8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58</v>
      </c>
      <c r="C77" s="18">
        <v>37</v>
      </c>
      <c r="D77" s="18">
        <v>21</v>
      </c>
      <c r="E77" s="17">
        <v>27</v>
      </c>
      <c r="F77" s="18">
        <v>18</v>
      </c>
      <c r="G77" s="19">
        <v>9</v>
      </c>
      <c r="H77" s="18">
        <v>423</v>
      </c>
      <c r="I77" s="18">
        <v>234</v>
      </c>
      <c r="J77" s="18">
        <v>189</v>
      </c>
      <c r="K77" s="17">
        <v>338</v>
      </c>
      <c r="L77" s="51">
        <v>179</v>
      </c>
      <c r="M77" s="52">
        <v>159</v>
      </c>
    </row>
    <row r="78" spans="1:13">
      <c r="A78" s="40" t="s">
        <v>81</v>
      </c>
      <c r="B78" s="21">
        <v>12</v>
      </c>
      <c r="C78" s="22">
        <v>8</v>
      </c>
      <c r="D78" s="22">
        <v>4</v>
      </c>
      <c r="E78" s="21">
        <v>3</v>
      </c>
      <c r="F78" s="22">
        <v>2</v>
      </c>
      <c r="G78" s="23">
        <v>1</v>
      </c>
      <c r="H78" s="22">
        <v>92</v>
      </c>
      <c r="I78" s="22">
        <v>52</v>
      </c>
      <c r="J78" s="22">
        <v>40</v>
      </c>
      <c r="K78" s="21">
        <v>77</v>
      </c>
      <c r="L78" s="53">
        <v>42</v>
      </c>
      <c r="M78" s="54">
        <v>35</v>
      </c>
    </row>
    <row r="79" spans="1:13">
      <c r="A79" s="40" t="s">
        <v>82</v>
      </c>
      <c r="B79" s="21">
        <v>33</v>
      </c>
      <c r="C79" s="22">
        <v>19</v>
      </c>
      <c r="D79" s="22">
        <v>14</v>
      </c>
      <c r="E79" s="21">
        <v>8</v>
      </c>
      <c r="F79" s="22">
        <v>5</v>
      </c>
      <c r="G79" s="23">
        <v>3</v>
      </c>
      <c r="H79" s="22">
        <v>100</v>
      </c>
      <c r="I79" s="22">
        <v>58</v>
      </c>
      <c r="J79" s="22">
        <v>42</v>
      </c>
      <c r="K79" s="21">
        <v>59</v>
      </c>
      <c r="L79" s="53">
        <v>34</v>
      </c>
      <c r="M79" s="54">
        <v>25</v>
      </c>
    </row>
    <row r="80" spans="1:13">
      <c r="A80" s="40" t="s">
        <v>83</v>
      </c>
      <c r="B80" s="21">
        <v>-6</v>
      </c>
      <c r="C80" s="22">
        <v>3</v>
      </c>
      <c r="D80" s="22">
        <v>-9</v>
      </c>
      <c r="E80" s="21">
        <v>8</v>
      </c>
      <c r="F80" s="22">
        <v>7</v>
      </c>
      <c r="G80" s="23">
        <v>1</v>
      </c>
      <c r="H80" s="22">
        <v>74</v>
      </c>
      <c r="I80" s="22">
        <v>42</v>
      </c>
      <c r="J80" s="22">
        <v>32</v>
      </c>
      <c r="K80" s="21">
        <v>72</v>
      </c>
      <c r="L80" s="53">
        <v>32</v>
      </c>
      <c r="M80" s="54">
        <v>40</v>
      </c>
    </row>
    <row r="81" spans="1:13">
      <c r="A81" s="40" t="s">
        <v>84</v>
      </c>
      <c r="B81" s="21">
        <v>18</v>
      </c>
      <c r="C81" s="22">
        <v>7</v>
      </c>
      <c r="D81" s="22">
        <v>11</v>
      </c>
      <c r="E81" s="21">
        <v>2</v>
      </c>
      <c r="F81" s="22">
        <v>1</v>
      </c>
      <c r="G81" s="23">
        <v>1</v>
      </c>
      <c r="H81" s="22">
        <v>74</v>
      </c>
      <c r="I81" s="22">
        <v>40</v>
      </c>
      <c r="J81" s="22">
        <v>34</v>
      </c>
      <c r="K81" s="21">
        <v>54</v>
      </c>
      <c r="L81" s="53">
        <v>32</v>
      </c>
      <c r="M81" s="54">
        <v>22</v>
      </c>
    </row>
    <row r="82" spans="1:13">
      <c r="A82" s="40" t="s">
        <v>85</v>
      </c>
      <c r="B82" s="21">
        <v>1</v>
      </c>
      <c r="C82" s="22">
        <v>0</v>
      </c>
      <c r="D82" s="22">
        <v>1</v>
      </c>
      <c r="E82" s="21">
        <v>6</v>
      </c>
      <c r="F82" s="22">
        <v>3</v>
      </c>
      <c r="G82" s="23">
        <v>3</v>
      </c>
      <c r="H82" s="22">
        <v>83</v>
      </c>
      <c r="I82" s="22">
        <v>42</v>
      </c>
      <c r="J82" s="22">
        <v>41</v>
      </c>
      <c r="K82" s="21">
        <v>76</v>
      </c>
      <c r="L82" s="53">
        <v>39</v>
      </c>
      <c r="M82" s="54">
        <v>37</v>
      </c>
    </row>
    <row r="83" spans="1:13" ht="19.5" customHeight="1">
      <c r="A83" s="34" t="s">
        <v>86</v>
      </c>
      <c r="B83" s="17">
        <v>29</v>
      </c>
      <c r="C83" s="18">
        <v>7</v>
      </c>
      <c r="D83" s="18">
        <v>22</v>
      </c>
      <c r="E83" s="17">
        <v>31</v>
      </c>
      <c r="F83" s="18">
        <v>21</v>
      </c>
      <c r="G83" s="19">
        <v>10</v>
      </c>
      <c r="H83" s="18">
        <v>297</v>
      </c>
      <c r="I83" s="18">
        <v>158</v>
      </c>
      <c r="J83" s="18">
        <v>139</v>
      </c>
      <c r="K83" s="17">
        <v>237</v>
      </c>
      <c r="L83" s="51">
        <v>130</v>
      </c>
      <c r="M83" s="52">
        <v>107</v>
      </c>
    </row>
    <row r="84" spans="1:13">
      <c r="A84" s="40" t="s">
        <v>87</v>
      </c>
      <c r="B84" s="21">
        <v>27</v>
      </c>
      <c r="C84" s="22">
        <v>12</v>
      </c>
      <c r="D84" s="22">
        <v>15</v>
      </c>
      <c r="E84" s="21">
        <v>1</v>
      </c>
      <c r="F84" s="22">
        <v>1</v>
      </c>
      <c r="G84" s="23">
        <v>0</v>
      </c>
      <c r="H84" s="22">
        <v>76</v>
      </c>
      <c r="I84" s="22">
        <v>46</v>
      </c>
      <c r="J84" s="22">
        <v>30</v>
      </c>
      <c r="K84" s="21">
        <v>48</v>
      </c>
      <c r="L84" s="53">
        <v>33</v>
      </c>
      <c r="M84" s="54">
        <v>15</v>
      </c>
    </row>
    <row r="85" spans="1:13">
      <c r="A85" s="40" t="s">
        <v>88</v>
      </c>
      <c r="B85" s="21">
        <v>2</v>
      </c>
      <c r="C85" s="22">
        <v>6</v>
      </c>
      <c r="D85" s="22">
        <v>-4</v>
      </c>
      <c r="E85" s="21">
        <v>11</v>
      </c>
      <c r="F85" s="22">
        <v>4</v>
      </c>
      <c r="G85" s="23">
        <v>7</v>
      </c>
      <c r="H85" s="22">
        <v>64</v>
      </c>
      <c r="I85" s="22">
        <v>36</v>
      </c>
      <c r="J85" s="22">
        <v>28</v>
      </c>
      <c r="K85" s="21">
        <v>51</v>
      </c>
      <c r="L85" s="53">
        <v>26</v>
      </c>
      <c r="M85" s="54">
        <v>25</v>
      </c>
    </row>
    <row r="86" spans="1:13">
      <c r="A86" s="40" t="s">
        <v>89</v>
      </c>
      <c r="B86" s="21">
        <v>1</v>
      </c>
      <c r="C86" s="22">
        <v>-2</v>
      </c>
      <c r="D86" s="22">
        <v>3</v>
      </c>
      <c r="E86" s="21">
        <v>10</v>
      </c>
      <c r="F86" s="22">
        <v>8</v>
      </c>
      <c r="G86" s="23">
        <v>2</v>
      </c>
      <c r="H86" s="22">
        <v>55</v>
      </c>
      <c r="I86" s="22">
        <v>27</v>
      </c>
      <c r="J86" s="22">
        <v>28</v>
      </c>
      <c r="K86" s="21">
        <v>44</v>
      </c>
      <c r="L86" s="53">
        <v>21</v>
      </c>
      <c r="M86" s="54">
        <v>23</v>
      </c>
    </row>
    <row r="87" spans="1:13">
      <c r="A87" s="40" t="s">
        <v>90</v>
      </c>
      <c r="B87" s="21">
        <v>0</v>
      </c>
      <c r="C87" s="22">
        <v>-4</v>
      </c>
      <c r="D87" s="22">
        <v>4</v>
      </c>
      <c r="E87" s="21">
        <v>5</v>
      </c>
      <c r="F87" s="22">
        <v>5</v>
      </c>
      <c r="G87" s="23">
        <v>0</v>
      </c>
      <c r="H87" s="22">
        <v>56</v>
      </c>
      <c r="I87" s="22">
        <v>26</v>
      </c>
      <c r="J87" s="22">
        <v>30</v>
      </c>
      <c r="K87" s="21">
        <v>51</v>
      </c>
      <c r="L87" s="53">
        <v>25</v>
      </c>
      <c r="M87" s="54">
        <v>26</v>
      </c>
    </row>
    <row r="88" spans="1:13">
      <c r="A88" s="40" t="s">
        <v>91</v>
      </c>
      <c r="B88" s="21">
        <v>-1</v>
      </c>
      <c r="C88" s="22">
        <v>-5</v>
      </c>
      <c r="D88" s="22">
        <v>4</v>
      </c>
      <c r="E88" s="21">
        <v>4</v>
      </c>
      <c r="F88" s="22">
        <v>3</v>
      </c>
      <c r="G88" s="23">
        <v>1</v>
      </c>
      <c r="H88" s="22">
        <v>46</v>
      </c>
      <c r="I88" s="22">
        <v>23</v>
      </c>
      <c r="J88" s="22">
        <v>23</v>
      </c>
      <c r="K88" s="21">
        <v>43</v>
      </c>
      <c r="L88" s="53">
        <v>25</v>
      </c>
      <c r="M88" s="54">
        <v>18</v>
      </c>
    </row>
    <row r="89" spans="1:13" ht="19.5" customHeight="1">
      <c r="A89" s="34" t="s">
        <v>92</v>
      </c>
      <c r="B89" s="17">
        <v>23</v>
      </c>
      <c r="C89" s="18">
        <v>2</v>
      </c>
      <c r="D89" s="18">
        <v>21</v>
      </c>
      <c r="E89" s="17">
        <v>43</v>
      </c>
      <c r="F89" s="18">
        <v>27</v>
      </c>
      <c r="G89" s="19">
        <v>16</v>
      </c>
      <c r="H89" s="18">
        <v>233</v>
      </c>
      <c r="I89" s="18">
        <v>130</v>
      </c>
      <c r="J89" s="18">
        <v>103</v>
      </c>
      <c r="K89" s="17">
        <v>167</v>
      </c>
      <c r="L89" s="51">
        <v>101</v>
      </c>
      <c r="M89" s="52">
        <v>66</v>
      </c>
    </row>
    <row r="90" spans="1:13">
      <c r="A90" s="40" t="s">
        <v>93</v>
      </c>
      <c r="B90" s="21">
        <v>18</v>
      </c>
      <c r="C90" s="22">
        <v>5</v>
      </c>
      <c r="D90" s="22">
        <v>13</v>
      </c>
      <c r="E90" s="21">
        <v>4</v>
      </c>
      <c r="F90" s="22">
        <v>4</v>
      </c>
      <c r="G90" s="23">
        <v>0</v>
      </c>
      <c r="H90" s="22">
        <v>65</v>
      </c>
      <c r="I90" s="22">
        <v>38</v>
      </c>
      <c r="J90" s="22">
        <v>27</v>
      </c>
      <c r="K90" s="21">
        <v>43</v>
      </c>
      <c r="L90" s="53">
        <v>29</v>
      </c>
      <c r="M90" s="54">
        <v>14</v>
      </c>
    </row>
    <row r="91" spans="1:13">
      <c r="A91" s="40" t="s">
        <v>94</v>
      </c>
      <c r="B91" s="21">
        <v>14</v>
      </c>
      <c r="C91" s="22">
        <v>8</v>
      </c>
      <c r="D91" s="22">
        <v>6</v>
      </c>
      <c r="E91" s="21">
        <v>11</v>
      </c>
      <c r="F91" s="22">
        <v>6</v>
      </c>
      <c r="G91" s="23">
        <v>5</v>
      </c>
      <c r="H91" s="22">
        <v>62</v>
      </c>
      <c r="I91" s="22">
        <v>37</v>
      </c>
      <c r="J91" s="22">
        <v>25</v>
      </c>
      <c r="K91" s="21">
        <v>37</v>
      </c>
      <c r="L91" s="53">
        <v>23</v>
      </c>
      <c r="M91" s="54">
        <v>14</v>
      </c>
    </row>
    <row r="92" spans="1:13">
      <c r="A92" s="40" t="s">
        <v>95</v>
      </c>
      <c r="B92" s="21">
        <v>3</v>
      </c>
      <c r="C92" s="22">
        <v>3</v>
      </c>
      <c r="D92" s="22">
        <v>0</v>
      </c>
      <c r="E92" s="21">
        <v>12</v>
      </c>
      <c r="F92" s="22">
        <v>7</v>
      </c>
      <c r="G92" s="23">
        <v>5</v>
      </c>
      <c r="H92" s="22">
        <v>45</v>
      </c>
      <c r="I92" s="22">
        <v>28</v>
      </c>
      <c r="J92" s="22">
        <v>17</v>
      </c>
      <c r="K92" s="21">
        <v>30</v>
      </c>
      <c r="L92" s="53">
        <v>18</v>
      </c>
      <c r="M92" s="54">
        <v>12</v>
      </c>
    </row>
    <row r="93" spans="1:13">
      <c r="A93" s="40" t="s">
        <v>96</v>
      </c>
      <c r="B93" s="21">
        <v>-4</v>
      </c>
      <c r="C93" s="22">
        <v>-6</v>
      </c>
      <c r="D93" s="22">
        <v>2</v>
      </c>
      <c r="E93" s="21">
        <v>6</v>
      </c>
      <c r="F93" s="22">
        <v>5</v>
      </c>
      <c r="G93" s="23">
        <v>1</v>
      </c>
      <c r="H93" s="22">
        <v>27</v>
      </c>
      <c r="I93" s="22">
        <v>15</v>
      </c>
      <c r="J93" s="22">
        <v>12</v>
      </c>
      <c r="K93" s="21">
        <v>25</v>
      </c>
      <c r="L93" s="53">
        <v>16</v>
      </c>
      <c r="M93" s="54">
        <v>9</v>
      </c>
    </row>
    <row r="94" spans="1:13">
      <c r="A94" s="40" t="s">
        <v>97</v>
      </c>
      <c r="B94" s="21">
        <v>-8</v>
      </c>
      <c r="C94" s="22">
        <v>-8</v>
      </c>
      <c r="D94" s="22">
        <v>0</v>
      </c>
      <c r="E94" s="21">
        <v>10</v>
      </c>
      <c r="F94" s="22">
        <v>5</v>
      </c>
      <c r="G94" s="23">
        <v>5</v>
      </c>
      <c r="H94" s="22">
        <v>34</v>
      </c>
      <c r="I94" s="22">
        <v>12</v>
      </c>
      <c r="J94" s="22">
        <v>22</v>
      </c>
      <c r="K94" s="21">
        <v>32</v>
      </c>
      <c r="L94" s="53">
        <v>15</v>
      </c>
      <c r="M94" s="54">
        <v>17</v>
      </c>
    </row>
    <row r="95" spans="1:13" ht="19.5" customHeight="1">
      <c r="A95" s="34" t="s">
        <v>98</v>
      </c>
      <c r="B95" s="17">
        <v>-59</v>
      </c>
      <c r="C95" s="18">
        <v>-35</v>
      </c>
      <c r="D95" s="18">
        <v>-24</v>
      </c>
      <c r="E95" s="17">
        <v>72</v>
      </c>
      <c r="F95" s="18">
        <v>37</v>
      </c>
      <c r="G95" s="19">
        <v>35</v>
      </c>
      <c r="H95" s="18">
        <v>151</v>
      </c>
      <c r="I95" s="18">
        <v>71</v>
      </c>
      <c r="J95" s="18">
        <v>80</v>
      </c>
      <c r="K95" s="17">
        <v>138</v>
      </c>
      <c r="L95" s="51">
        <v>69</v>
      </c>
      <c r="M95" s="52">
        <v>69</v>
      </c>
    </row>
    <row r="96" spans="1:13">
      <c r="A96" s="40" t="s">
        <v>99</v>
      </c>
      <c r="B96" s="21">
        <v>0</v>
      </c>
      <c r="C96" s="22">
        <v>5</v>
      </c>
      <c r="D96" s="22">
        <v>-5</v>
      </c>
      <c r="E96" s="21">
        <v>9</v>
      </c>
      <c r="F96" s="22">
        <v>4</v>
      </c>
      <c r="G96" s="23">
        <v>5</v>
      </c>
      <c r="H96" s="22">
        <v>38</v>
      </c>
      <c r="I96" s="22">
        <v>23</v>
      </c>
      <c r="J96" s="22">
        <v>15</v>
      </c>
      <c r="K96" s="21">
        <v>29</v>
      </c>
      <c r="L96" s="53">
        <v>14</v>
      </c>
      <c r="M96" s="54">
        <v>15</v>
      </c>
    </row>
    <row r="97" spans="1:13">
      <c r="A97" s="40" t="s">
        <v>100</v>
      </c>
      <c r="B97" s="21">
        <v>-7</v>
      </c>
      <c r="C97" s="22">
        <v>-4</v>
      </c>
      <c r="D97" s="22">
        <v>-3</v>
      </c>
      <c r="E97" s="21">
        <v>13</v>
      </c>
      <c r="F97" s="22">
        <v>6</v>
      </c>
      <c r="G97" s="23">
        <v>7</v>
      </c>
      <c r="H97" s="22">
        <v>26</v>
      </c>
      <c r="I97" s="22">
        <v>12</v>
      </c>
      <c r="J97" s="22">
        <v>14</v>
      </c>
      <c r="K97" s="21">
        <v>20</v>
      </c>
      <c r="L97" s="53">
        <v>10</v>
      </c>
      <c r="M97" s="54">
        <v>10</v>
      </c>
    </row>
    <row r="98" spans="1:13">
      <c r="A98" s="40" t="s">
        <v>101</v>
      </c>
      <c r="B98" s="21">
        <v>-11</v>
      </c>
      <c r="C98" s="22">
        <v>-13</v>
      </c>
      <c r="D98" s="22">
        <v>2</v>
      </c>
      <c r="E98" s="21">
        <v>10</v>
      </c>
      <c r="F98" s="22">
        <v>7</v>
      </c>
      <c r="G98" s="23">
        <v>3</v>
      </c>
      <c r="H98" s="22">
        <v>22</v>
      </c>
      <c r="I98" s="22">
        <v>8</v>
      </c>
      <c r="J98" s="22">
        <v>14</v>
      </c>
      <c r="K98" s="21">
        <v>23</v>
      </c>
      <c r="L98" s="53">
        <v>14</v>
      </c>
      <c r="M98" s="54">
        <v>9</v>
      </c>
    </row>
    <row r="99" spans="1:13">
      <c r="A99" s="40" t="s">
        <v>102</v>
      </c>
      <c r="B99" s="21">
        <v>-27</v>
      </c>
      <c r="C99" s="22">
        <v>-17</v>
      </c>
      <c r="D99" s="22">
        <v>-10</v>
      </c>
      <c r="E99" s="21">
        <v>23</v>
      </c>
      <c r="F99" s="22">
        <v>12</v>
      </c>
      <c r="G99" s="23">
        <v>11</v>
      </c>
      <c r="H99" s="22">
        <v>26</v>
      </c>
      <c r="I99" s="22">
        <v>11</v>
      </c>
      <c r="J99" s="22">
        <v>15</v>
      </c>
      <c r="K99" s="21">
        <v>30</v>
      </c>
      <c r="L99" s="53">
        <v>16</v>
      </c>
      <c r="M99" s="54">
        <v>14</v>
      </c>
    </row>
    <row r="100" spans="1:13">
      <c r="A100" s="40" t="s">
        <v>103</v>
      </c>
      <c r="B100" s="21">
        <v>-14</v>
      </c>
      <c r="C100" s="22">
        <v>-6</v>
      </c>
      <c r="D100" s="22">
        <v>-8</v>
      </c>
      <c r="E100" s="21">
        <v>17</v>
      </c>
      <c r="F100" s="22">
        <v>8</v>
      </c>
      <c r="G100" s="23">
        <v>9</v>
      </c>
      <c r="H100" s="22">
        <v>39</v>
      </c>
      <c r="I100" s="22">
        <v>17</v>
      </c>
      <c r="J100" s="22">
        <v>22</v>
      </c>
      <c r="K100" s="21">
        <v>36</v>
      </c>
      <c r="L100" s="53">
        <v>15</v>
      </c>
      <c r="M100" s="54">
        <v>21</v>
      </c>
    </row>
    <row r="101" spans="1:13" ht="19.5" customHeight="1">
      <c r="A101" s="34" t="s">
        <v>104</v>
      </c>
      <c r="B101" s="17">
        <v>-150</v>
      </c>
      <c r="C101" s="18">
        <v>-68</v>
      </c>
      <c r="D101" s="18">
        <v>-82</v>
      </c>
      <c r="E101" s="17">
        <v>120</v>
      </c>
      <c r="F101" s="18">
        <v>74</v>
      </c>
      <c r="G101" s="19">
        <v>46</v>
      </c>
      <c r="H101" s="18">
        <v>125</v>
      </c>
      <c r="I101" s="18">
        <v>68</v>
      </c>
      <c r="J101" s="18">
        <v>57</v>
      </c>
      <c r="K101" s="17">
        <v>155</v>
      </c>
      <c r="L101" s="51">
        <v>62</v>
      </c>
      <c r="M101" s="52">
        <v>93</v>
      </c>
    </row>
    <row r="102" spans="1:13">
      <c r="A102" s="40" t="s">
        <v>105</v>
      </c>
      <c r="B102" s="21">
        <v>-30</v>
      </c>
      <c r="C102" s="22">
        <v>-14</v>
      </c>
      <c r="D102" s="22">
        <v>-16</v>
      </c>
      <c r="E102" s="21">
        <v>24</v>
      </c>
      <c r="F102" s="22">
        <v>16</v>
      </c>
      <c r="G102" s="23">
        <v>8</v>
      </c>
      <c r="H102" s="22">
        <v>31</v>
      </c>
      <c r="I102" s="22">
        <v>15</v>
      </c>
      <c r="J102" s="22">
        <v>16</v>
      </c>
      <c r="K102" s="21">
        <v>37</v>
      </c>
      <c r="L102" s="53">
        <v>13</v>
      </c>
      <c r="M102" s="54">
        <v>24</v>
      </c>
    </row>
    <row r="103" spans="1:13">
      <c r="A103" s="40" t="s">
        <v>106</v>
      </c>
      <c r="B103" s="21">
        <v>-38</v>
      </c>
      <c r="C103" s="22">
        <v>-20</v>
      </c>
      <c r="D103" s="22">
        <v>-18</v>
      </c>
      <c r="E103" s="21">
        <v>29</v>
      </c>
      <c r="F103" s="22">
        <v>18</v>
      </c>
      <c r="G103" s="23">
        <v>11</v>
      </c>
      <c r="H103" s="22">
        <v>29</v>
      </c>
      <c r="I103" s="22">
        <v>15</v>
      </c>
      <c r="J103" s="22">
        <v>14</v>
      </c>
      <c r="K103" s="21">
        <v>38</v>
      </c>
      <c r="L103" s="53">
        <v>17</v>
      </c>
      <c r="M103" s="54">
        <v>21</v>
      </c>
    </row>
    <row r="104" spans="1:13">
      <c r="A104" s="40" t="s">
        <v>107</v>
      </c>
      <c r="B104" s="21">
        <v>-32</v>
      </c>
      <c r="C104" s="22">
        <v>-7</v>
      </c>
      <c r="D104" s="22">
        <v>-25</v>
      </c>
      <c r="E104" s="21">
        <v>24</v>
      </c>
      <c r="F104" s="22">
        <v>11</v>
      </c>
      <c r="G104" s="23">
        <v>13</v>
      </c>
      <c r="H104" s="22">
        <v>26</v>
      </c>
      <c r="I104" s="22">
        <v>16</v>
      </c>
      <c r="J104" s="22">
        <v>10</v>
      </c>
      <c r="K104" s="21">
        <v>34</v>
      </c>
      <c r="L104" s="53">
        <v>12</v>
      </c>
      <c r="M104" s="54">
        <v>22</v>
      </c>
    </row>
    <row r="105" spans="1:13">
      <c r="A105" s="40" t="s">
        <v>108</v>
      </c>
      <c r="B105" s="21">
        <v>-29</v>
      </c>
      <c r="C105" s="22">
        <v>-14</v>
      </c>
      <c r="D105" s="22">
        <v>-15</v>
      </c>
      <c r="E105" s="21">
        <v>20</v>
      </c>
      <c r="F105" s="22">
        <v>12</v>
      </c>
      <c r="G105" s="23">
        <v>8</v>
      </c>
      <c r="H105" s="22">
        <v>14</v>
      </c>
      <c r="I105" s="22">
        <v>8</v>
      </c>
      <c r="J105" s="22">
        <v>6</v>
      </c>
      <c r="K105" s="21">
        <v>23</v>
      </c>
      <c r="L105" s="53">
        <v>10</v>
      </c>
      <c r="M105" s="54">
        <v>13</v>
      </c>
    </row>
    <row r="106" spans="1:13">
      <c r="A106" s="40" t="s">
        <v>109</v>
      </c>
      <c r="B106" s="21">
        <v>-21</v>
      </c>
      <c r="C106" s="22">
        <v>-13</v>
      </c>
      <c r="D106" s="22">
        <v>-8</v>
      </c>
      <c r="E106" s="21">
        <v>23</v>
      </c>
      <c r="F106" s="22">
        <v>17</v>
      </c>
      <c r="G106" s="23">
        <v>6</v>
      </c>
      <c r="H106" s="22">
        <v>25</v>
      </c>
      <c r="I106" s="22">
        <v>14</v>
      </c>
      <c r="J106" s="22">
        <v>11</v>
      </c>
      <c r="K106" s="21">
        <v>23</v>
      </c>
      <c r="L106" s="53">
        <v>10</v>
      </c>
      <c r="M106" s="54">
        <v>13</v>
      </c>
    </row>
    <row r="107" spans="1:13" ht="19.5" customHeight="1">
      <c r="A107" s="34" t="s">
        <v>110</v>
      </c>
      <c r="B107" s="17">
        <v>-258</v>
      </c>
      <c r="C107" s="18">
        <v>-146</v>
      </c>
      <c r="D107" s="18">
        <v>-112</v>
      </c>
      <c r="E107" s="17">
        <v>222</v>
      </c>
      <c r="F107" s="18">
        <v>129</v>
      </c>
      <c r="G107" s="19">
        <v>93</v>
      </c>
      <c r="H107" s="18">
        <v>95</v>
      </c>
      <c r="I107" s="18">
        <v>36</v>
      </c>
      <c r="J107" s="18">
        <v>59</v>
      </c>
      <c r="K107" s="17">
        <v>131</v>
      </c>
      <c r="L107" s="51">
        <v>53</v>
      </c>
      <c r="M107" s="52">
        <v>78</v>
      </c>
    </row>
    <row r="108" spans="1:13">
      <c r="A108" s="40" t="s">
        <v>111</v>
      </c>
      <c r="B108" s="21">
        <v>-50</v>
      </c>
      <c r="C108" s="22">
        <v>-31</v>
      </c>
      <c r="D108" s="22">
        <v>-19</v>
      </c>
      <c r="E108" s="21">
        <v>40</v>
      </c>
      <c r="F108" s="22">
        <v>30</v>
      </c>
      <c r="G108" s="23">
        <v>10</v>
      </c>
      <c r="H108" s="22">
        <v>16</v>
      </c>
      <c r="I108" s="22">
        <v>7</v>
      </c>
      <c r="J108" s="22">
        <v>9</v>
      </c>
      <c r="K108" s="21">
        <v>26</v>
      </c>
      <c r="L108" s="53">
        <v>8</v>
      </c>
      <c r="M108" s="54">
        <v>18</v>
      </c>
    </row>
    <row r="109" spans="1:13">
      <c r="A109" s="40" t="s">
        <v>112</v>
      </c>
      <c r="B109" s="21">
        <v>-43</v>
      </c>
      <c r="C109" s="22">
        <v>-26</v>
      </c>
      <c r="D109" s="22">
        <v>-17</v>
      </c>
      <c r="E109" s="21">
        <v>40</v>
      </c>
      <c r="F109" s="22">
        <v>25</v>
      </c>
      <c r="G109" s="23">
        <v>15</v>
      </c>
      <c r="H109" s="22">
        <v>26</v>
      </c>
      <c r="I109" s="22">
        <v>10</v>
      </c>
      <c r="J109" s="22">
        <v>16</v>
      </c>
      <c r="K109" s="21">
        <v>29</v>
      </c>
      <c r="L109" s="53">
        <v>11</v>
      </c>
      <c r="M109" s="54">
        <v>18</v>
      </c>
    </row>
    <row r="110" spans="1:13">
      <c r="A110" s="40" t="s">
        <v>113</v>
      </c>
      <c r="B110" s="21">
        <v>-55</v>
      </c>
      <c r="C110" s="22">
        <v>-28</v>
      </c>
      <c r="D110" s="22">
        <v>-27</v>
      </c>
      <c r="E110" s="21">
        <v>43</v>
      </c>
      <c r="F110" s="22">
        <v>21</v>
      </c>
      <c r="G110" s="23">
        <v>22</v>
      </c>
      <c r="H110" s="22">
        <v>16</v>
      </c>
      <c r="I110" s="22">
        <v>7</v>
      </c>
      <c r="J110" s="22">
        <v>9</v>
      </c>
      <c r="K110" s="21">
        <v>28</v>
      </c>
      <c r="L110" s="53">
        <v>14</v>
      </c>
      <c r="M110" s="54">
        <v>14</v>
      </c>
    </row>
    <row r="111" spans="1:13">
      <c r="A111" s="40" t="s">
        <v>114</v>
      </c>
      <c r="B111" s="21">
        <v>-62</v>
      </c>
      <c r="C111" s="22">
        <v>-33</v>
      </c>
      <c r="D111" s="22">
        <v>-29</v>
      </c>
      <c r="E111" s="21">
        <v>54</v>
      </c>
      <c r="F111" s="22">
        <v>28</v>
      </c>
      <c r="G111" s="23">
        <v>26</v>
      </c>
      <c r="H111" s="22">
        <v>16</v>
      </c>
      <c r="I111" s="22">
        <v>8</v>
      </c>
      <c r="J111" s="22">
        <v>8</v>
      </c>
      <c r="K111" s="21">
        <v>24</v>
      </c>
      <c r="L111" s="53">
        <v>13</v>
      </c>
      <c r="M111" s="54">
        <v>11</v>
      </c>
    </row>
    <row r="112" spans="1:13">
      <c r="A112" s="40" t="s">
        <v>115</v>
      </c>
      <c r="B112" s="21">
        <v>-48</v>
      </c>
      <c r="C112" s="22">
        <v>-28</v>
      </c>
      <c r="D112" s="22">
        <v>-20</v>
      </c>
      <c r="E112" s="21">
        <v>45</v>
      </c>
      <c r="F112" s="22">
        <v>25</v>
      </c>
      <c r="G112" s="23">
        <v>20</v>
      </c>
      <c r="H112" s="22">
        <v>21</v>
      </c>
      <c r="I112" s="22">
        <v>4</v>
      </c>
      <c r="J112" s="22">
        <v>17</v>
      </c>
      <c r="K112" s="21">
        <v>24</v>
      </c>
      <c r="L112" s="53">
        <v>7</v>
      </c>
      <c r="M112" s="54">
        <v>17</v>
      </c>
    </row>
    <row r="113" spans="1:13" ht="19.5" customHeight="1">
      <c r="A113" s="34" t="s">
        <v>116</v>
      </c>
      <c r="B113" s="17">
        <v>-324</v>
      </c>
      <c r="C113" s="18">
        <v>-188</v>
      </c>
      <c r="D113" s="18">
        <v>-136</v>
      </c>
      <c r="E113" s="17">
        <v>314</v>
      </c>
      <c r="F113" s="18">
        <v>181</v>
      </c>
      <c r="G113" s="19">
        <v>133</v>
      </c>
      <c r="H113" s="18">
        <v>103</v>
      </c>
      <c r="I113" s="18">
        <v>28</v>
      </c>
      <c r="J113" s="18">
        <v>75</v>
      </c>
      <c r="K113" s="17">
        <v>113</v>
      </c>
      <c r="L113" s="51">
        <v>35</v>
      </c>
      <c r="M113" s="52">
        <v>78</v>
      </c>
    </row>
    <row r="114" spans="1:13">
      <c r="A114" s="40" t="s">
        <v>117</v>
      </c>
      <c r="B114" s="21">
        <v>-45</v>
      </c>
      <c r="C114" s="22">
        <v>-36</v>
      </c>
      <c r="D114" s="22">
        <v>-9</v>
      </c>
      <c r="E114" s="21">
        <v>48</v>
      </c>
      <c r="F114" s="22">
        <v>36</v>
      </c>
      <c r="G114" s="23">
        <v>12</v>
      </c>
      <c r="H114" s="22">
        <v>23</v>
      </c>
      <c r="I114" s="22">
        <v>9</v>
      </c>
      <c r="J114" s="22">
        <v>14</v>
      </c>
      <c r="K114" s="21">
        <v>20</v>
      </c>
      <c r="L114" s="53">
        <v>9</v>
      </c>
      <c r="M114" s="54">
        <v>11</v>
      </c>
    </row>
    <row r="115" spans="1:13">
      <c r="A115" s="40" t="s">
        <v>118</v>
      </c>
      <c r="B115" s="21">
        <v>-62</v>
      </c>
      <c r="C115" s="22">
        <v>-41</v>
      </c>
      <c r="D115" s="22">
        <v>-21</v>
      </c>
      <c r="E115" s="21">
        <v>60</v>
      </c>
      <c r="F115" s="22">
        <v>41</v>
      </c>
      <c r="G115" s="23">
        <v>19</v>
      </c>
      <c r="H115" s="22">
        <v>20</v>
      </c>
      <c r="I115" s="22">
        <v>6</v>
      </c>
      <c r="J115" s="22">
        <v>14</v>
      </c>
      <c r="K115" s="21">
        <v>22</v>
      </c>
      <c r="L115" s="53">
        <v>6</v>
      </c>
      <c r="M115" s="54">
        <v>16</v>
      </c>
    </row>
    <row r="116" spans="1:13">
      <c r="A116" s="40" t="s">
        <v>119</v>
      </c>
      <c r="B116" s="21">
        <v>-50</v>
      </c>
      <c r="C116" s="22">
        <v>-23</v>
      </c>
      <c r="D116" s="22">
        <v>-27</v>
      </c>
      <c r="E116" s="21">
        <v>54</v>
      </c>
      <c r="F116" s="22">
        <v>23</v>
      </c>
      <c r="G116" s="23">
        <v>31</v>
      </c>
      <c r="H116" s="22">
        <v>28</v>
      </c>
      <c r="I116" s="22">
        <v>6</v>
      </c>
      <c r="J116" s="22">
        <v>22</v>
      </c>
      <c r="K116" s="21">
        <v>24</v>
      </c>
      <c r="L116" s="53">
        <v>6</v>
      </c>
      <c r="M116" s="54">
        <v>18</v>
      </c>
    </row>
    <row r="117" spans="1:13">
      <c r="A117" s="40" t="s">
        <v>120</v>
      </c>
      <c r="B117" s="21">
        <v>-89</v>
      </c>
      <c r="C117" s="22">
        <v>-51</v>
      </c>
      <c r="D117" s="22">
        <v>-38</v>
      </c>
      <c r="E117" s="21">
        <v>78</v>
      </c>
      <c r="F117" s="22">
        <v>44</v>
      </c>
      <c r="G117" s="23">
        <v>34</v>
      </c>
      <c r="H117" s="22">
        <v>14</v>
      </c>
      <c r="I117" s="22">
        <v>2</v>
      </c>
      <c r="J117" s="22">
        <v>12</v>
      </c>
      <c r="K117" s="21">
        <v>25</v>
      </c>
      <c r="L117" s="53">
        <v>9</v>
      </c>
      <c r="M117" s="54">
        <v>16</v>
      </c>
    </row>
    <row r="118" spans="1:13">
      <c r="A118" s="40" t="s">
        <v>121</v>
      </c>
      <c r="B118" s="21">
        <v>-78</v>
      </c>
      <c r="C118" s="22">
        <v>-37</v>
      </c>
      <c r="D118" s="22">
        <v>-41</v>
      </c>
      <c r="E118" s="21">
        <v>74</v>
      </c>
      <c r="F118" s="22">
        <v>37</v>
      </c>
      <c r="G118" s="23">
        <v>37</v>
      </c>
      <c r="H118" s="22">
        <v>18</v>
      </c>
      <c r="I118" s="22">
        <v>5</v>
      </c>
      <c r="J118" s="22">
        <v>13</v>
      </c>
      <c r="K118" s="21">
        <v>22</v>
      </c>
      <c r="L118" s="53">
        <v>5</v>
      </c>
      <c r="M118" s="54">
        <v>17</v>
      </c>
    </row>
    <row r="119" spans="1:13" ht="19.5" customHeight="1">
      <c r="A119" s="34" t="s">
        <v>122</v>
      </c>
      <c r="B119" s="17">
        <v>-405</v>
      </c>
      <c r="C119" s="18">
        <v>-214</v>
      </c>
      <c r="D119" s="18">
        <v>-191</v>
      </c>
      <c r="E119" s="17">
        <v>425</v>
      </c>
      <c r="F119" s="18">
        <v>217</v>
      </c>
      <c r="G119" s="19">
        <v>208</v>
      </c>
      <c r="H119" s="18">
        <v>99</v>
      </c>
      <c r="I119" s="18">
        <v>30</v>
      </c>
      <c r="J119" s="18">
        <v>69</v>
      </c>
      <c r="K119" s="17">
        <v>79</v>
      </c>
      <c r="L119" s="51">
        <v>27</v>
      </c>
      <c r="M119" s="52">
        <v>52</v>
      </c>
    </row>
    <row r="120" spans="1:13">
      <c r="A120" s="40" t="s">
        <v>123</v>
      </c>
      <c r="B120" s="21">
        <v>-53</v>
      </c>
      <c r="C120" s="22">
        <v>-34</v>
      </c>
      <c r="D120" s="22">
        <v>-19</v>
      </c>
      <c r="E120" s="21">
        <v>63</v>
      </c>
      <c r="F120" s="22">
        <v>35</v>
      </c>
      <c r="G120" s="23">
        <v>28</v>
      </c>
      <c r="H120" s="22">
        <v>30</v>
      </c>
      <c r="I120" s="22">
        <v>9</v>
      </c>
      <c r="J120" s="22">
        <v>21</v>
      </c>
      <c r="K120" s="21">
        <v>20</v>
      </c>
      <c r="L120" s="53">
        <v>8</v>
      </c>
      <c r="M120" s="54">
        <v>12</v>
      </c>
    </row>
    <row r="121" spans="1:13">
      <c r="A121" s="40" t="s">
        <v>124</v>
      </c>
      <c r="B121" s="21">
        <v>-105</v>
      </c>
      <c r="C121" s="22">
        <v>-59</v>
      </c>
      <c r="D121" s="22">
        <v>-46</v>
      </c>
      <c r="E121" s="21">
        <v>107</v>
      </c>
      <c r="F121" s="22">
        <v>56</v>
      </c>
      <c r="G121" s="23">
        <v>51</v>
      </c>
      <c r="H121" s="22">
        <v>19</v>
      </c>
      <c r="I121" s="22">
        <v>4</v>
      </c>
      <c r="J121" s="22">
        <v>15</v>
      </c>
      <c r="K121" s="21">
        <v>17</v>
      </c>
      <c r="L121" s="53">
        <v>7</v>
      </c>
      <c r="M121" s="54">
        <v>10</v>
      </c>
    </row>
    <row r="122" spans="1:13">
      <c r="A122" s="40" t="s">
        <v>125</v>
      </c>
      <c r="B122" s="21">
        <v>-93</v>
      </c>
      <c r="C122" s="22">
        <v>-47</v>
      </c>
      <c r="D122" s="22">
        <v>-46</v>
      </c>
      <c r="E122" s="21">
        <v>93</v>
      </c>
      <c r="F122" s="22">
        <v>49</v>
      </c>
      <c r="G122" s="23">
        <v>44</v>
      </c>
      <c r="H122" s="22">
        <v>17</v>
      </c>
      <c r="I122" s="22">
        <v>5</v>
      </c>
      <c r="J122" s="22">
        <v>12</v>
      </c>
      <c r="K122" s="21">
        <v>17</v>
      </c>
      <c r="L122" s="53">
        <v>3</v>
      </c>
      <c r="M122" s="54">
        <v>14</v>
      </c>
    </row>
    <row r="123" spans="1:13">
      <c r="A123" s="40" t="s">
        <v>126</v>
      </c>
      <c r="B123" s="21">
        <v>-92</v>
      </c>
      <c r="C123" s="22">
        <v>-43</v>
      </c>
      <c r="D123" s="22">
        <v>-49</v>
      </c>
      <c r="E123" s="21">
        <v>92</v>
      </c>
      <c r="F123" s="22">
        <v>45</v>
      </c>
      <c r="G123" s="23">
        <v>47</v>
      </c>
      <c r="H123" s="22">
        <v>15</v>
      </c>
      <c r="I123" s="22">
        <v>6</v>
      </c>
      <c r="J123" s="22">
        <v>9</v>
      </c>
      <c r="K123" s="21">
        <v>15</v>
      </c>
      <c r="L123" s="53">
        <v>4</v>
      </c>
      <c r="M123" s="54">
        <v>11</v>
      </c>
    </row>
    <row r="124" spans="1:13">
      <c r="A124" s="40" t="s">
        <v>127</v>
      </c>
      <c r="B124" s="21">
        <v>-62</v>
      </c>
      <c r="C124" s="22">
        <v>-31</v>
      </c>
      <c r="D124" s="22">
        <v>-31</v>
      </c>
      <c r="E124" s="21">
        <v>70</v>
      </c>
      <c r="F124" s="22">
        <v>32</v>
      </c>
      <c r="G124" s="23">
        <v>38</v>
      </c>
      <c r="H124" s="22">
        <v>18</v>
      </c>
      <c r="I124" s="22">
        <v>6</v>
      </c>
      <c r="J124" s="22">
        <v>12</v>
      </c>
      <c r="K124" s="21">
        <v>10</v>
      </c>
      <c r="L124" s="53">
        <v>5</v>
      </c>
      <c r="M124" s="54">
        <v>5</v>
      </c>
    </row>
    <row r="125" spans="1:13" ht="19.5" customHeight="1">
      <c r="A125" s="34" t="s">
        <v>128</v>
      </c>
      <c r="B125" s="17">
        <v>-436</v>
      </c>
      <c r="C125" s="18">
        <v>-184</v>
      </c>
      <c r="D125" s="18">
        <v>-252</v>
      </c>
      <c r="E125" s="17">
        <v>438</v>
      </c>
      <c r="F125" s="18">
        <v>173</v>
      </c>
      <c r="G125" s="19">
        <v>265</v>
      </c>
      <c r="H125" s="18">
        <v>50</v>
      </c>
      <c r="I125" s="18">
        <v>8</v>
      </c>
      <c r="J125" s="18">
        <v>42</v>
      </c>
      <c r="K125" s="17">
        <v>48</v>
      </c>
      <c r="L125" s="51">
        <v>19</v>
      </c>
      <c r="M125" s="52">
        <v>29</v>
      </c>
    </row>
    <row r="126" spans="1:13">
      <c r="A126" s="40" t="s">
        <v>129</v>
      </c>
      <c r="B126" s="21">
        <v>-107</v>
      </c>
      <c r="C126" s="22">
        <v>-53</v>
      </c>
      <c r="D126" s="22">
        <v>-54</v>
      </c>
      <c r="E126" s="21">
        <v>104</v>
      </c>
      <c r="F126" s="22">
        <v>45</v>
      </c>
      <c r="G126" s="23">
        <v>59</v>
      </c>
      <c r="H126" s="22">
        <v>14</v>
      </c>
      <c r="I126" s="22">
        <v>1</v>
      </c>
      <c r="J126" s="22">
        <v>13</v>
      </c>
      <c r="K126" s="21">
        <v>17</v>
      </c>
      <c r="L126" s="53">
        <v>9</v>
      </c>
      <c r="M126" s="54">
        <v>8</v>
      </c>
    </row>
    <row r="127" spans="1:13">
      <c r="A127" s="40" t="s">
        <v>130</v>
      </c>
      <c r="B127" s="21">
        <v>-80</v>
      </c>
      <c r="C127" s="22">
        <v>-39</v>
      </c>
      <c r="D127" s="22">
        <v>-41</v>
      </c>
      <c r="E127" s="21">
        <v>90</v>
      </c>
      <c r="F127" s="22">
        <v>41</v>
      </c>
      <c r="G127" s="23">
        <v>49</v>
      </c>
      <c r="H127" s="22">
        <v>13</v>
      </c>
      <c r="I127" s="22">
        <v>4</v>
      </c>
      <c r="J127" s="22">
        <v>9</v>
      </c>
      <c r="K127" s="21">
        <v>3</v>
      </c>
      <c r="L127" s="53">
        <v>2</v>
      </c>
      <c r="M127" s="54">
        <v>1</v>
      </c>
    </row>
    <row r="128" spans="1:13">
      <c r="A128" s="40" t="s">
        <v>131</v>
      </c>
      <c r="B128" s="21">
        <v>-85</v>
      </c>
      <c r="C128" s="22">
        <v>-39</v>
      </c>
      <c r="D128" s="22">
        <v>-46</v>
      </c>
      <c r="E128" s="21">
        <v>82</v>
      </c>
      <c r="F128" s="22">
        <v>34</v>
      </c>
      <c r="G128" s="23">
        <v>48</v>
      </c>
      <c r="H128" s="22">
        <v>11</v>
      </c>
      <c r="I128" s="22">
        <v>1</v>
      </c>
      <c r="J128" s="22">
        <v>10</v>
      </c>
      <c r="K128" s="21">
        <v>14</v>
      </c>
      <c r="L128" s="53">
        <v>6</v>
      </c>
      <c r="M128" s="54">
        <v>8</v>
      </c>
    </row>
    <row r="129" spans="1:13">
      <c r="A129" s="40" t="s">
        <v>132</v>
      </c>
      <c r="B129" s="21">
        <v>-77</v>
      </c>
      <c r="C129" s="22">
        <v>-28</v>
      </c>
      <c r="D129" s="22">
        <v>-49</v>
      </c>
      <c r="E129" s="21">
        <v>81</v>
      </c>
      <c r="F129" s="22">
        <v>27</v>
      </c>
      <c r="G129" s="23">
        <v>54</v>
      </c>
      <c r="H129" s="22">
        <v>6</v>
      </c>
      <c r="I129" s="22">
        <v>0</v>
      </c>
      <c r="J129" s="22">
        <v>6</v>
      </c>
      <c r="K129" s="21">
        <v>2</v>
      </c>
      <c r="L129" s="53">
        <v>1</v>
      </c>
      <c r="M129" s="54">
        <v>1</v>
      </c>
    </row>
    <row r="130" spans="1:13">
      <c r="A130" s="40" t="s">
        <v>133</v>
      </c>
      <c r="B130" s="21">
        <v>-87</v>
      </c>
      <c r="C130" s="22">
        <v>-25</v>
      </c>
      <c r="D130" s="22">
        <v>-62</v>
      </c>
      <c r="E130" s="21">
        <v>81</v>
      </c>
      <c r="F130" s="22">
        <v>26</v>
      </c>
      <c r="G130" s="23">
        <v>55</v>
      </c>
      <c r="H130" s="22">
        <v>6</v>
      </c>
      <c r="I130" s="22">
        <v>2</v>
      </c>
      <c r="J130" s="22">
        <v>4</v>
      </c>
      <c r="K130" s="21">
        <v>12</v>
      </c>
      <c r="L130" s="53">
        <v>1</v>
      </c>
      <c r="M130" s="54">
        <v>11</v>
      </c>
    </row>
    <row r="131" spans="1:13" ht="19.5" customHeight="1">
      <c r="A131" s="34" t="s">
        <v>134</v>
      </c>
      <c r="B131" s="17">
        <v>-194</v>
      </c>
      <c r="C131" s="18">
        <v>-65</v>
      </c>
      <c r="D131" s="18">
        <v>-129</v>
      </c>
      <c r="E131" s="17">
        <v>193</v>
      </c>
      <c r="F131" s="18">
        <v>62</v>
      </c>
      <c r="G131" s="19">
        <v>131</v>
      </c>
      <c r="H131" s="18">
        <v>11</v>
      </c>
      <c r="I131" s="18">
        <v>0</v>
      </c>
      <c r="J131" s="18">
        <v>11</v>
      </c>
      <c r="K131" s="17">
        <v>12</v>
      </c>
      <c r="L131" s="51">
        <v>3</v>
      </c>
      <c r="M131" s="52">
        <v>9</v>
      </c>
    </row>
    <row r="132" spans="1:13">
      <c r="A132" s="40" t="s">
        <v>135</v>
      </c>
      <c r="B132" s="21">
        <v>-67</v>
      </c>
      <c r="C132" s="22">
        <v>-21</v>
      </c>
      <c r="D132" s="22">
        <v>-46</v>
      </c>
      <c r="E132" s="21">
        <v>66</v>
      </c>
      <c r="F132" s="22">
        <v>19</v>
      </c>
      <c r="G132" s="23">
        <v>47</v>
      </c>
      <c r="H132" s="22">
        <v>6</v>
      </c>
      <c r="I132" s="22">
        <v>0</v>
      </c>
      <c r="J132" s="22">
        <v>6</v>
      </c>
      <c r="K132" s="21">
        <v>7</v>
      </c>
      <c r="L132" s="53">
        <v>2</v>
      </c>
      <c r="M132" s="54">
        <v>5</v>
      </c>
    </row>
    <row r="133" spans="1:13">
      <c r="A133" s="40" t="s">
        <v>136</v>
      </c>
      <c r="B133" s="21">
        <v>-54</v>
      </c>
      <c r="C133" s="22">
        <v>-21</v>
      </c>
      <c r="D133" s="22">
        <v>-33</v>
      </c>
      <c r="E133" s="21">
        <v>53</v>
      </c>
      <c r="F133" s="22">
        <v>21</v>
      </c>
      <c r="G133" s="23">
        <v>32</v>
      </c>
      <c r="H133" s="22">
        <v>0</v>
      </c>
      <c r="I133" s="22">
        <v>0</v>
      </c>
      <c r="J133" s="22">
        <v>0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35</v>
      </c>
      <c r="C134" s="22">
        <v>-12</v>
      </c>
      <c r="D134" s="22">
        <v>-23</v>
      </c>
      <c r="E134" s="21">
        <v>36</v>
      </c>
      <c r="F134" s="22">
        <v>12</v>
      </c>
      <c r="G134" s="23">
        <v>24</v>
      </c>
      <c r="H134" s="22">
        <v>1</v>
      </c>
      <c r="I134" s="22">
        <v>0</v>
      </c>
      <c r="J134" s="22">
        <v>1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21</v>
      </c>
      <c r="C135" s="22">
        <v>-6</v>
      </c>
      <c r="D135" s="22">
        <v>-15</v>
      </c>
      <c r="E135" s="21">
        <v>22</v>
      </c>
      <c r="F135" s="22">
        <v>6</v>
      </c>
      <c r="G135" s="23">
        <v>16</v>
      </c>
      <c r="H135" s="22">
        <v>3</v>
      </c>
      <c r="I135" s="22">
        <v>0</v>
      </c>
      <c r="J135" s="22">
        <v>3</v>
      </c>
      <c r="K135" s="21">
        <v>2</v>
      </c>
      <c r="L135" s="53">
        <v>0</v>
      </c>
      <c r="M135" s="54">
        <v>2</v>
      </c>
    </row>
    <row r="136" spans="1:13">
      <c r="A136" s="40" t="s">
        <v>139</v>
      </c>
      <c r="B136" s="21">
        <v>-17</v>
      </c>
      <c r="C136" s="22">
        <v>-5</v>
      </c>
      <c r="D136" s="22">
        <v>-12</v>
      </c>
      <c r="E136" s="21">
        <v>16</v>
      </c>
      <c r="F136" s="22">
        <v>4</v>
      </c>
      <c r="G136" s="23">
        <v>12</v>
      </c>
      <c r="H136" s="22">
        <v>1</v>
      </c>
      <c r="I136" s="22">
        <v>0</v>
      </c>
      <c r="J136" s="22">
        <v>1</v>
      </c>
      <c r="K136" s="21">
        <v>2</v>
      </c>
      <c r="L136" s="53">
        <v>1</v>
      </c>
      <c r="M136" s="54">
        <v>1</v>
      </c>
    </row>
    <row r="137" spans="1:13" ht="19.5" customHeight="1">
      <c r="A137" s="41" t="s">
        <v>140</v>
      </c>
      <c r="B137" s="42">
        <v>-57</v>
      </c>
      <c r="C137" s="43">
        <v>-11</v>
      </c>
      <c r="D137" s="43">
        <v>-46</v>
      </c>
      <c r="E137" s="42">
        <v>59</v>
      </c>
      <c r="F137" s="43">
        <v>12</v>
      </c>
      <c r="G137" s="44">
        <v>47</v>
      </c>
      <c r="H137" s="43">
        <v>3</v>
      </c>
      <c r="I137" s="43">
        <v>1</v>
      </c>
      <c r="J137" s="43">
        <v>2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8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48</v>
      </c>
      <c r="C5" s="14">
        <v>-50</v>
      </c>
      <c r="D5" s="14">
        <v>2</v>
      </c>
      <c r="E5" s="13">
        <v>671</v>
      </c>
      <c r="F5" s="14">
        <v>338</v>
      </c>
      <c r="G5" s="15">
        <v>333</v>
      </c>
      <c r="H5" s="14">
        <v>2562</v>
      </c>
      <c r="I5" s="14">
        <v>1227</v>
      </c>
      <c r="J5" s="14">
        <v>1335</v>
      </c>
      <c r="K5" s="13">
        <v>2285</v>
      </c>
      <c r="L5" s="49">
        <v>1102</v>
      </c>
      <c r="M5" s="50">
        <v>1183</v>
      </c>
    </row>
    <row r="6" spans="1:13" ht="19.5" customHeight="1">
      <c r="A6" s="16" t="s">
        <v>13</v>
      </c>
      <c r="B6" s="17">
        <v>406</v>
      </c>
      <c r="C6" s="18">
        <v>210</v>
      </c>
      <c r="D6" s="18">
        <v>196</v>
      </c>
      <c r="E6" s="17">
        <v>0</v>
      </c>
      <c r="F6" s="18">
        <v>0</v>
      </c>
      <c r="G6" s="19">
        <v>0</v>
      </c>
      <c r="H6" s="18">
        <v>190</v>
      </c>
      <c r="I6" s="18">
        <v>99</v>
      </c>
      <c r="J6" s="18">
        <v>91</v>
      </c>
      <c r="K6" s="17">
        <v>130</v>
      </c>
      <c r="L6" s="51">
        <v>52</v>
      </c>
      <c r="M6" s="52">
        <v>78</v>
      </c>
    </row>
    <row r="7" spans="1:13">
      <c r="A7" s="20" t="s">
        <v>14</v>
      </c>
      <c r="B7" s="21">
        <v>357</v>
      </c>
      <c r="C7" s="22">
        <v>173</v>
      </c>
      <c r="D7" s="22">
        <v>184</v>
      </c>
      <c r="E7" s="21">
        <v>0</v>
      </c>
      <c r="F7" s="22">
        <v>0</v>
      </c>
      <c r="G7" s="23">
        <v>0</v>
      </c>
      <c r="H7" s="22">
        <v>31</v>
      </c>
      <c r="I7" s="22">
        <v>17</v>
      </c>
      <c r="J7" s="22">
        <v>14</v>
      </c>
      <c r="K7" s="21">
        <v>20</v>
      </c>
      <c r="L7" s="53">
        <v>7</v>
      </c>
      <c r="M7" s="54">
        <v>13</v>
      </c>
    </row>
    <row r="8" spans="1:13">
      <c r="A8" s="20" t="s">
        <v>15</v>
      </c>
      <c r="B8" s="21">
        <v>29</v>
      </c>
      <c r="C8" s="22">
        <v>16</v>
      </c>
      <c r="D8" s="22">
        <v>13</v>
      </c>
      <c r="E8" s="21">
        <v>0</v>
      </c>
      <c r="F8" s="22">
        <v>0</v>
      </c>
      <c r="G8" s="23">
        <v>0</v>
      </c>
      <c r="H8" s="22">
        <v>51</v>
      </c>
      <c r="I8" s="22">
        <v>26</v>
      </c>
      <c r="J8" s="22">
        <v>25</v>
      </c>
      <c r="K8" s="21">
        <v>22</v>
      </c>
      <c r="L8" s="53">
        <v>10</v>
      </c>
      <c r="M8" s="54">
        <v>12</v>
      </c>
    </row>
    <row r="9" spans="1:13">
      <c r="A9" s="20" t="s">
        <v>16</v>
      </c>
      <c r="B9" s="21">
        <v>-8</v>
      </c>
      <c r="C9" s="22">
        <v>0</v>
      </c>
      <c r="D9" s="22">
        <v>-8</v>
      </c>
      <c r="E9" s="21">
        <v>0</v>
      </c>
      <c r="F9" s="22">
        <v>0</v>
      </c>
      <c r="G9" s="23">
        <v>0</v>
      </c>
      <c r="H9" s="22">
        <v>25</v>
      </c>
      <c r="I9" s="22">
        <v>11</v>
      </c>
      <c r="J9" s="22">
        <v>14</v>
      </c>
      <c r="K9" s="21">
        <v>33</v>
      </c>
      <c r="L9" s="53">
        <v>11</v>
      </c>
      <c r="M9" s="54">
        <v>22</v>
      </c>
    </row>
    <row r="10" spans="1:13">
      <c r="A10" s="20" t="s">
        <v>17</v>
      </c>
      <c r="B10" s="21">
        <v>4</v>
      </c>
      <c r="C10" s="22">
        <v>5</v>
      </c>
      <c r="D10" s="22">
        <v>-1</v>
      </c>
      <c r="E10" s="21">
        <v>0</v>
      </c>
      <c r="F10" s="22">
        <v>0</v>
      </c>
      <c r="G10" s="23">
        <v>0</v>
      </c>
      <c r="H10" s="22">
        <v>32</v>
      </c>
      <c r="I10" s="22">
        <v>17</v>
      </c>
      <c r="J10" s="22">
        <v>15</v>
      </c>
      <c r="K10" s="21">
        <v>28</v>
      </c>
      <c r="L10" s="53">
        <v>12</v>
      </c>
      <c r="M10" s="54">
        <v>16</v>
      </c>
    </row>
    <row r="11" spans="1:13">
      <c r="A11" s="20" t="s">
        <v>18</v>
      </c>
      <c r="B11" s="21">
        <v>24</v>
      </c>
      <c r="C11" s="22">
        <v>16</v>
      </c>
      <c r="D11" s="22">
        <v>8</v>
      </c>
      <c r="E11" s="21">
        <v>0</v>
      </c>
      <c r="F11" s="22">
        <v>0</v>
      </c>
      <c r="G11" s="23">
        <v>0</v>
      </c>
      <c r="H11" s="22">
        <v>51</v>
      </c>
      <c r="I11" s="22">
        <v>28</v>
      </c>
      <c r="J11" s="22">
        <v>23</v>
      </c>
      <c r="K11" s="21">
        <v>27</v>
      </c>
      <c r="L11" s="53">
        <v>12</v>
      </c>
      <c r="M11" s="54">
        <v>15</v>
      </c>
    </row>
    <row r="12" spans="1:13" ht="20.100000000000001" customHeight="1">
      <c r="A12" s="16" t="s">
        <v>19</v>
      </c>
      <c r="B12" s="17">
        <v>29</v>
      </c>
      <c r="C12" s="18">
        <v>20</v>
      </c>
      <c r="D12" s="18">
        <v>9</v>
      </c>
      <c r="E12" s="17">
        <v>1</v>
      </c>
      <c r="F12" s="18">
        <v>0</v>
      </c>
      <c r="G12" s="19">
        <v>1</v>
      </c>
      <c r="H12" s="18">
        <v>128</v>
      </c>
      <c r="I12" s="18">
        <v>71</v>
      </c>
      <c r="J12" s="18">
        <v>57</v>
      </c>
      <c r="K12" s="17">
        <v>98</v>
      </c>
      <c r="L12" s="51">
        <v>51</v>
      </c>
      <c r="M12" s="52">
        <v>47</v>
      </c>
    </row>
    <row r="13" spans="1:13">
      <c r="A13" s="20" t="s">
        <v>20</v>
      </c>
      <c r="B13" s="21">
        <v>2</v>
      </c>
      <c r="C13" s="22">
        <v>3</v>
      </c>
      <c r="D13" s="22">
        <v>-1</v>
      </c>
      <c r="E13" s="21">
        <v>0</v>
      </c>
      <c r="F13" s="22">
        <v>0</v>
      </c>
      <c r="G13" s="23">
        <v>0</v>
      </c>
      <c r="H13" s="22">
        <v>23</v>
      </c>
      <c r="I13" s="22">
        <v>15</v>
      </c>
      <c r="J13" s="22">
        <v>8</v>
      </c>
      <c r="K13" s="21">
        <v>21</v>
      </c>
      <c r="L13" s="53">
        <v>12</v>
      </c>
      <c r="M13" s="54">
        <v>9</v>
      </c>
    </row>
    <row r="14" spans="1:13">
      <c r="A14" s="20" t="s">
        <v>21</v>
      </c>
      <c r="B14" s="21">
        <v>2</v>
      </c>
      <c r="C14" s="22">
        <v>-3</v>
      </c>
      <c r="D14" s="22">
        <v>5</v>
      </c>
      <c r="E14" s="21">
        <v>0</v>
      </c>
      <c r="F14" s="22">
        <v>0</v>
      </c>
      <c r="G14" s="23">
        <v>0</v>
      </c>
      <c r="H14" s="22">
        <v>27</v>
      </c>
      <c r="I14" s="22">
        <v>12</v>
      </c>
      <c r="J14" s="22">
        <v>15</v>
      </c>
      <c r="K14" s="21">
        <v>25</v>
      </c>
      <c r="L14" s="53">
        <v>15</v>
      </c>
      <c r="M14" s="54">
        <v>10</v>
      </c>
    </row>
    <row r="15" spans="1:13">
      <c r="A15" s="20" t="s">
        <v>22</v>
      </c>
      <c r="B15" s="21">
        <v>11</v>
      </c>
      <c r="C15" s="22">
        <v>9</v>
      </c>
      <c r="D15" s="22">
        <v>2</v>
      </c>
      <c r="E15" s="21">
        <v>0</v>
      </c>
      <c r="F15" s="22">
        <v>0</v>
      </c>
      <c r="G15" s="23">
        <v>0</v>
      </c>
      <c r="H15" s="22">
        <v>33</v>
      </c>
      <c r="I15" s="22">
        <v>19</v>
      </c>
      <c r="J15" s="22">
        <v>14</v>
      </c>
      <c r="K15" s="21">
        <v>22</v>
      </c>
      <c r="L15" s="53">
        <v>10</v>
      </c>
      <c r="M15" s="54">
        <v>12</v>
      </c>
    </row>
    <row r="16" spans="1:13">
      <c r="A16" s="20" t="s">
        <v>23</v>
      </c>
      <c r="B16" s="21">
        <v>1</v>
      </c>
      <c r="C16" s="22">
        <v>1</v>
      </c>
      <c r="D16" s="22">
        <v>0</v>
      </c>
      <c r="E16" s="21">
        <v>0</v>
      </c>
      <c r="F16" s="22">
        <v>0</v>
      </c>
      <c r="G16" s="23">
        <v>0</v>
      </c>
      <c r="H16" s="22">
        <v>22</v>
      </c>
      <c r="I16" s="22">
        <v>11</v>
      </c>
      <c r="J16" s="22">
        <v>11</v>
      </c>
      <c r="K16" s="21">
        <v>21</v>
      </c>
      <c r="L16" s="53">
        <v>10</v>
      </c>
      <c r="M16" s="54">
        <v>11</v>
      </c>
    </row>
    <row r="17" spans="1:13">
      <c r="A17" s="20" t="s">
        <v>24</v>
      </c>
      <c r="B17" s="21">
        <v>13</v>
      </c>
      <c r="C17" s="22">
        <v>10</v>
      </c>
      <c r="D17" s="22">
        <v>3</v>
      </c>
      <c r="E17" s="21">
        <v>1</v>
      </c>
      <c r="F17" s="22">
        <v>0</v>
      </c>
      <c r="G17" s="23">
        <v>1</v>
      </c>
      <c r="H17" s="22">
        <v>23</v>
      </c>
      <c r="I17" s="22">
        <v>14</v>
      </c>
      <c r="J17" s="22">
        <v>9</v>
      </c>
      <c r="K17" s="21">
        <v>9</v>
      </c>
      <c r="L17" s="53">
        <v>4</v>
      </c>
      <c r="M17" s="54">
        <v>5</v>
      </c>
    </row>
    <row r="18" spans="1:13" ht="20.100000000000001" customHeight="1">
      <c r="A18" s="16" t="s">
        <v>25</v>
      </c>
      <c r="B18" s="17">
        <v>18</v>
      </c>
      <c r="C18" s="18">
        <v>15</v>
      </c>
      <c r="D18" s="18">
        <v>3</v>
      </c>
      <c r="E18" s="17">
        <v>0</v>
      </c>
      <c r="F18" s="18">
        <v>0</v>
      </c>
      <c r="G18" s="19">
        <v>0</v>
      </c>
      <c r="H18" s="18">
        <v>63</v>
      </c>
      <c r="I18" s="18">
        <v>36</v>
      </c>
      <c r="J18" s="18">
        <v>27</v>
      </c>
      <c r="K18" s="17">
        <v>45</v>
      </c>
      <c r="L18" s="51">
        <v>21</v>
      </c>
      <c r="M18" s="52">
        <v>24</v>
      </c>
    </row>
    <row r="19" spans="1:13">
      <c r="A19" s="20" t="s">
        <v>26</v>
      </c>
      <c r="B19" s="21">
        <v>-1</v>
      </c>
      <c r="C19" s="22">
        <v>-6</v>
      </c>
      <c r="D19" s="22">
        <v>5</v>
      </c>
      <c r="E19" s="21">
        <v>0</v>
      </c>
      <c r="F19" s="22">
        <v>0</v>
      </c>
      <c r="G19" s="23">
        <v>0</v>
      </c>
      <c r="H19" s="22">
        <v>12</v>
      </c>
      <c r="I19" s="22">
        <v>2</v>
      </c>
      <c r="J19" s="22">
        <v>10</v>
      </c>
      <c r="K19" s="21">
        <v>13</v>
      </c>
      <c r="L19" s="53">
        <v>8</v>
      </c>
      <c r="M19" s="54">
        <v>5</v>
      </c>
    </row>
    <row r="20" spans="1:13">
      <c r="A20" s="20" t="s">
        <v>27</v>
      </c>
      <c r="B20" s="21">
        <v>8</v>
      </c>
      <c r="C20" s="22">
        <v>7</v>
      </c>
      <c r="D20" s="22">
        <v>1</v>
      </c>
      <c r="E20" s="21">
        <v>0</v>
      </c>
      <c r="F20" s="22">
        <v>0</v>
      </c>
      <c r="G20" s="23">
        <v>0</v>
      </c>
      <c r="H20" s="22">
        <v>16</v>
      </c>
      <c r="I20" s="22">
        <v>10</v>
      </c>
      <c r="J20" s="22">
        <v>6</v>
      </c>
      <c r="K20" s="21">
        <v>8</v>
      </c>
      <c r="L20" s="53">
        <v>3</v>
      </c>
      <c r="M20" s="54">
        <v>5</v>
      </c>
    </row>
    <row r="21" spans="1:13">
      <c r="A21" s="20" t="s">
        <v>28</v>
      </c>
      <c r="B21" s="21">
        <v>8</v>
      </c>
      <c r="C21" s="22">
        <v>10</v>
      </c>
      <c r="D21" s="22">
        <v>-2</v>
      </c>
      <c r="E21" s="21">
        <v>0</v>
      </c>
      <c r="F21" s="22">
        <v>0</v>
      </c>
      <c r="G21" s="23">
        <v>0</v>
      </c>
      <c r="H21" s="22">
        <v>17</v>
      </c>
      <c r="I21" s="22">
        <v>13</v>
      </c>
      <c r="J21" s="22">
        <v>4</v>
      </c>
      <c r="K21" s="21">
        <v>9</v>
      </c>
      <c r="L21" s="53">
        <v>3</v>
      </c>
      <c r="M21" s="54">
        <v>6</v>
      </c>
    </row>
    <row r="22" spans="1:13">
      <c r="A22" s="20" t="s">
        <v>29</v>
      </c>
      <c r="B22" s="21">
        <v>-1</v>
      </c>
      <c r="C22" s="22">
        <v>3</v>
      </c>
      <c r="D22" s="22">
        <v>-4</v>
      </c>
      <c r="E22" s="21">
        <v>0</v>
      </c>
      <c r="F22" s="22">
        <v>0</v>
      </c>
      <c r="G22" s="23">
        <v>0</v>
      </c>
      <c r="H22" s="22">
        <v>6</v>
      </c>
      <c r="I22" s="22">
        <v>4</v>
      </c>
      <c r="J22" s="22">
        <v>2</v>
      </c>
      <c r="K22" s="21">
        <v>7</v>
      </c>
      <c r="L22" s="53">
        <v>1</v>
      </c>
      <c r="M22" s="54">
        <v>6</v>
      </c>
    </row>
    <row r="23" spans="1:13">
      <c r="A23" s="20" t="s">
        <v>30</v>
      </c>
      <c r="B23" s="21">
        <v>4</v>
      </c>
      <c r="C23" s="22">
        <v>1</v>
      </c>
      <c r="D23" s="22">
        <v>3</v>
      </c>
      <c r="E23" s="21">
        <v>0</v>
      </c>
      <c r="F23" s="22">
        <v>0</v>
      </c>
      <c r="G23" s="23">
        <v>0</v>
      </c>
      <c r="H23" s="22">
        <v>12</v>
      </c>
      <c r="I23" s="22">
        <v>7</v>
      </c>
      <c r="J23" s="22">
        <v>5</v>
      </c>
      <c r="K23" s="21">
        <v>8</v>
      </c>
      <c r="L23" s="53">
        <v>6</v>
      </c>
      <c r="M23" s="54">
        <v>2</v>
      </c>
    </row>
    <row r="24" spans="1:13" ht="20.100000000000001" customHeight="1">
      <c r="A24" s="16" t="s">
        <v>31</v>
      </c>
      <c r="B24" s="17">
        <v>7</v>
      </c>
      <c r="C24" s="18">
        <v>3</v>
      </c>
      <c r="D24" s="18">
        <v>4</v>
      </c>
      <c r="E24" s="17">
        <v>0</v>
      </c>
      <c r="F24" s="18">
        <v>0</v>
      </c>
      <c r="G24" s="19">
        <v>0</v>
      </c>
      <c r="H24" s="18">
        <v>79</v>
      </c>
      <c r="I24" s="18">
        <v>42</v>
      </c>
      <c r="J24" s="18">
        <v>37</v>
      </c>
      <c r="K24" s="17">
        <v>72</v>
      </c>
      <c r="L24" s="51">
        <v>39</v>
      </c>
      <c r="M24" s="52">
        <v>33</v>
      </c>
    </row>
    <row r="25" spans="1:13">
      <c r="A25" s="20" t="s">
        <v>32</v>
      </c>
      <c r="B25" s="21">
        <v>1</v>
      </c>
      <c r="C25" s="22">
        <v>0</v>
      </c>
      <c r="D25" s="22">
        <v>1</v>
      </c>
      <c r="E25" s="21">
        <v>0</v>
      </c>
      <c r="F25" s="22">
        <v>0</v>
      </c>
      <c r="G25" s="23">
        <v>0</v>
      </c>
      <c r="H25" s="22">
        <v>14</v>
      </c>
      <c r="I25" s="22">
        <v>8</v>
      </c>
      <c r="J25" s="22">
        <v>6</v>
      </c>
      <c r="K25" s="21">
        <v>13</v>
      </c>
      <c r="L25" s="53">
        <v>8</v>
      </c>
      <c r="M25" s="54">
        <v>5</v>
      </c>
    </row>
    <row r="26" spans="1:13">
      <c r="A26" s="20" t="s">
        <v>33</v>
      </c>
      <c r="B26" s="21">
        <v>1</v>
      </c>
      <c r="C26" s="22">
        <v>2</v>
      </c>
      <c r="D26" s="22">
        <v>-1</v>
      </c>
      <c r="E26" s="21">
        <v>0</v>
      </c>
      <c r="F26" s="22">
        <v>0</v>
      </c>
      <c r="G26" s="23">
        <v>0</v>
      </c>
      <c r="H26" s="22">
        <v>14</v>
      </c>
      <c r="I26" s="22">
        <v>8</v>
      </c>
      <c r="J26" s="22">
        <v>6</v>
      </c>
      <c r="K26" s="21">
        <v>13</v>
      </c>
      <c r="L26" s="53">
        <v>6</v>
      </c>
      <c r="M26" s="54">
        <v>7</v>
      </c>
    </row>
    <row r="27" spans="1:13">
      <c r="A27" s="20" t="s">
        <v>34</v>
      </c>
      <c r="B27" s="21">
        <v>-1</v>
      </c>
      <c r="C27" s="22">
        <v>-2</v>
      </c>
      <c r="D27" s="22">
        <v>1</v>
      </c>
      <c r="E27" s="21">
        <v>0</v>
      </c>
      <c r="F27" s="22">
        <v>0</v>
      </c>
      <c r="G27" s="23">
        <v>0</v>
      </c>
      <c r="H27" s="22">
        <v>10</v>
      </c>
      <c r="I27" s="22">
        <v>5</v>
      </c>
      <c r="J27" s="22">
        <v>5</v>
      </c>
      <c r="K27" s="21">
        <v>11</v>
      </c>
      <c r="L27" s="53">
        <v>7</v>
      </c>
      <c r="M27" s="54">
        <v>4</v>
      </c>
    </row>
    <row r="28" spans="1:13">
      <c r="A28" s="20" t="s">
        <v>35</v>
      </c>
      <c r="B28" s="21">
        <v>6</v>
      </c>
      <c r="C28" s="22">
        <v>5</v>
      </c>
      <c r="D28" s="22">
        <v>1</v>
      </c>
      <c r="E28" s="21">
        <v>0</v>
      </c>
      <c r="F28" s="22">
        <v>0</v>
      </c>
      <c r="G28" s="23">
        <v>0</v>
      </c>
      <c r="H28" s="22">
        <v>18</v>
      </c>
      <c r="I28" s="22">
        <v>9</v>
      </c>
      <c r="J28" s="22">
        <v>9</v>
      </c>
      <c r="K28" s="21">
        <v>12</v>
      </c>
      <c r="L28" s="53">
        <v>4</v>
      </c>
      <c r="M28" s="54">
        <v>8</v>
      </c>
    </row>
    <row r="29" spans="1:13">
      <c r="A29" s="20" t="s">
        <v>36</v>
      </c>
      <c r="B29" s="21">
        <v>0</v>
      </c>
      <c r="C29" s="22">
        <v>-2</v>
      </c>
      <c r="D29" s="22">
        <v>2</v>
      </c>
      <c r="E29" s="21">
        <v>0</v>
      </c>
      <c r="F29" s="22">
        <v>0</v>
      </c>
      <c r="G29" s="23">
        <v>0</v>
      </c>
      <c r="H29" s="22">
        <v>23</v>
      </c>
      <c r="I29" s="22">
        <v>12</v>
      </c>
      <c r="J29" s="22">
        <v>11</v>
      </c>
      <c r="K29" s="21">
        <v>23</v>
      </c>
      <c r="L29" s="53">
        <v>14</v>
      </c>
      <c r="M29" s="54">
        <v>9</v>
      </c>
    </row>
    <row r="30" spans="1:13" ht="20.100000000000001" customHeight="1">
      <c r="A30" s="16" t="s">
        <v>37</v>
      </c>
      <c r="B30" s="17">
        <v>-97</v>
      </c>
      <c r="C30" s="18">
        <v>-67</v>
      </c>
      <c r="D30" s="18">
        <v>-30</v>
      </c>
      <c r="E30" s="17">
        <v>1</v>
      </c>
      <c r="F30" s="18">
        <v>1</v>
      </c>
      <c r="G30" s="19">
        <v>0</v>
      </c>
      <c r="H30" s="18">
        <v>166</v>
      </c>
      <c r="I30" s="18">
        <v>74</v>
      </c>
      <c r="J30" s="18">
        <v>92</v>
      </c>
      <c r="K30" s="17">
        <v>262</v>
      </c>
      <c r="L30" s="51">
        <v>140</v>
      </c>
      <c r="M30" s="52">
        <v>122</v>
      </c>
    </row>
    <row r="31" spans="1:13">
      <c r="A31" s="20" t="s">
        <v>38</v>
      </c>
      <c r="B31" s="21">
        <v>-11</v>
      </c>
      <c r="C31" s="22">
        <v>-6</v>
      </c>
      <c r="D31" s="22">
        <v>-5</v>
      </c>
      <c r="E31" s="21">
        <v>1</v>
      </c>
      <c r="F31" s="22">
        <v>1</v>
      </c>
      <c r="G31" s="23">
        <v>0</v>
      </c>
      <c r="H31" s="22">
        <v>19</v>
      </c>
      <c r="I31" s="22">
        <v>11</v>
      </c>
      <c r="J31" s="22">
        <v>8</v>
      </c>
      <c r="K31" s="21">
        <v>29</v>
      </c>
      <c r="L31" s="53">
        <v>16</v>
      </c>
      <c r="M31" s="54">
        <v>13</v>
      </c>
    </row>
    <row r="32" spans="1:13">
      <c r="A32" s="20" t="s">
        <v>39</v>
      </c>
      <c r="B32" s="21">
        <v>-3</v>
      </c>
      <c r="C32" s="22">
        <v>-5</v>
      </c>
      <c r="D32" s="22">
        <v>2</v>
      </c>
      <c r="E32" s="21">
        <v>0</v>
      </c>
      <c r="F32" s="22">
        <v>0</v>
      </c>
      <c r="G32" s="23">
        <v>0</v>
      </c>
      <c r="H32" s="22">
        <v>24</v>
      </c>
      <c r="I32" s="22">
        <v>5</v>
      </c>
      <c r="J32" s="22">
        <v>19</v>
      </c>
      <c r="K32" s="21">
        <v>27</v>
      </c>
      <c r="L32" s="53">
        <v>10</v>
      </c>
      <c r="M32" s="54">
        <v>17</v>
      </c>
    </row>
    <row r="33" spans="1:13">
      <c r="A33" s="20" t="s">
        <v>40</v>
      </c>
      <c r="B33" s="21">
        <v>-21</v>
      </c>
      <c r="C33" s="22">
        <v>-8</v>
      </c>
      <c r="D33" s="22">
        <v>-13</v>
      </c>
      <c r="E33" s="21">
        <v>0</v>
      </c>
      <c r="F33" s="22">
        <v>0</v>
      </c>
      <c r="G33" s="23">
        <v>0</v>
      </c>
      <c r="H33" s="22">
        <v>35</v>
      </c>
      <c r="I33" s="22">
        <v>21</v>
      </c>
      <c r="J33" s="22">
        <v>14</v>
      </c>
      <c r="K33" s="21">
        <v>56</v>
      </c>
      <c r="L33" s="53">
        <v>29</v>
      </c>
      <c r="M33" s="54">
        <v>27</v>
      </c>
    </row>
    <row r="34" spans="1:13">
      <c r="A34" s="20" t="s">
        <v>41</v>
      </c>
      <c r="B34" s="21">
        <v>-40</v>
      </c>
      <c r="C34" s="22">
        <v>-24</v>
      </c>
      <c r="D34" s="22">
        <v>-16</v>
      </c>
      <c r="E34" s="21">
        <v>0</v>
      </c>
      <c r="F34" s="22">
        <v>0</v>
      </c>
      <c r="G34" s="23">
        <v>0</v>
      </c>
      <c r="H34" s="22">
        <v>44</v>
      </c>
      <c r="I34" s="22">
        <v>20</v>
      </c>
      <c r="J34" s="22">
        <v>24</v>
      </c>
      <c r="K34" s="21">
        <v>84</v>
      </c>
      <c r="L34" s="53">
        <v>44</v>
      </c>
      <c r="M34" s="54">
        <v>40</v>
      </c>
    </row>
    <row r="35" spans="1:13">
      <c r="A35" s="20" t="s">
        <v>42</v>
      </c>
      <c r="B35" s="21">
        <v>-22</v>
      </c>
      <c r="C35" s="22">
        <v>-24</v>
      </c>
      <c r="D35" s="22">
        <v>2</v>
      </c>
      <c r="E35" s="21">
        <v>0</v>
      </c>
      <c r="F35" s="22">
        <v>0</v>
      </c>
      <c r="G35" s="23">
        <v>0</v>
      </c>
      <c r="H35" s="22">
        <v>44</v>
      </c>
      <c r="I35" s="22">
        <v>17</v>
      </c>
      <c r="J35" s="22">
        <v>27</v>
      </c>
      <c r="K35" s="21">
        <v>66</v>
      </c>
      <c r="L35" s="53">
        <v>41</v>
      </c>
      <c r="M35" s="54">
        <v>25</v>
      </c>
    </row>
    <row r="36" spans="1:13" ht="20.100000000000001" customHeight="1">
      <c r="A36" s="16" t="s">
        <v>43</v>
      </c>
      <c r="B36" s="17">
        <v>-28</v>
      </c>
      <c r="C36" s="18">
        <v>-26</v>
      </c>
      <c r="D36" s="18">
        <v>-2</v>
      </c>
      <c r="E36" s="17">
        <v>1</v>
      </c>
      <c r="F36" s="18">
        <v>0</v>
      </c>
      <c r="G36" s="19">
        <v>1</v>
      </c>
      <c r="H36" s="18">
        <v>300</v>
      </c>
      <c r="I36" s="18">
        <v>136</v>
      </c>
      <c r="J36" s="18">
        <v>164</v>
      </c>
      <c r="K36" s="17">
        <v>327</v>
      </c>
      <c r="L36" s="51">
        <v>162</v>
      </c>
      <c r="M36" s="52">
        <v>165</v>
      </c>
    </row>
    <row r="37" spans="1:13">
      <c r="A37" s="20" t="s">
        <v>44</v>
      </c>
      <c r="B37" s="21">
        <v>-25</v>
      </c>
      <c r="C37" s="22">
        <v>-18</v>
      </c>
      <c r="D37" s="22">
        <v>-7</v>
      </c>
      <c r="E37" s="21">
        <v>0</v>
      </c>
      <c r="F37" s="22">
        <v>0</v>
      </c>
      <c r="G37" s="23">
        <v>0</v>
      </c>
      <c r="H37" s="22">
        <v>36</v>
      </c>
      <c r="I37" s="22">
        <v>17</v>
      </c>
      <c r="J37" s="22">
        <v>19</v>
      </c>
      <c r="K37" s="21">
        <v>61</v>
      </c>
      <c r="L37" s="53">
        <v>35</v>
      </c>
      <c r="M37" s="54">
        <v>26</v>
      </c>
    </row>
    <row r="38" spans="1:13">
      <c r="A38" s="20" t="s">
        <v>45</v>
      </c>
      <c r="B38" s="21">
        <v>-6</v>
      </c>
      <c r="C38" s="22">
        <v>-4</v>
      </c>
      <c r="D38" s="22">
        <v>-2</v>
      </c>
      <c r="E38" s="21">
        <v>0</v>
      </c>
      <c r="F38" s="22">
        <v>0</v>
      </c>
      <c r="G38" s="23">
        <v>0</v>
      </c>
      <c r="H38" s="22">
        <v>59</v>
      </c>
      <c r="I38" s="22">
        <v>28</v>
      </c>
      <c r="J38" s="22">
        <v>31</v>
      </c>
      <c r="K38" s="21">
        <v>65</v>
      </c>
      <c r="L38" s="53">
        <v>32</v>
      </c>
      <c r="M38" s="54">
        <v>33</v>
      </c>
    </row>
    <row r="39" spans="1:13">
      <c r="A39" s="20" t="s">
        <v>46</v>
      </c>
      <c r="B39" s="21">
        <v>1</v>
      </c>
      <c r="C39" s="22">
        <v>-2</v>
      </c>
      <c r="D39" s="22">
        <v>3</v>
      </c>
      <c r="E39" s="21">
        <v>0</v>
      </c>
      <c r="F39" s="22">
        <v>0</v>
      </c>
      <c r="G39" s="23">
        <v>0</v>
      </c>
      <c r="H39" s="22">
        <v>67</v>
      </c>
      <c r="I39" s="22">
        <v>27</v>
      </c>
      <c r="J39" s="22">
        <v>40</v>
      </c>
      <c r="K39" s="21">
        <v>66</v>
      </c>
      <c r="L39" s="53">
        <v>29</v>
      </c>
      <c r="M39" s="54">
        <v>37</v>
      </c>
    </row>
    <row r="40" spans="1:13">
      <c r="A40" s="20" t="s">
        <v>47</v>
      </c>
      <c r="B40" s="21">
        <v>-13</v>
      </c>
      <c r="C40" s="22">
        <v>-8</v>
      </c>
      <c r="D40" s="22">
        <v>-5</v>
      </c>
      <c r="E40" s="21">
        <v>1</v>
      </c>
      <c r="F40" s="22">
        <v>0</v>
      </c>
      <c r="G40" s="23">
        <v>1</v>
      </c>
      <c r="H40" s="22">
        <v>64</v>
      </c>
      <c r="I40" s="22">
        <v>31</v>
      </c>
      <c r="J40" s="22">
        <v>33</v>
      </c>
      <c r="K40" s="21">
        <v>76</v>
      </c>
      <c r="L40" s="53">
        <v>39</v>
      </c>
      <c r="M40" s="54">
        <v>37</v>
      </c>
    </row>
    <row r="41" spans="1:13">
      <c r="A41" s="20" t="s">
        <v>48</v>
      </c>
      <c r="B41" s="21">
        <v>15</v>
      </c>
      <c r="C41" s="22">
        <v>6</v>
      </c>
      <c r="D41" s="22">
        <v>9</v>
      </c>
      <c r="E41" s="21">
        <v>0</v>
      </c>
      <c r="F41" s="22">
        <v>0</v>
      </c>
      <c r="G41" s="23">
        <v>0</v>
      </c>
      <c r="H41" s="22">
        <v>74</v>
      </c>
      <c r="I41" s="22">
        <v>33</v>
      </c>
      <c r="J41" s="22">
        <v>41</v>
      </c>
      <c r="K41" s="21">
        <v>59</v>
      </c>
      <c r="L41" s="53">
        <v>27</v>
      </c>
      <c r="M41" s="54">
        <v>32</v>
      </c>
    </row>
    <row r="42" spans="1:13" ht="20.100000000000001" customHeight="1">
      <c r="A42" s="16" t="s">
        <v>49</v>
      </c>
      <c r="B42" s="17">
        <v>87</v>
      </c>
      <c r="C42" s="18">
        <v>49</v>
      </c>
      <c r="D42" s="18">
        <v>38</v>
      </c>
      <c r="E42" s="17">
        <v>0</v>
      </c>
      <c r="F42" s="18">
        <v>0</v>
      </c>
      <c r="G42" s="19">
        <v>0</v>
      </c>
      <c r="H42" s="18">
        <v>349</v>
      </c>
      <c r="I42" s="18">
        <v>168</v>
      </c>
      <c r="J42" s="18">
        <v>181</v>
      </c>
      <c r="K42" s="17">
        <v>262</v>
      </c>
      <c r="L42" s="51">
        <v>119</v>
      </c>
      <c r="M42" s="52">
        <v>143</v>
      </c>
    </row>
    <row r="43" spans="1:13">
      <c r="A43" s="20" t="s">
        <v>50</v>
      </c>
      <c r="B43" s="21">
        <v>20</v>
      </c>
      <c r="C43" s="22">
        <v>11</v>
      </c>
      <c r="D43" s="22">
        <v>9</v>
      </c>
      <c r="E43" s="21">
        <v>0</v>
      </c>
      <c r="F43" s="22">
        <v>0</v>
      </c>
      <c r="G43" s="23">
        <v>0</v>
      </c>
      <c r="H43" s="22">
        <v>61</v>
      </c>
      <c r="I43" s="22">
        <v>34</v>
      </c>
      <c r="J43" s="22">
        <v>27</v>
      </c>
      <c r="K43" s="21">
        <v>41</v>
      </c>
      <c r="L43" s="53">
        <v>23</v>
      </c>
      <c r="M43" s="54">
        <v>18</v>
      </c>
    </row>
    <row r="44" spans="1:13">
      <c r="A44" s="20" t="s">
        <v>51</v>
      </c>
      <c r="B44" s="21">
        <v>-13</v>
      </c>
      <c r="C44" s="22">
        <v>7</v>
      </c>
      <c r="D44" s="22">
        <v>-20</v>
      </c>
      <c r="E44" s="21">
        <v>0</v>
      </c>
      <c r="F44" s="22">
        <v>0</v>
      </c>
      <c r="G44" s="23">
        <v>0</v>
      </c>
      <c r="H44" s="22">
        <v>61</v>
      </c>
      <c r="I44" s="22">
        <v>37</v>
      </c>
      <c r="J44" s="22">
        <v>24</v>
      </c>
      <c r="K44" s="21">
        <v>74</v>
      </c>
      <c r="L44" s="53">
        <v>30</v>
      </c>
      <c r="M44" s="54">
        <v>44</v>
      </c>
    </row>
    <row r="45" spans="1:13">
      <c r="A45" s="20" t="s">
        <v>52</v>
      </c>
      <c r="B45" s="21">
        <v>41</v>
      </c>
      <c r="C45" s="22">
        <v>15</v>
      </c>
      <c r="D45" s="22">
        <v>26</v>
      </c>
      <c r="E45" s="21">
        <v>0</v>
      </c>
      <c r="F45" s="22">
        <v>0</v>
      </c>
      <c r="G45" s="23">
        <v>0</v>
      </c>
      <c r="H45" s="22">
        <v>90</v>
      </c>
      <c r="I45" s="22">
        <v>41</v>
      </c>
      <c r="J45" s="22">
        <v>49</v>
      </c>
      <c r="K45" s="21">
        <v>49</v>
      </c>
      <c r="L45" s="53">
        <v>26</v>
      </c>
      <c r="M45" s="54">
        <v>23</v>
      </c>
    </row>
    <row r="46" spans="1:13">
      <c r="A46" s="20" t="s">
        <v>53</v>
      </c>
      <c r="B46" s="21">
        <v>25</v>
      </c>
      <c r="C46" s="22">
        <v>8</v>
      </c>
      <c r="D46" s="22">
        <v>17</v>
      </c>
      <c r="E46" s="21">
        <v>0</v>
      </c>
      <c r="F46" s="22">
        <v>0</v>
      </c>
      <c r="G46" s="23">
        <v>0</v>
      </c>
      <c r="H46" s="22">
        <v>71</v>
      </c>
      <c r="I46" s="22">
        <v>27</v>
      </c>
      <c r="J46" s="22">
        <v>44</v>
      </c>
      <c r="K46" s="21">
        <v>46</v>
      </c>
      <c r="L46" s="53">
        <v>19</v>
      </c>
      <c r="M46" s="54">
        <v>27</v>
      </c>
    </row>
    <row r="47" spans="1:13">
      <c r="A47" s="20" t="s">
        <v>54</v>
      </c>
      <c r="B47" s="21">
        <v>14</v>
      </c>
      <c r="C47" s="22">
        <v>8</v>
      </c>
      <c r="D47" s="22">
        <v>6</v>
      </c>
      <c r="E47" s="21">
        <v>0</v>
      </c>
      <c r="F47" s="22">
        <v>0</v>
      </c>
      <c r="G47" s="23">
        <v>0</v>
      </c>
      <c r="H47" s="22">
        <v>66</v>
      </c>
      <c r="I47" s="22">
        <v>29</v>
      </c>
      <c r="J47" s="22">
        <v>37</v>
      </c>
      <c r="K47" s="21">
        <v>52</v>
      </c>
      <c r="L47" s="53">
        <v>21</v>
      </c>
      <c r="M47" s="54">
        <v>31</v>
      </c>
    </row>
    <row r="48" spans="1:13" ht="20.100000000000001" customHeight="1">
      <c r="A48" s="16" t="s">
        <v>55</v>
      </c>
      <c r="B48" s="17">
        <v>109</v>
      </c>
      <c r="C48" s="18">
        <v>41</v>
      </c>
      <c r="D48" s="18">
        <v>68</v>
      </c>
      <c r="E48" s="17">
        <v>2</v>
      </c>
      <c r="F48" s="18">
        <v>0</v>
      </c>
      <c r="G48" s="19">
        <v>2</v>
      </c>
      <c r="H48" s="18">
        <v>307</v>
      </c>
      <c r="I48" s="18">
        <v>138</v>
      </c>
      <c r="J48" s="18">
        <v>169</v>
      </c>
      <c r="K48" s="17">
        <v>196</v>
      </c>
      <c r="L48" s="51">
        <v>97</v>
      </c>
      <c r="M48" s="52">
        <v>99</v>
      </c>
    </row>
    <row r="49" spans="1:13">
      <c r="A49" s="20" t="s">
        <v>56</v>
      </c>
      <c r="B49" s="21">
        <v>29</v>
      </c>
      <c r="C49" s="22">
        <v>9</v>
      </c>
      <c r="D49" s="22">
        <v>20</v>
      </c>
      <c r="E49" s="21">
        <v>0</v>
      </c>
      <c r="F49" s="22">
        <v>0</v>
      </c>
      <c r="G49" s="23">
        <v>0</v>
      </c>
      <c r="H49" s="22">
        <v>71</v>
      </c>
      <c r="I49" s="22">
        <v>31</v>
      </c>
      <c r="J49" s="22">
        <v>40</v>
      </c>
      <c r="K49" s="21">
        <v>42</v>
      </c>
      <c r="L49" s="53">
        <v>22</v>
      </c>
      <c r="M49" s="54">
        <v>20</v>
      </c>
    </row>
    <row r="50" spans="1:13">
      <c r="A50" s="20" t="s">
        <v>57</v>
      </c>
      <c r="B50" s="21">
        <v>27</v>
      </c>
      <c r="C50" s="22">
        <v>13</v>
      </c>
      <c r="D50" s="22">
        <v>14</v>
      </c>
      <c r="E50" s="21">
        <v>0</v>
      </c>
      <c r="F50" s="22">
        <v>0</v>
      </c>
      <c r="G50" s="23">
        <v>0</v>
      </c>
      <c r="H50" s="22">
        <v>69</v>
      </c>
      <c r="I50" s="22">
        <v>33</v>
      </c>
      <c r="J50" s="22">
        <v>36</v>
      </c>
      <c r="K50" s="21">
        <v>42</v>
      </c>
      <c r="L50" s="53">
        <v>20</v>
      </c>
      <c r="M50" s="54">
        <v>22</v>
      </c>
    </row>
    <row r="51" spans="1:13">
      <c r="A51" s="20" t="s">
        <v>58</v>
      </c>
      <c r="B51" s="21">
        <v>29</v>
      </c>
      <c r="C51" s="22">
        <v>7</v>
      </c>
      <c r="D51" s="22">
        <v>22</v>
      </c>
      <c r="E51" s="21">
        <v>0</v>
      </c>
      <c r="F51" s="22">
        <v>0</v>
      </c>
      <c r="G51" s="23">
        <v>0</v>
      </c>
      <c r="H51" s="22">
        <v>62</v>
      </c>
      <c r="I51" s="22">
        <v>26</v>
      </c>
      <c r="J51" s="22">
        <v>36</v>
      </c>
      <c r="K51" s="21">
        <v>33</v>
      </c>
      <c r="L51" s="53">
        <v>19</v>
      </c>
      <c r="M51" s="54">
        <v>14</v>
      </c>
    </row>
    <row r="52" spans="1:13">
      <c r="A52" s="20" t="s">
        <v>59</v>
      </c>
      <c r="B52" s="21">
        <v>2</v>
      </c>
      <c r="C52" s="22">
        <v>1</v>
      </c>
      <c r="D52" s="22">
        <v>1</v>
      </c>
      <c r="E52" s="21">
        <v>1</v>
      </c>
      <c r="F52" s="22">
        <v>0</v>
      </c>
      <c r="G52" s="23">
        <v>1</v>
      </c>
      <c r="H52" s="22">
        <v>49</v>
      </c>
      <c r="I52" s="22">
        <v>24</v>
      </c>
      <c r="J52" s="22">
        <v>25</v>
      </c>
      <c r="K52" s="21">
        <v>46</v>
      </c>
      <c r="L52" s="53">
        <v>23</v>
      </c>
      <c r="M52" s="54">
        <v>23</v>
      </c>
    </row>
    <row r="53" spans="1:13">
      <c r="A53" s="20" t="s">
        <v>60</v>
      </c>
      <c r="B53" s="21">
        <v>22</v>
      </c>
      <c r="C53" s="22">
        <v>11</v>
      </c>
      <c r="D53" s="22">
        <v>11</v>
      </c>
      <c r="E53" s="21">
        <v>1</v>
      </c>
      <c r="F53" s="22">
        <v>0</v>
      </c>
      <c r="G53" s="23">
        <v>1</v>
      </c>
      <c r="H53" s="22">
        <v>56</v>
      </c>
      <c r="I53" s="22">
        <v>24</v>
      </c>
      <c r="J53" s="22">
        <v>32</v>
      </c>
      <c r="K53" s="21">
        <v>33</v>
      </c>
      <c r="L53" s="53">
        <v>13</v>
      </c>
      <c r="M53" s="54">
        <v>20</v>
      </c>
    </row>
    <row r="54" spans="1:13" ht="20.100000000000001" customHeight="1">
      <c r="A54" s="16" t="s">
        <v>61</v>
      </c>
      <c r="B54" s="17">
        <v>31</v>
      </c>
      <c r="C54" s="18">
        <v>18</v>
      </c>
      <c r="D54" s="18">
        <v>13</v>
      </c>
      <c r="E54" s="17">
        <v>6</v>
      </c>
      <c r="F54" s="18">
        <v>2</v>
      </c>
      <c r="G54" s="19">
        <v>4</v>
      </c>
      <c r="H54" s="18">
        <v>232</v>
      </c>
      <c r="I54" s="18">
        <v>117</v>
      </c>
      <c r="J54" s="18">
        <v>115</v>
      </c>
      <c r="K54" s="17">
        <v>195</v>
      </c>
      <c r="L54" s="51">
        <v>97</v>
      </c>
      <c r="M54" s="52">
        <v>98</v>
      </c>
    </row>
    <row r="55" spans="1:13">
      <c r="A55" s="20" t="s">
        <v>62</v>
      </c>
      <c r="B55" s="21">
        <v>9</v>
      </c>
      <c r="C55" s="22">
        <v>3</v>
      </c>
      <c r="D55" s="22">
        <v>6</v>
      </c>
      <c r="E55" s="21">
        <v>1</v>
      </c>
      <c r="F55" s="22">
        <v>1</v>
      </c>
      <c r="G55" s="23">
        <v>0</v>
      </c>
      <c r="H55" s="22">
        <v>54</v>
      </c>
      <c r="I55" s="22">
        <v>27</v>
      </c>
      <c r="J55" s="22">
        <v>27</v>
      </c>
      <c r="K55" s="21">
        <v>44</v>
      </c>
      <c r="L55" s="53">
        <v>23</v>
      </c>
      <c r="M55" s="54">
        <v>21</v>
      </c>
    </row>
    <row r="56" spans="1:13">
      <c r="A56" s="20" t="s">
        <v>63</v>
      </c>
      <c r="B56" s="21">
        <v>12</v>
      </c>
      <c r="C56" s="22">
        <v>11</v>
      </c>
      <c r="D56" s="22">
        <v>1</v>
      </c>
      <c r="E56" s="21">
        <v>0</v>
      </c>
      <c r="F56" s="22">
        <v>0</v>
      </c>
      <c r="G56" s="23">
        <v>0</v>
      </c>
      <c r="H56" s="22">
        <v>53</v>
      </c>
      <c r="I56" s="22">
        <v>31</v>
      </c>
      <c r="J56" s="22">
        <v>22</v>
      </c>
      <c r="K56" s="21">
        <v>41</v>
      </c>
      <c r="L56" s="53">
        <v>20</v>
      </c>
      <c r="M56" s="54">
        <v>21</v>
      </c>
    </row>
    <row r="57" spans="1:13">
      <c r="A57" s="20" t="s">
        <v>64</v>
      </c>
      <c r="B57" s="21">
        <v>-15</v>
      </c>
      <c r="C57" s="22">
        <v>-1</v>
      </c>
      <c r="D57" s="22">
        <v>-14</v>
      </c>
      <c r="E57" s="21">
        <v>2</v>
      </c>
      <c r="F57" s="22">
        <v>0</v>
      </c>
      <c r="G57" s="23">
        <v>2</v>
      </c>
      <c r="H57" s="22">
        <v>35</v>
      </c>
      <c r="I57" s="22">
        <v>20</v>
      </c>
      <c r="J57" s="22">
        <v>15</v>
      </c>
      <c r="K57" s="21">
        <v>48</v>
      </c>
      <c r="L57" s="53">
        <v>21</v>
      </c>
      <c r="M57" s="54">
        <v>27</v>
      </c>
    </row>
    <row r="58" spans="1:13">
      <c r="A58" s="20" t="s">
        <v>65</v>
      </c>
      <c r="B58" s="21">
        <v>19</v>
      </c>
      <c r="C58" s="22">
        <v>5</v>
      </c>
      <c r="D58" s="22">
        <v>14</v>
      </c>
      <c r="E58" s="21">
        <v>2</v>
      </c>
      <c r="F58" s="22">
        <v>1</v>
      </c>
      <c r="G58" s="23">
        <v>1</v>
      </c>
      <c r="H58" s="22">
        <v>44</v>
      </c>
      <c r="I58" s="22">
        <v>20</v>
      </c>
      <c r="J58" s="22">
        <v>24</v>
      </c>
      <c r="K58" s="21">
        <v>23</v>
      </c>
      <c r="L58" s="53">
        <v>14</v>
      </c>
      <c r="M58" s="54">
        <v>9</v>
      </c>
    </row>
    <row r="59" spans="1:13">
      <c r="A59" s="20" t="s">
        <v>66</v>
      </c>
      <c r="B59" s="21">
        <v>6</v>
      </c>
      <c r="C59" s="22">
        <v>0</v>
      </c>
      <c r="D59" s="22">
        <v>6</v>
      </c>
      <c r="E59" s="21">
        <v>1</v>
      </c>
      <c r="F59" s="22">
        <v>0</v>
      </c>
      <c r="G59" s="23">
        <v>1</v>
      </c>
      <c r="H59" s="22">
        <v>46</v>
      </c>
      <c r="I59" s="22">
        <v>19</v>
      </c>
      <c r="J59" s="22">
        <v>27</v>
      </c>
      <c r="K59" s="21">
        <v>39</v>
      </c>
      <c r="L59" s="53">
        <v>19</v>
      </c>
      <c r="M59" s="54">
        <v>20</v>
      </c>
    </row>
    <row r="60" spans="1:13" ht="20.100000000000001" customHeight="1">
      <c r="A60" s="16" t="s">
        <v>67</v>
      </c>
      <c r="B60" s="17">
        <v>70</v>
      </c>
      <c r="C60" s="18">
        <v>23</v>
      </c>
      <c r="D60" s="18">
        <v>47</v>
      </c>
      <c r="E60" s="17">
        <v>4</v>
      </c>
      <c r="F60" s="18">
        <v>2</v>
      </c>
      <c r="G60" s="19">
        <v>2</v>
      </c>
      <c r="H60" s="18">
        <v>213</v>
      </c>
      <c r="I60" s="18">
        <v>100</v>
      </c>
      <c r="J60" s="18">
        <v>113</v>
      </c>
      <c r="K60" s="17">
        <v>139</v>
      </c>
      <c r="L60" s="51">
        <v>75</v>
      </c>
      <c r="M60" s="52">
        <v>64</v>
      </c>
    </row>
    <row r="61" spans="1:13">
      <c r="A61" s="20" t="s">
        <v>68</v>
      </c>
      <c r="B61" s="21">
        <v>16</v>
      </c>
      <c r="C61" s="22">
        <v>10</v>
      </c>
      <c r="D61" s="22">
        <v>6</v>
      </c>
      <c r="E61" s="21">
        <v>0</v>
      </c>
      <c r="F61" s="22">
        <v>0</v>
      </c>
      <c r="G61" s="23">
        <v>0</v>
      </c>
      <c r="H61" s="22">
        <v>46</v>
      </c>
      <c r="I61" s="22">
        <v>25</v>
      </c>
      <c r="J61" s="22">
        <v>21</v>
      </c>
      <c r="K61" s="21">
        <v>30</v>
      </c>
      <c r="L61" s="53">
        <v>15</v>
      </c>
      <c r="M61" s="54">
        <v>15</v>
      </c>
    </row>
    <row r="62" spans="1:13">
      <c r="A62" s="20" t="s">
        <v>69</v>
      </c>
      <c r="B62" s="21">
        <v>15</v>
      </c>
      <c r="C62" s="22">
        <v>0</v>
      </c>
      <c r="D62" s="22">
        <v>15</v>
      </c>
      <c r="E62" s="21">
        <v>0</v>
      </c>
      <c r="F62" s="22">
        <v>0</v>
      </c>
      <c r="G62" s="23">
        <v>0</v>
      </c>
      <c r="H62" s="22">
        <v>48</v>
      </c>
      <c r="I62" s="22">
        <v>19</v>
      </c>
      <c r="J62" s="22">
        <v>29</v>
      </c>
      <c r="K62" s="21">
        <v>33</v>
      </c>
      <c r="L62" s="53">
        <v>19</v>
      </c>
      <c r="M62" s="54">
        <v>14</v>
      </c>
    </row>
    <row r="63" spans="1:13">
      <c r="A63" s="20" t="s">
        <v>70</v>
      </c>
      <c r="B63" s="21">
        <v>9</v>
      </c>
      <c r="C63" s="22">
        <v>2</v>
      </c>
      <c r="D63" s="22">
        <v>7</v>
      </c>
      <c r="E63" s="21">
        <v>0</v>
      </c>
      <c r="F63" s="22">
        <v>0</v>
      </c>
      <c r="G63" s="23">
        <v>0</v>
      </c>
      <c r="H63" s="22">
        <v>35</v>
      </c>
      <c r="I63" s="22">
        <v>15</v>
      </c>
      <c r="J63" s="22">
        <v>20</v>
      </c>
      <c r="K63" s="21">
        <v>26</v>
      </c>
      <c r="L63" s="53">
        <v>13</v>
      </c>
      <c r="M63" s="54">
        <v>13</v>
      </c>
    </row>
    <row r="64" spans="1:13">
      <c r="A64" s="20" t="s">
        <v>71</v>
      </c>
      <c r="B64" s="21">
        <v>9</v>
      </c>
      <c r="C64" s="22">
        <v>5</v>
      </c>
      <c r="D64" s="22">
        <v>4</v>
      </c>
      <c r="E64" s="21">
        <v>1</v>
      </c>
      <c r="F64" s="22">
        <v>1</v>
      </c>
      <c r="G64" s="23">
        <v>0</v>
      </c>
      <c r="H64" s="22">
        <v>42</v>
      </c>
      <c r="I64" s="22">
        <v>23</v>
      </c>
      <c r="J64" s="22">
        <v>19</v>
      </c>
      <c r="K64" s="21">
        <v>32</v>
      </c>
      <c r="L64" s="53">
        <v>17</v>
      </c>
      <c r="M64" s="54">
        <v>15</v>
      </c>
    </row>
    <row r="65" spans="1:13">
      <c r="A65" s="24" t="s">
        <v>72</v>
      </c>
      <c r="B65" s="25">
        <v>21</v>
      </c>
      <c r="C65" s="26">
        <v>6</v>
      </c>
      <c r="D65" s="26">
        <v>15</v>
      </c>
      <c r="E65" s="25">
        <v>3</v>
      </c>
      <c r="F65" s="26">
        <v>1</v>
      </c>
      <c r="G65" s="27">
        <v>2</v>
      </c>
      <c r="H65" s="26">
        <v>42</v>
      </c>
      <c r="I65" s="26">
        <v>18</v>
      </c>
      <c r="J65" s="26">
        <v>24</v>
      </c>
      <c r="K65" s="25">
        <v>18</v>
      </c>
      <c r="L65" s="55">
        <v>11</v>
      </c>
      <c r="M65" s="56">
        <v>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46</v>
      </c>
      <c r="C69" s="58">
        <v>163</v>
      </c>
      <c r="D69" s="59">
        <v>18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46</v>
      </c>
      <c r="C70" s="61">
        <v>163</v>
      </c>
      <c r="D70" s="62">
        <v>183</v>
      </c>
    </row>
    <row r="71" spans="1:13">
      <c r="A71" s="24" t="s">
        <v>14</v>
      </c>
      <c r="B71" s="63">
        <v>346</v>
      </c>
      <c r="C71" s="64">
        <v>163</v>
      </c>
      <c r="D71" s="65">
        <v>183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9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23</v>
      </c>
      <c r="C77" s="18">
        <v>10</v>
      </c>
      <c r="D77" s="18">
        <v>13</v>
      </c>
      <c r="E77" s="17">
        <v>9</v>
      </c>
      <c r="F77" s="18">
        <v>3</v>
      </c>
      <c r="G77" s="19">
        <v>6</v>
      </c>
      <c r="H77" s="18">
        <v>144</v>
      </c>
      <c r="I77" s="18">
        <v>67</v>
      </c>
      <c r="J77" s="18">
        <v>77</v>
      </c>
      <c r="K77" s="17">
        <v>112</v>
      </c>
      <c r="L77" s="51">
        <v>54</v>
      </c>
      <c r="M77" s="52">
        <v>58</v>
      </c>
    </row>
    <row r="78" spans="1:13">
      <c r="A78" s="40" t="s">
        <v>81</v>
      </c>
      <c r="B78" s="21">
        <v>-5</v>
      </c>
      <c r="C78" s="22">
        <v>-3</v>
      </c>
      <c r="D78" s="22">
        <v>-2</v>
      </c>
      <c r="E78" s="21">
        <v>1</v>
      </c>
      <c r="F78" s="22">
        <v>0</v>
      </c>
      <c r="G78" s="23">
        <v>1</v>
      </c>
      <c r="H78" s="22">
        <v>29</v>
      </c>
      <c r="I78" s="22">
        <v>15</v>
      </c>
      <c r="J78" s="22">
        <v>14</v>
      </c>
      <c r="K78" s="21">
        <v>33</v>
      </c>
      <c r="L78" s="53">
        <v>18</v>
      </c>
      <c r="M78" s="54">
        <v>15</v>
      </c>
    </row>
    <row r="79" spans="1:13">
      <c r="A79" s="40" t="s">
        <v>82</v>
      </c>
      <c r="B79" s="21">
        <v>7</v>
      </c>
      <c r="C79" s="22">
        <v>3</v>
      </c>
      <c r="D79" s="22">
        <v>4</v>
      </c>
      <c r="E79" s="21">
        <v>2</v>
      </c>
      <c r="F79" s="22">
        <v>0</v>
      </c>
      <c r="G79" s="23">
        <v>2</v>
      </c>
      <c r="H79" s="22">
        <v>29</v>
      </c>
      <c r="I79" s="22">
        <v>13</v>
      </c>
      <c r="J79" s="22">
        <v>16</v>
      </c>
      <c r="K79" s="21">
        <v>20</v>
      </c>
      <c r="L79" s="53">
        <v>10</v>
      </c>
      <c r="M79" s="54">
        <v>10</v>
      </c>
    </row>
    <row r="80" spans="1:13">
      <c r="A80" s="40" t="s">
        <v>83</v>
      </c>
      <c r="B80" s="21">
        <v>-4</v>
      </c>
      <c r="C80" s="22">
        <v>-7</v>
      </c>
      <c r="D80" s="22">
        <v>3</v>
      </c>
      <c r="E80" s="21">
        <v>1</v>
      </c>
      <c r="F80" s="22">
        <v>1</v>
      </c>
      <c r="G80" s="23">
        <v>0</v>
      </c>
      <c r="H80" s="22">
        <v>25</v>
      </c>
      <c r="I80" s="22">
        <v>7</v>
      </c>
      <c r="J80" s="22">
        <v>18</v>
      </c>
      <c r="K80" s="21">
        <v>28</v>
      </c>
      <c r="L80" s="53">
        <v>13</v>
      </c>
      <c r="M80" s="54">
        <v>15</v>
      </c>
    </row>
    <row r="81" spans="1:13">
      <c r="A81" s="40" t="s">
        <v>84</v>
      </c>
      <c r="B81" s="21">
        <v>16</v>
      </c>
      <c r="C81" s="22">
        <v>8</v>
      </c>
      <c r="D81" s="22">
        <v>8</v>
      </c>
      <c r="E81" s="21">
        <v>5</v>
      </c>
      <c r="F81" s="22">
        <v>2</v>
      </c>
      <c r="G81" s="23">
        <v>3</v>
      </c>
      <c r="H81" s="22">
        <v>30</v>
      </c>
      <c r="I81" s="22">
        <v>15</v>
      </c>
      <c r="J81" s="22">
        <v>15</v>
      </c>
      <c r="K81" s="21">
        <v>9</v>
      </c>
      <c r="L81" s="53">
        <v>5</v>
      </c>
      <c r="M81" s="54">
        <v>4</v>
      </c>
    </row>
    <row r="82" spans="1:13">
      <c r="A82" s="40" t="s">
        <v>85</v>
      </c>
      <c r="B82" s="21">
        <v>9</v>
      </c>
      <c r="C82" s="22">
        <v>9</v>
      </c>
      <c r="D82" s="22">
        <v>0</v>
      </c>
      <c r="E82" s="21">
        <v>0</v>
      </c>
      <c r="F82" s="22">
        <v>0</v>
      </c>
      <c r="G82" s="23">
        <v>0</v>
      </c>
      <c r="H82" s="22">
        <v>31</v>
      </c>
      <c r="I82" s="22">
        <v>17</v>
      </c>
      <c r="J82" s="22">
        <v>14</v>
      </c>
      <c r="K82" s="21">
        <v>22</v>
      </c>
      <c r="L82" s="53">
        <v>8</v>
      </c>
      <c r="M82" s="54">
        <v>14</v>
      </c>
    </row>
    <row r="83" spans="1:13" ht="19.5" customHeight="1">
      <c r="A83" s="34" t="s">
        <v>86</v>
      </c>
      <c r="B83" s="17">
        <v>5</v>
      </c>
      <c r="C83" s="18">
        <v>0</v>
      </c>
      <c r="D83" s="18">
        <v>5</v>
      </c>
      <c r="E83" s="17">
        <v>13</v>
      </c>
      <c r="F83" s="18">
        <v>9</v>
      </c>
      <c r="G83" s="19">
        <v>4</v>
      </c>
      <c r="H83" s="18">
        <v>91</v>
      </c>
      <c r="I83" s="18">
        <v>46</v>
      </c>
      <c r="J83" s="18">
        <v>45</v>
      </c>
      <c r="K83" s="17">
        <v>73</v>
      </c>
      <c r="L83" s="51">
        <v>37</v>
      </c>
      <c r="M83" s="52">
        <v>36</v>
      </c>
    </row>
    <row r="84" spans="1:13">
      <c r="A84" s="40" t="s">
        <v>87</v>
      </c>
      <c r="B84" s="21">
        <v>7</v>
      </c>
      <c r="C84" s="22">
        <v>0</v>
      </c>
      <c r="D84" s="22">
        <v>7</v>
      </c>
      <c r="E84" s="21">
        <v>3</v>
      </c>
      <c r="F84" s="22">
        <v>2</v>
      </c>
      <c r="G84" s="23">
        <v>1</v>
      </c>
      <c r="H84" s="22">
        <v>25</v>
      </c>
      <c r="I84" s="22">
        <v>8</v>
      </c>
      <c r="J84" s="22">
        <v>17</v>
      </c>
      <c r="K84" s="21">
        <v>15</v>
      </c>
      <c r="L84" s="53">
        <v>6</v>
      </c>
      <c r="M84" s="54">
        <v>9</v>
      </c>
    </row>
    <row r="85" spans="1:13">
      <c r="A85" s="40" t="s">
        <v>88</v>
      </c>
      <c r="B85" s="21">
        <v>-7</v>
      </c>
      <c r="C85" s="22">
        <v>-6</v>
      </c>
      <c r="D85" s="22">
        <v>-1</v>
      </c>
      <c r="E85" s="21">
        <v>5</v>
      </c>
      <c r="F85" s="22">
        <v>3</v>
      </c>
      <c r="G85" s="23">
        <v>2</v>
      </c>
      <c r="H85" s="22">
        <v>15</v>
      </c>
      <c r="I85" s="22">
        <v>6</v>
      </c>
      <c r="J85" s="22">
        <v>9</v>
      </c>
      <c r="K85" s="21">
        <v>17</v>
      </c>
      <c r="L85" s="53">
        <v>9</v>
      </c>
      <c r="M85" s="54">
        <v>8</v>
      </c>
    </row>
    <row r="86" spans="1:13">
      <c r="A86" s="40" t="s">
        <v>89</v>
      </c>
      <c r="B86" s="21">
        <v>0</v>
      </c>
      <c r="C86" s="22">
        <v>5</v>
      </c>
      <c r="D86" s="22">
        <v>-5</v>
      </c>
      <c r="E86" s="21">
        <v>2</v>
      </c>
      <c r="F86" s="22">
        <v>1</v>
      </c>
      <c r="G86" s="23">
        <v>1</v>
      </c>
      <c r="H86" s="22">
        <v>18</v>
      </c>
      <c r="I86" s="22">
        <v>15</v>
      </c>
      <c r="J86" s="22">
        <v>3</v>
      </c>
      <c r="K86" s="21">
        <v>16</v>
      </c>
      <c r="L86" s="53">
        <v>9</v>
      </c>
      <c r="M86" s="54">
        <v>7</v>
      </c>
    </row>
    <row r="87" spans="1:13">
      <c r="A87" s="40" t="s">
        <v>90</v>
      </c>
      <c r="B87" s="21">
        <v>7</v>
      </c>
      <c r="C87" s="22">
        <v>5</v>
      </c>
      <c r="D87" s="22">
        <v>2</v>
      </c>
      <c r="E87" s="21">
        <v>1</v>
      </c>
      <c r="F87" s="22">
        <v>1</v>
      </c>
      <c r="G87" s="23">
        <v>0</v>
      </c>
      <c r="H87" s="22">
        <v>19</v>
      </c>
      <c r="I87" s="22">
        <v>11</v>
      </c>
      <c r="J87" s="22">
        <v>8</v>
      </c>
      <c r="K87" s="21">
        <v>11</v>
      </c>
      <c r="L87" s="53">
        <v>5</v>
      </c>
      <c r="M87" s="54">
        <v>6</v>
      </c>
    </row>
    <row r="88" spans="1:13">
      <c r="A88" s="40" t="s">
        <v>91</v>
      </c>
      <c r="B88" s="21">
        <v>-2</v>
      </c>
      <c r="C88" s="22">
        <v>-4</v>
      </c>
      <c r="D88" s="22">
        <v>2</v>
      </c>
      <c r="E88" s="21">
        <v>2</v>
      </c>
      <c r="F88" s="22">
        <v>2</v>
      </c>
      <c r="G88" s="23">
        <v>0</v>
      </c>
      <c r="H88" s="22">
        <v>14</v>
      </c>
      <c r="I88" s="22">
        <v>6</v>
      </c>
      <c r="J88" s="22">
        <v>8</v>
      </c>
      <c r="K88" s="21">
        <v>14</v>
      </c>
      <c r="L88" s="53">
        <v>8</v>
      </c>
      <c r="M88" s="54">
        <v>6</v>
      </c>
    </row>
    <row r="89" spans="1:13" ht="19.5" customHeight="1">
      <c r="A89" s="34" t="s">
        <v>92</v>
      </c>
      <c r="B89" s="17">
        <v>-7</v>
      </c>
      <c r="C89" s="18">
        <v>-5</v>
      </c>
      <c r="D89" s="18">
        <v>-2</v>
      </c>
      <c r="E89" s="17">
        <v>11</v>
      </c>
      <c r="F89" s="18">
        <v>5</v>
      </c>
      <c r="G89" s="19">
        <v>6</v>
      </c>
      <c r="H89" s="18">
        <v>71</v>
      </c>
      <c r="I89" s="18">
        <v>36</v>
      </c>
      <c r="J89" s="18">
        <v>35</v>
      </c>
      <c r="K89" s="17">
        <v>67</v>
      </c>
      <c r="L89" s="51">
        <v>36</v>
      </c>
      <c r="M89" s="52">
        <v>31</v>
      </c>
    </row>
    <row r="90" spans="1:13">
      <c r="A90" s="40" t="s">
        <v>93</v>
      </c>
      <c r="B90" s="21">
        <v>-10</v>
      </c>
      <c r="C90" s="22">
        <v>-6</v>
      </c>
      <c r="D90" s="22">
        <v>-4</v>
      </c>
      <c r="E90" s="21">
        <v>2</v>
      </c>
      <c r="F90" s="22">
        <v>2</v>
      </c>
      <c r="G90" s="23">
        <v>0</v>
      </c>
      <c r="H90" s="22">
        <v>12</v>
      </c>
      <c r="I90" s="22">
        <v>6</v>
      </c>
      <c r="J90" s="22">
        <v>6</v>
      </c>
      <c r="K90" s="21">
        <v>20</v>
      </c>
      <c r="L90" s="53">
        <v>10</v>
      </c>
      <c r="M90" s="54">
        <v>10</v>
      </c>
    </row>
    <row r="91" spans="1:13">
      <c r="A91" s="40" t="s">
        <v>94</v>
      </c>
      <c r="B91" s="21">
        <v>-2</v>
      </c>
      <c r="C91" s="22">
        <v>-5</v>
      </c>
      <c r="D91" s="22">
        <v>3</v>
      </c>
      <c r="E91" s="21">
        <v>4</v>
      </c>
      <c r="F91" s="22">
        <v>3</v>
      </c>
      <c r="G91" s="23">
        <v>1</v>
      </c>
      <c r="H91" s="22">
        <v>21</v>
      </c>
      <c r="I91" s="22">
        <v>12</v>
      </c>
      <c r="J91" s="22">
        <v>9</v>
      </c>
      <c r="K91" s="21">
        <v>19</v>
      </c>
      <c r="L91" s="53">
        <v>14</v>
      </c>
      <c r="M91" s="54">
        <v>5</v>
      </c>
    </row>
    <row r="92" spans="1:13">
      <c r="A92" s="40" t="s">
        <v>95</v>
      </c>
      <c r="B92" s="21">
        <v>5</v>
      </c>
      <c r="C92" s="22">
        <v>2</v>
      </c>
      <c r="D92" s="22">
        <v>3</v>
      </c>
      <c r="E92" s="21">
        <v>1</v>
      </c>
      <c r="F92" s="22">
        <v>0</v>
      </c>
      <c r="G92" s="23">
        <v>1</v>
      </c>
      <c r="H92" s="22">
        <v>17</v>
      </c>
      <c r="I92" s="22">
        <v>8</v>
      </c>
      <c r="J92" s="22">
        <v>9</v>
      </c>
      <c r="K92" s="21">
        <v>11</v>
      </c>
      <c r="L92" s="53">
        <v>6</v>
      </c>
      <c r="M92" s="54">
        <v>5</v>
      </c>
    </row>
    <row r="93" spans="1:13">
      <c r="A93" s="40" t="s">
        <v>96</v>
      </c>
      <c r="B93" s="21">
        <v>-3</v>
      </c>
      <c r="C93" s="22">
        <v>-1</v>
      </c>
      <c r="D93" s="22">
        <v>-2</v>
      </c>
      <c r="E93" s="21">
        <v>2</v>
      </c>
      <c r="F93" s="22">
        <v>0</v>
      </c>
      <c r="G93" s="23">
        <v>2</v>
      </c>
      <c r="H93" s="22">
        <v>9</v>
      </c>
      <c r="I93" s="22">
        <v>4</v>
      </c>
      <c r="J93" s="22">
        <v>5</v>
      </c>
      <c r="K93" s="21">
        <v>10</v>
      </c>
      <c r="L93" s="53">
        <v>5</v>
      </c>
      <c r="M93" s="54">
        <v>5</v>
      </c>
    </row>
    <row r="94" spans="1:13">
      <c r="A94" s="40" t="s">
        <v>97</v>
      </c>
      <c r="B94" s="21">
        <v>3</v>
      </c>
      <c r="C94" s="22">
        <v>5</v>
      </c>
      <c r="D94" s="22">
        <v>-2</v>
      </c>
      <c r="E94" s="21">
        <v>2</v>
      </c>
      <c r="F94" s="22">
        <v>0</v>
      </c>
      <c r="G94" s="23">
        <v>2</v>
      </c>
      <c r="H94" s="22">
        <v>12</v>
      </c>
      <c r="I94" s="22">
        <v>6</v>
      </c>
      <c r="J94" s="22">
        <v>6</v>
      </c>
      <c r="K94" s="21">
        <v>7</v>
      </c>
      <c r="L94" s="53">
        <v>1</v>
      </c>
      <c r="M94" s="54">
        <v>6</v>
      </c>
    </row>
    <row r="95" spans="1:13" ht="19.5" customHeight="1">
      <c r="A95" s="34" t="s">
        <v>98</v>
      </c>
      <c r="B95" s="17">
        <v>-17</v>
      </c>
      <c r="C95" s="18">
        <v>-10</v>
      </c>
      <c r="D95" s="18">
        <v>-7</v>
      </c>
      <c r="E95" s="17">
        <v>19</v>
      </c>
      <c r="F95" s="18">
        <v>11</v>
      </c>
      <c r="G95" s="19">
        <v>8</v>
      </c>
      <c r="H95" s="18">
        <v>57</v>
      </c>
      <c r="I95" s="18">
        <v>30</v>
      </c>
      <c r="J95" s="18">
        <v>27</v>
      </c>
      <c r="K95" s="17">
        <v>55</v>
      </c>
      <c r="L95" s="51">
        <v>29</v>
      </c>
      <c r="M95" s="52">
        <v>26</v>
      </c>
    </row>
    <row r="96" spans="1:13">
      <c r="A96" s="40" t="s">
        <v>99</v>
      </c>
      <c r="B96" s="21">
        <v>-4</v>
      </c>
      <c r="C96" s="22">
        <v>-2</v>
      </c>
      <c r="D96" s="22">
        <v>-2</v>
      </c>
      <c r="E96" s="21">
        <v>2</v>
      </c>
      <c r="F96" s="22">
        <v>1</v>
      </c>
      <c r="G96" s="23">
        <v>1</v>
      </c>
      <c r="H96" s="22">
        <v>10</v>
      </c>
      <c r="I96" s="22">
        <v>7</v>
      </c>
      <c r="J96" s="22">
        <v>3</v>
      </c>
      <c r="K96" s="21">
        <v>12</v>
      </c>
      <c r="L96" s="53">
        <v>8</v>
      </c>
      <c r="M96" s="54">
        <v>4</v>
      </c>
    </row>
    <row r="97" spans="1:13">
      <c r="A97" s="40" t="s">
        <v>100</v>
      </c>
      <c r="B97" s="21">
        <v>-4</v>
      </c>
      <c r="C97" s="22">
        <v>0</v>
      </c>
      <c r="D97" s="22">
        <v>-4</v>
      </c>
      <c r="E97" s="21">
        <v>3</v>
      </c>
      <c r="F97" s="22">
        <v>1</v>
      </c>
      <c r="G97" s="23">
        <v>2</v>
      </c>
      <c r="H97" s="22">
        <v>13</v>
      </c>
      <c r="I97" s="22">
        <v>8</v>
      </c>
      <c r="J97" s="22">
        <v>5</v>
      </c>
      <c r="K97" s="21">
        <v>14</v>
      </c>
      <c r="L97" s="53">
        <v>7</v>
      </c>
      <c r="M97" s="54">
        <v>7</v>
      </c>
    </row>
    <row r="98" spans="1:13">
      <c r="A98" s="40" t="s">
        <v>101</v>
      </c>
      <c r="B98" s="21">
        <v>-13</v>
      </c>
      <c r="C98" s="22">
        <v>-3</v>
      </c>
      <c r="D98" s="22">
        <v>-10</v>
      </c>
      <c r="E98" s="21">
        <v>6</v>
      </c>
      <c r="F98" s="22">
        <v>3</v>
      </c>
      <c r="G98" s="23">
        <v>3</v>
      </c>
      <c r="H98" s="22">
        <v>4</v>
      </c>
      <c r="I98" s="22">
        <v>2</v>
      </c>
      <c r="J98" s="22">
        <v>2</v>
      </c>
      <c r="K98" s="21">
        <v>11</v>
      </c>
      <c r="L98" s="53">
        <v>2</v>
      </c>
      <c r="M98" s="54">
        <v>9</v>
      </c>
    </row>
    <row r="99" spans="1:13">
      <c r="A99" s="40" t="s">
        <v>102</v>
      </c>
      <c r="B99" s="21">
        <v>2</v>
      </c>
      <c r="C99" s="22">
        <v>0</v>
      </c>
      <c r="D99" s="22">
        <v>2</v>
      </c>
      <c r="E99" s="21">
        <v>2</v>
      </c>
      <c r="F99" s="22">
        <v>1</v>
      </c>
      <c r="G99" s="23">
        <v>1</v>
      </c>
      <c r="H99" s="22">
        <v>14</v>
      </c>
      <c r="I99" s="22">
        <v>7</v>
      </c>
      <c r="J99" s="22">
        <v>7</v>
      </c>
      <c r="K99" s="21">
        <v>10</v>
      </c>
      <c r="L99" s="53">
        <v>6</v>
      </c>
      <c r="M99" s="54">
        <v>4</v>
      </c>
    </row>
    <row r="100" spans="1:13">
      <c r="A100" s="40" t="s">
        <v>103</v>
      </c>
      <c r="B100" s="21">
        <v>2</v>
      </c>
      <c r="C100" s="22">
        <v>-5</v>
      </c>
      <c r="D100" s="22">
        <v>7</v>
      </c>
      <c r="E100" s="21">
        <v>6</v>
      </c>
      <c r="F100" s="22">
        <v>5</v>
      </c>
      <c r="G100" s="23">
        <v>1</v>
      </c>
      <c r="H100" s="22">
        <v>16</v>
      </c>
      <c r="I100" s="22">
        <v>6</v>
      </c>
      <c r="J100" s="22">
        <v>10</v>
      </c>
      <c r="K100" s="21">
        <v>8</v>
      </c>
      <c r="L100" s="53">
        <v>6</v>
      </c>
      <c r="M100" s="54">
        <v>2</v>
      </c>
    </row>
    <row r="101" spans="1:13" ht="19.5" customHeight="1">
      <c r="A101" s="34" t="s">
        <v>104</v>
      </c>
      <c r="B101" s="17">
        <v>-66</v>
      </c>
      <c r="C101" s="18">
        <v>-35</v>
      </c>
      <c r="D101" s="18">
        <v>-31</v>
      </c>
      <c r="E101" s="17">
        <v>50</v>
      </c>
      <c r="F101" s="18">
        <v>32</v>
      </c>
      <c r="G101" s="19">
        <v>18</v>
      </c>
      <c r="H101" s="18">
        <v>41</v>
      </c>
      <c r="I101" s="18">
        <v>23</v>
      </c>
      <c r="J101" s="18">
        <v>18</v>
      </c>
      <c r="K101" s="17">
        <v>57</v>
      </c>
      <c r="L101" s="51">
        <v>26</v>
      </c>
      <c r="M101" s="52">
        <v>31</v>
      </c>
    </row>
    <row r="102" spans="1:13">
      <c r="A102" s="40" t="s">
        <v>105</v>
      </c>
      <c r="B102" s="21">
        <v>-19</v>
      </c>
      <c r="C102" s="22">
        <v>-9</v>
      </c>
      <c r="D102" s="22">
        <v>-10</v>
      </c>
      <c r="E102" s="21">
        <v>14</v>
      </c>
      <c r="F102" s="22">
        <v>9</v>
      </c>
      <c r="G102" s="23">
        <v>5</v>
      </c>
      <c r="H102" s="22">
        <v>8</v>
      </c>
      <c r="I102" s="22">
        <v>5</v>
      </c>
      <c r="J102" s="22">
        <v>3</v>
      </c>
      <c r="K102" s="21">
        <v>13</v>
      </c>
      <c r="L102" s="53">
        <v>5</v>
      </c>
      <c r="M102" s="54">
        <v>8</v>
      </c>
    </row>
    <row r="103" spans="1:13">
      <c r="A103" s="40" t="s">
        <v>106</v>
      </c>
      <c r="B103" s="21">
        <v>-14</v>
      </c>
      <c r="C103" s="22">
        <v>-6</v>
      </c>
      <c r="D103" s="22">
        <v>-8</v>
      </c>
      <c r="E103" s="21">
        <v>12</v>
      </c>
      <c r="F103" s="22">
        <v>7</v>
      </c>
      <c r="G103" s="23">
        <v>5</v>
      </c>
      <c r="H103" s="22">
        <v>14</v>
      </c>
      <c r="I103" s="22">
        <v>9</v>
      </c>
      <c r="J103" s="22">
        <v>5</v>
      </c>
      <c r="K103" s="21">
        <v>16</v>
      </c>
      <c r="L103" s="53">
        <v>8</v>
      </c>
      <c r="M103" s="54">
        <v>8</v>
      </c>
    </row>
    <row r="104" spans="1:13">
      <c r="A104" s="40" t="s">
        <v>107</v>
      </c>
      <c r="B104" s="21">
        <v>-14</v>
      </c>
      <c r="C104" s="22">
        <v>-10</v>
      </c>
      <c r="D104" s="22">
        <v>-4</v>
      </c>
      <c r="E104" s="21">
        <v>12</v>
      </c>
      <c r="F104" s="22">
        <v>9</v>
      </c>
      <c r="G104" s="23">
        <v>3</v>
      </c>
      <c r="H104" s="22">
        <v>11</v>
      </c>
      <c r="I104" s="22">
        <v>6</v>
      </c>
      <c r="J104" s="22">
        <v>5</v>
      </c>
      <c r="K104" s="21">
        <v>13</v>
      </c>
      <c r="L104" s="53">
        <v>7</v>
      </c>
      <c r="M104" s="54">
        <v>6</v>
      </c>
    </row>
    <row r="105" spans="1:13">
      <c r="A105" s="40" t="s">
        <v>108</v>
      </c>
      <c r="B105" s="21">
        <v>-8</v>
      </c>
      <c r="C105" s="22">
        <v>-4</v>
      </c>
      <c r="D105" s="22">
        <v>-4</v>
      </c>
      <c r="E105" s="21">
        <v>5</v>
      </c>
      <c r="F105" s="22">
        <v>3</v>
      </c>
      <c r="G105" s="23">
        <v>2</v>
      </c>
      <c r="H105" s="22">
        <v>3</v>
      </c>
      <c r="I105" s="22">
        <v>1</v>
      </c>
      <c r="J105" s="22">
        <v>2</v>
      </c>
      <c r="K105" s="21">
        <v>6</v>
      </c>
      <c r="L105" s="53">
        <v>2</v>
      </c>
      <c r="M105" s="54">
        <v>4</v>
      </c>
    </row>
    <row r="106" spans="1:13">
      <c r="A106" s="40" t="s">
        <v>109</v>
      </c>
      <c r="B106" s="21">
        <v>-11</v>
      </c>
      <c r="C106" s="22">
        <v>-6</v>
      </c>
      <c r="D106" s="22">
        <v>-5</v>
      </c>
      <c r="E106" s="21">
        <v>7</v>
      </c>
      <c r="F106" s="22">
        <v>4</v>
      </c>
      <c r="G106" s="23">
        <v>3</v>
      </c>
      <c r="H106" s="22">
        <v>5</v>
      </c>
      <c r="I106" s="22">
        <v>2</v>
      </c>
      <c r="J106" s="22">
        <v>3</v>
      </c>
      <c r="K106" s="21">
        <v>9</v>
      </c>
      <c r="L106" s="53">
        <v>4</v>
      </c>
      <c r="M106" s="54">
        <v>5</v>
      </c>
    </row>
    <row r="107" spans="1:13" ht="19.5" customHeight="1">
      <c r="A107" s="34" t="s">
        <v>110</v>
      </c>
      <c r="B107" s="17">
        <v>-71</v>
      </c>
      <c r="C107" s="18">
        <v>-54</v>
      </c>
      <c r="D107" s="18">
        <v>-17</v>
      </c>
      <c r="E107" s="17">
        <v>62</v>
      </c>
      <c r="F107" s="18">
        <v>46</v>
      </c>
      <c r="G107" s="19">
        <v>16</v>
      </c>
      <c r="H107" s="18">
        <v>64</v>
      </c>
      <c r="I107" s="18">
        <v>22</v>
      </c>
      <c r="J107" s="18">
        <v>42</v>
      </c>
      <c r="K107" s="17">
        <v>73</v>
      </c>
      <c r="L107" s="51">
        <v>30</v>
      </c>
      <c r="M107" s="52">
        <v>43</v>
      </c>
    </row>
    <row r="108" spans="1:13">
      <c r="A108" s="40" t="s">
        <v>111</v>
      </c>
      <c r="B108" s="21">
        <v>-17</v>
      </c>
      <c r="C108" s="22">
        <v>-14</v>
      </c>
      <c r="D108" s="22">
        <v>-3</v>
      </c>
      <c r="E108" s="21">
        <v>11</v>
      </c>
      <c r="F108" s="22">
        <v>8</v>
      </c>
      <c r="G108" s="23">
        <v>3</v>
      </c>
      <c r="H108" s="22">
        <v>35</v>
      </c>
      <c r="I108" s="22">
        <v>11</v>
      </c>
      <c r="J108" s="22">
        <v>24</v>
      </c>
      <c r="K108" s="21">
        <v>41</v>
      </c>
      <c r="L108" s="53">
        <v>17</v>
      </c>
      <c r="M108" s="54">
        <v>24</v>
      </c>
    </row>
    <row r="109" spans="1:13">
      <c r="A109" s="40" t="s">
        <v>112</v>
      </c>
      <c r="B109" s="21">
        <v>-17</v>
      </c>
      <c r="C109" s="22">
        <v>-12</v>
      </c>
      <c r="D109" s="22">
        <v>-5</v>
      </c>
      <c r="E109" s="21">
        <v>14</v>
      </c>
      <c r="F109" s="22">
        <v>9</v>
      </c>
      <c r="G109" s="23">
        <v>5</v>
      </c>
      <c r="H109" s="22">
        <v>5</v>
      </c>
      <c r="I109" s="22">
        <v>1</v>
      </c>
      <c r="J109" s="22">
        <v>4</v>
      </c>
      <c r="K109" s="21">
        <v>8</v>
      </c>
      <c r="L109" s="53">
        <v>4</v>
      </c>
      <c r="M109" s="54">
        <v>4</v>
      </c>
    </row>
    <row r="110" spans="1:13">
      <c r="A110" s="40" t="s">
        <v>113</v>
      </c>
      <c r="B110" s="21">
        <v>-12</v>
      </c>
      <c r="C110" s="22">
        <v>-10</v>
      </c>
      <c r="D110" s="22">
        <v>-2</v>
      </c>
      <c r="E110" s="21">
        <v>14</v>
      </c>
      <c r="F110" s="22">
        <v>10</v>
      </c>
      <c r="G110" s="23">
        <v>4</v>
      </c>
      <c r="H110" s="22">
        <v>8</v>
      </c>
      <c r="I110" s="22">
        <v>3</v>
      </c>
      <c r="J110" s="22">
        <v>5</v>
      </c>
      <c r="K110" s="21">
        <v>6</v>
      </c>
      <c r="L110" s="53">
        <v>3</v>
      </c>
      <c r="M110" s="54">
        <v>3</v>
      </c>
    </row>
    <row r="111" spans="1:13">
      <c r="A111" s="40" t="s">
        <v>114</v>
      </c>
      <c r="B111" s="21">
        <v>-10</v>
      </c>
      <c r="C111" s="22">
        <v>-5</v>
      </c>
      <c r="D111" s="22">
        <v>-5</v>
      </c>
      <c r="E111" s="21">
        <v>10</v>
      </c>
      <c r="F111" s="22">
        <v>8</v>
      </c>
      <c r="G111" s="23">
        <v>2</v>
      </c>
      <c r="H111" s="22">
        <v>10</v>
      </c>
      <c r="I111" s="22">
        <v>6</v>
      </c>
      <c r="J111" s="22">
        <v>4</v>
      </c>
      <c r="K111" s="21">
        <v>10</v>
      </c>
      <c r="L111" s="53">
        <v>3</v>
      </c>
      <c r="M111" s="54">
        <v>7</v>
      </c>
    </row>
    <row r="112" spans="1:13">
      <c r="A112" s="40" t="s">
        <v>115</v>
      </c>
      <c r="B112" s="21">
        <v>-15</v>
      </c>
      <c r="C112" s="22">
        <v>-13</v>
      </c>
      <c r="D112" s="22">
        <v>-2</v>
      </c>
      <c r="E112" s="21">
        <v>13</v>
      </c>
      <c r="F112" s="22">
        <v>11</v>
      </c>
      <c r="G112" s="23">
        <v>2</v>
      </c>
      <c r="H112" s="22">
        <v>6</v>
      </c>
      <c r="I112" s="22">
        <v>1</v>
      </c>
      <c r="J112" s="22">
        <v>5</v>
      </c>
      <c r="K112" s="21">
        <v>8</v>
      </c>
      <c r="L112" s="53">
        <v>3</v>
      </c>
      <c r="M112" s="54">
        <v>5</v>
      </c>
    </row>
    <row r="113" spans="1:13" ht="19.5" customHeight="1">
      <c r="A113" s="34" t="s">
        <v>116</v>
      </c>
      <c r="B113" s="17">
        <v>-124</v>
      </c>
      <c r="C113" s="18">
        <v>-71</v>
      </c>
      <c r="D113" s="18">
        <v>-53</v>
      </c>
      <c r="E113" s="17">
        <v>107</v>
      </c>
      <c r="F113" s="18">
        <v>64</v>
      </c>
      <c r="G113" s="19">
        <v>43</v>
      </c>
      <c r="H113" s="18">
        <v>20</v>
      </c>
      <c r="I113" s="18">
        <v>8</v>
      </c>
      <c r="J113" s="18">
        <v>12</v>
      </c>
      <c r="K113" s="17">
        <v>37</v>
      </c>
      <c r="L113" s="51">
        <v>15</v>
      </c>
      <c r="M113" s="52">
        <v>22</v>
      </c>
    </row>
    <row r="114" spans="1:13">
      <c r="A114" s="40" t="s">
        <v>117</v>
      </c>
      <c r="B114" s="21">
        <v>-14</v>
      </c>
      <c r="C114" s="22">
        <v>-9</v>
      </c>
      <c r="D114" s="22">
        <v>-5</v>
      </c>
      <c r="E114" s="21">
        <v>14</v>
      </c>
      <c r="F114" s="22">
        <v>9</v>
      </c>
      <c r="G114" s="23">
        <v>5</v>
      </c>
      <c r="H114" s="22">
        <v>4</v>
      </c>
      <c r="I114" s="22">
        <v>2</v>
      </c>
      <c r="J114" s="22">
        <v>2</v>
      </c>
      <c r="K114" s="21">
        <v>4</v>
      </c>
      <c r="L114" s="53">
        <v>2</v>
      </c>
      <c r="M114" s="54">
        <v>2</v>
      </c>
    </row>
    <row r="115" spans="1:13">
      <c r="A115" s="40" t="s">
        <v>118</v>
      </c>
      <c r="B115" s="21">
        <v>-22</v>
      </c>
      <c r="C115" s="22">
        <v>-13</v>
      </c>
      <c r="D115" s="22">
        <v>-9</v>
      </c>
      <c r="E115" s="21">
        <v>19</v>
      </c>
      <c r="F115" s="22">
        <v>13</v>
      </c>
      <c r="G115" s="23">
        <v>6</v>
      </c>
      <c r="H115" s="22">
        <v>2</v>
      </c>
      <c r="I115" s="22">
        <v>1</v>
      </c>
      <c r="J115" s="22">
        <v>1</v>
      </c>
      <c r="K115" s="21">
        <v>5</v>
      </c>
      <c r="L115" s="53">
        <v>1</v>
      </c>
      <c r="M115" s="54">
        <v>4</v>
      </c>
    </row>
    <row r="116" spans="1:13">
      <c r="A116" s="40" t="s">
        <v>119</v>
      </c>
      <c r="B116" s="21">
        <v>-31</v>
      </c>
      <c r="C116" s="22">
        <v>-16</v>
      </c>
      <c r="D116" s="22">
        <v>-15</v>
      </c>
      <c r="E116" s="21">
        <v>26</v>
      </c>
      <c r="F116" s="22">
        <v>16</v>
      </c>
      <c r="G116" s="23">
        <v>10</v>
      </c>
      <c r="H116" s="22">
        <v>6</v>
      </c>
      <c r="I116" s="22">
        <v>4</v>
      </c>
      <c r="J116" s="22">
        <v>2</v>
      </c>
      <c r="K116" s="21">
        <v>11</v>
      </c>
      <c r="L116" s="53">
        <v>4</v>
      </c>
      <c r="M116" s="54">
        <v>7</v>
      </c>
    </row>
    <row r="117" spans="1:13">
      <c r="A117" s="40" t="s">
        <v>120</v>
      </c>
      <c r="B117" s="21">
        <v>-20</v>
      </c>
      <c r="C117" s="22">
        <v>-17</v>
      </c>
      <c r="D117" s="22">
        <v>-3</v>
      </c>
      <c r="E117" s="21">
        <v>21</v>
      </c>
      <c r="F117" s="22">
        <v>16</v>
      </c>
      <c r="G117" s="23">
        <v>5</v>
      </c>
      <c r="H117" s="22">
        <v>4</v>
      </c>
      <c r="I117" s="22">
        <v>0</v>
      </c>
      <c r="J117" s="22">
        <v>4</v>
      </c>
      <c r="K117" s="21">
        <v>3</v>
      </c>
      <c r="L117" s="53">
        <v>1</v>
      </c>
      <c r="M117" s="54">
        <v>2</v>
      </c>
    </row>
    <row r="118" spans="1:13">
      <c r="A118" s="40" t="s">
        <v>121</v>
      </c>
      <c r="B118" s="21">
        <v>-37</v>
      </c>
      <c r="C118" s="22">
        <v>-16</v>
      </c>
      <c r="D118" s="22">
        <v>-21</v>
      </c>
      <c r="E118" s="21">
        <v>27</v>
      </c>
      <c r="F118" s="22">
        <v>10</v>
      </c>
      <c r="G118" s="23">
        <v>17</v>
      </c>
      <c r="H118" s="22">
        <v>4</v>
      </c>
      <c r="I118" s="22">
        <v>1</v>
      </c>
      <c r="J118" s="22">
        <v>3</v>
      </c>
      <c r="K118" s="21">
        <v>14</v>
      </c>
      <c r="L118" s="53">
        <v>7</v>
      </c>
      <c r="M118" s="54">
        <v>7</v>
      </c>
    </row>
    <row r="119" spans="1:13" ht="19.5" customHeight="1">
      <c r="A119" s="34" t="s">
        <v>122</v>
      </c>
      <c r="B119" s="17">
        <v>-167</v>
      </c>
      <c r="C119" s="18">
        <v>-86</v>
      </c>
      <c r="D119" s="18">
        <v>-81</v>
      </c>
      <c r="E119" s="17">
        <v>144</v>
      </c>
      <c r="F119" s="18">
        <v>81</v>
      </c>
      <c r="G119" s="19">
        <v>63</v>
      </c>
      <c r="H119" s="18">
        <v>21</v>
      </c>
      <c r="I119" s="18">
        <v>6</v>
      </c>
      <c r="J119" s="18">
        <v>15</v>
      </c>
      <c r="K119" s="17">
        <v>44</v>
      </c>
      <c r="L119" s="51">
        <v>11</v>
      </c>
      <c r="M119" s="52">
        <v>33</v>
      </c>
    </row>
    <row r="120" spans="1:13">
      <c r="A120" s="40" t="s">
        <v>123</v>
      </c>
      <c r="B120" s="21">
        <v>-26</v>
      </c>
      <c r="C120" s="22">
        <v>-12</v>
      </c>
      <c r="D120" s="22">
        <v>-14</v>
      </c>
      <c r="E120" s="21">
        <v>23</v>
      </c>
      <c r="F120" s="22">
        <v>11</v>
      </c>
      <c r="G120" s="23">
        <v>12</v>
      </c>
      <c r="H120" s="22">
        <v>1</v>
      </c>
      <c r="I120" s="22">
        <v>0</v>
      </c>
      <c r="J120" s="22">
        <v>1</v>
      </c>
      <c r="K120" s="21">
        <v>4</v>
      </c>
      <c r="L120" s="53">
        <v>1</v>
      </c>
      <c r="M120" s="54">
        <v>3</v>
      </c>
    </row>
    <row r="121" spans="1:13">
      <c r="A121" s="40" t="s">
        <v>124</v>
      </c>
      <c r="B121" s="21">
        <v>-35</v>
      </c>
      <c r="C121" s="22">
        <v>-22</v>
      </c>
      <c r="D121" s="22">
        <v>-13</v>
      </c>
      <c r="E121" s="21">
        <v>36</v>
      </c>
      <c r="F121" s="22">
        <v>20</v>
      </c>
      <c r="G121" s="23">
        <v>16</v>
      </c>
      <c r="H121" s="22">
        <v>6</v>
      </c>
      <c r="I121" s="22">
        <v>1</v>
      </c>
      <c r="J121" s="22">
        <v>5</v>
      </c>
      <c r="K121" s="21">
        <v>5</v>
      </c>
      <c r="L121" s="53">
        <v>3</v>
      </c>
      <c r="M121" s="54">
        <v>2</v>
      </c>
    </row>
    <row r="122" spans="1:13">
      <c r="A122" s="40" t="s">
        <v>125</v>
      </c>
      <c r="B122" s="21">
        <v>-27</v>
      </c>
      <c r="C122" s="22">
        <v>-14</v>
      </c>
      <c r="D122" s="22">
        <v>-13</v>
      </c>
      <c r="E122" s="21">
        <v>22</v>
      </c>
      <c r="F122" s="22">
        <v>12</v>
      </c>
      <c r="G122" s="23">
        <v>10</v>
      </c>
      <c r="H122" s="22">
        <v>6</v>
      </c>
      <c r="I122" s="22">
        <v>2</v>
      </c>
      <c r="J122" s="22">
        <v>4</v>
      </c>
      <c r="K122" s="21">
        <v>11</v>
      </c>
      <c r="L122" s="53">
        <v>4</v>
      </c>
      <c r="M122" s="54">
        <v>7</v>
      </c>
    </row>
    <row r="123" spans="1:13">
      <c r="A123" s="40" t="s">
        <v>126</v>
      </c>
      <c r="B123" s="21">
        <v>-38</v>
      </c>
      <c r="C123" s="22">
        <v>-18</v>
      </c>
      <c r="D123" s="22">
        <v>-20</v>
      </c>
      <c r="E123" s="21">
        <v>26</v>
      </c>
      <c r="F123" s="22">
        <v>15</v>
      </c>
      <c r="G123" s="23">
        <v>11</v>
      </c>
      <c r="H123" s="22">
        <v>1</v>
      </c>
      <c r="I123" s="22">
        <v>0</v>
      </c>
      <c r="J123" s="22">
        <v>1</v>
      </c>
      <c r="K123" s="21">
        <v>13</v>
      </c>
      <c r="L123" s="53">
        <v>3</v>
      </c>
      <c r="M123" s="54">
        <v>10</v>
      </c>
    </row>
    <row r="124" spans="1:13">
      <c r="A124" s="40" t="s">
        <v>127</v>
      </c>
      <c r="B124" s="21">
        <v>-41</v>
      </c>
      <c r="C124" s="22">
        <v>-20</v>
      </c>
      <c r="D124" s="22">
        <v>-21</v>
      </c>
      <c r="E124" s="21">
        <v>37</v>
      </c>
      <c r="F124" s="22">
        <v>23</v>
      </c>
      <c r="G124" s="23">
        <v>14</v>
      </c>
      <c r="H124" s="22">
        <v>7</v>
      </c>
      <c r="I124" s="22">
        <v>3</v>
      </c>
      <c r="J124" s="22">
        <v>4</v>
      </c>
      <c r="K124" s="21">
        <v>11</v>
      </c>
      <c r="L124" s="53">
        <v>0</v>
      </c>
      <c r="M124" s="54">
        <v>11</v>
      </c>
    </row>
    <row r="125" spans="1:13" ht="19.5" customHeight="1">
      <c r="A125" s="34" t="s">
        <v>128</v>
      </c>
      <c r="B125" s="17">
        <v>-158</v>
      </c>
      <c r="C125" s="18">
        <v>-68</v>
      </c>
      <c r="D125" s="18">
        <v>-90</v>
      </c>
      <c r="E125" s="17">
        <v>150</v>
      </c>
      <c r="F125" s="18">
        <v>66</v>
      </c>
      <c r="G125" s="19">
        <v>84</v>
      </c>
      <c r="H125" s="18">
        <v>20</v>
      </c>
      <c r="I125" s="18">
        <v>6</v>
      </c>
      <c r="J125" s="18">
        <v>14</v>
      </c>
      <c r="K125" s="17">
        <v>28</v>
      </c>
      <c r="L125" s="51">
        <v>8</v>
      </c>
      <c r="M125" s="52">
        <v>20</v>
      </c>
    </row>
    <row r="126" spans="1:13">
      <c r="A126" s="40" t="s">
        <v>129</v>
      </c>
      <c r="B126" s="21">
        <v>-33</v>
      </c>
      <c r="C126" s="22">
        <v>-14</v>
      </c>
      <c r="D126" s="22">
        <v>-19</v>
      </c>
      <c r="E126" s="21">
        <v>26</v>
      </c>
      <c r="F126" s="22">
        <v>11</v>
      </c>
      <c r="G126" s="23">
        <v>15</v>
      </c>
      <c r="H126" s="22">
        <v>3</v>
      </c>
      <c r="I126" s="22">
        <v>1</v>
      </c>
      <c r="J126" s="22">
        <v>2</v>
      </c>
      <c r="K126" s="21">
        <v>10</v>
      </c>
      <c r="L126" s="53">
        <v>4</v>
      </c>
      <c r="M126" s="54">
        <v>6</v>
      </c>
    </row>
    <row r="127" spans="1:13">
      <c r="A127" s="40" t="s">
        <v>130</v>
      </c>
      <c r="B127" s="21">
        <v>-33</v>
      </c>
      <c r="C127" s="22">
        <v>-16</v>
      </c>
      <c r="D127" s="22">
        <v>-17</v>
      </c>
      <c r="E127" s="21">
        <v>33</v>
      </c>
      <c r="F127" s="22">
        <v>15</v>
      </c>
      <c r="G127" s="23">
        <v>18</v>
      </c>
      <c r="H127" s="22">
        <v>5</v>
      </c>
      <c r="I127" s="22">
        <v>0</v>
      </c>
      <c r="J127" s="22">
        <v>5</v>
      </c>
      <c r="K127" s="21">
        <v>5</v>
      </c>
      <c r="L127" s="53">
        <v>1</v>
      </c>
      <c r="M127" s="54">
        <v>4</v>
      </c>
    </row>
    <row r="128" spans="1:13">
      <c r="A128" s="40" t="s">
        <v>131</v>
      </c>
      <c r="B128" s="21">
        <v>-27</v>
      </c>
      <c r="C128" s="22">
        <v>-13</v>
      </c>
      <c r="D128" s="22">
        <v>-14</v>
      </c>
      <c r="E128" s="21">
        <v>27</v>
      </c>
      <c r="F128" s="22">
        <v>14</v>
      </c>
      <c r="G128" s="23">
        <v>13</v>
      </c>
      <c r="H128" s="22">
        <v>4</v>
      </c>
      <c r="I128" s="22">
        <v>1</v>
      </c>
      <c r="J128" s="22">
        <v>3</v>
      </c>
      <c r="K128" s="21">
        <v>4</v>
      </c>
      <c r="L128" s="53">
        <v>0</v>
      </c>
      <c r="M128" s="54">
        <v>4</v>
      </c>
    </row>
    <row r="129" spans="1:13">
      <c r="A129" s="40" t="s">
        <v>132</v>
      </c>
      <c r="B129" s="21">
        <v>-28</v>
      </c>
      <c r="C129" s="22">
        <v>-10</v>
      </c>
      <c r="D129" s="22">
        <v>-18</v>
      </c>
      <c r="E129" s="21">
        <v>27</v>
      </c>
      <c r="F129" s="22">
        <v>9</v>
      </c>
      <c r="G129" s="23">
        <v>18</v>
      </c>
      <c r="H129" s="22">
        <v>4</v>
      </c>
      <c r="I129" s="22">
        <v>1</v>
      </c>
      <c r="J129" s="22">
        <v>3</v>
      </c>
      <c r="K129" s="21">
        <v>5</v>
      </c>
      <c r="L129" s="53">
        <v>2</v>
      </c>
      <c r="M129" s="54">
        <v>3</v>
      </c>
    </row>
    <row r="130" spans="1:13">
      <c r="A130" s="40" t="s">
        <v>133</v>
      </c>
      <c r="B130" s="21">
        <v>-37</v>
      </c>
      <c r="C130" s="22">
        <v>-15</v>
      </c>
      <c r="D130" s="22">
        <v>-22</v>
      </c>
      <c r="E130" s="21">
        <v>37</v>
      </c>
      <c r="F130" s="22">
        <v>17</v>
      </c>
      <c r="G130" s="23">
        <v>20</v>
      </c>
      <c r="H130" s="22">
        <v>4</v>
      </c>
      <c r="I130" s="22">
        <v>3</v>
      </c>
      <c r="J130" s="22">
        <v>1</v>
      </c>
      <c r="K130" s="21">
        <v>4</v>
      </c>
      <c r="L130" s="53">
        <v>1</v>
      </c>
      <c r="M130" s="54">
        <v>3</v>
      </c>
    </row>
    <row r="131" spans="1:13" ht="19.5" customHeight="1">
      <c r="A131" s="34" t="s">
        <v>134</v>
      </c>
      <c r="B131" s="17">
        <v>-82</v>
      </c>
      <c r="C131" s="18">
        <v>-13</v>
      </c>
      <c r="D131" s="18">
        <v>-69</v>
      </c>
      <c r="E131" s="17">
        <v>76</v>
      </c>
      <c r="F131" s="18">
        <v>13</v>
      </c>
      <c r="G131" s="19">
        <v>63</v>
      </c>
      <c r="H131" s="18">
        <v>6</v>
      </c>
      <c r="I131" s="18">
        <v>2</v>
      </c>
      <c r="J131" s="18">
        <v>4</v>
      </c>
      <c r="K131" s="17">
        <v>12</v>
      </c>
      <c r="L131" s="51">
        <v>2</v>
      </c>
      <c r="M131" s="52">
        <v>10</v>
      </c>
    </row>
    <row r="132" spans="1:13">
      <c r="A132" s="40" t="s">
        <v>135</v>
      </c>
      <c r="B132" s="21">
        <v>-31</v>
      </c>
      <c r="C132" s="22">
        <v>-4</v>
      </c>
      <c r="D132" s="22">
        <v>-27</v>
      </c>
      <c r="E132" s="21">
        <v>29</v>
      </c>
      <c r="F132" s="22">
        <v>5</v>
      </c>
      <c r="G132" s="23">
        <v>24</v>
      </c>
      <c r="H132" s="22">
        <v>3</v>
      </c>
      <c r="I132" s="22">
        <v>1</v>
      </c>
      <c r="J132" s="22">
        <v>2</v>
      </c>
      <c r="K132" s="21">
        <v>5</v>
      </c>
      <c r="L132" s="53">
        <v>0</v>
      </c>
      <c r="M132" s="54">
        <v>5</v>
      </c>
    </row>
    <row r="133" spans="1:13">
      <c r="A133" s="40" t="s">
        <v>136</v>
      </c>
      <c r="B133" s="21">
        <v>-22</v>
      </c>
      <c r="C133" s="22">
        <v>-6</v>
      </c>
      <c r="D133" s="22">
        <v>-16</v>
      </c>
      <c r="E133" s="21">
        <v>20</v>
      </c>
      <c r="F133" s="22">
        <v>5</v>
      </c>
      <c r="G133" s="23">
        <v>15</v>
      </c>
      <c r="H133" s="22">
        <v>0</v>
      </c>
      <c r="I133" s="22">
        <v>0</v>
      </c>
      <c r="J133" s="22">
        <v>0</v>
      </c>
      <c r="K133" s="21">
        <v>2</v>
      </c>
      <c r="L133" s="53">
        <v>1</v>
      </c>
      <c r="M133" s="54">
        <v>1</v>
      </c>
    </row>
    <row r="134" spans="1:13">
      <c r="A134" s="40" t="s">
        <v>137</v>
      </c>
      <c r="B134" s="21">
        <v>-10</v>
      </c>
      <c r="C134" s="22">
        <v>-1</v>
      </c>
      <c r="D134" s="22">
        <v>-9</v>
      </c>
      <c r="E134" s="21">
        <v>8</v>
      </c>
      <c r="F134" s="22">
        <v>1</v>
      </c>
      <c r="G134" s="23">
        <v>7</v>
      </c>
      <c r="H134" s="22">
        <v>1</v>
      </c>
      <c r="I134" s="22">
        <v>0</v>
      </c>
      <c r="J134" s="22">
        <v>1</v>
      </c>
      <c r="K134" s="21">
        <v>3</v>
      </c>
      <c r="L134" s="53">
        <v>0</v>
      </c>
      <c r="M134" s="54">
        <v>3</v>
      </c>
    </row>
    <row r="135" spans="1:13">
      <c r="A135" s="40" t="s">
        <v>138</v>
      </c>
      <c r="B135" s="21">
        <v>-10</v>
      </c>
      <c r="C135" s="22">
        <v>0</v>
      </c>
      <c r="D135" s="22">
        <v>-10</v>
      </c>
      <c r="E135" s="21">
        <v>11</v>
      </c>
      <c r="F135" s="22">
        <v>1</v>
      </c>
      <c r="G135" s="23">
        <v>10</v>
      </c>
      <c r="H135" s="22">
        <v>2</v>
      </c>
      <c r="I135" s="22">
        <v>1</v>
      </c>
      <c r="J135" s="22">
        <v>1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9</v>
      </c>
      <c r="C136" s="22">
        <v>-2</v>
      </c>
      <c r="D136" s="22">
        <v>-7</v>
      </c>
      <c r="E136" s="21">
        <v>8</v>
      </c>
      <c r="F136" s="22">
        <v>1</v>
      </c>
      <c r="G136" s="23">
        <v>7</v>
      </c>
      <c r="H136" s="22">
        <v>0</v>
      </c>
      <c r="I136" s="22">
        <v>0</v>
      </c>
      <c r="J136" s="22">
        <v>0</v>
      </c>
      <c r="K136" s="21">
        <v>1</v>
      </c>
      <c r="L136" s="53">
        <v>1</v>
      </c>
      <c r="M136" s="54">
        <v>0</v>
      </c>
    </row>
    <row r="137" spans="1:13" ht="19.5" customHeight="1">
      <c r="A137" s="41" t="s">
        <v>140</v>
      </c>
      <c r="B137" s="42">
        <v>-16</v>
      </c>
      <c r="C137" s="43">
        <v>-4</v>
      </c>
      <c r="D137" s="43">
        <v>-12</v>
      </c>
      <c r="E137" s="42">
        <v>15</v>
      </c>
      <c r="F137" s="43">
        <v>3</v>
      </c>
      <c r="G137" s="44">
        <v>12</v>
      </c>
      <c r="H137" s="43">
        <v>0</v>
      </c>
      <c r="I137" s="43">
        <v>0</v>
      </c>
      <c r="J137" s="43">
        <v>0</v>
      </c>
      <c r="K137" s="42">
        <v>1</v>
      </c>
      <c r="L137" s="67">
        <v>1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9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734</v>
      </c>
      <c r="C5" s="14">
        <v>-345</v>
      </c>
      <c r="D5" s="14">
        <v>-389</v>
      </c>
      <c r="E5" s="13">
        <v>678</v>
      </c>
      <c r="F5" s="14">
        <v>349</v>
      </c>
      <c r="G5" s="15">
        <v>329</v>
      </c>
      <c r="H5" s="14">
        <v>1144</v>
      </c>
      <c r="I5" s="14">
        <v>604</v>
      </c>
      <c r="J5" s="14">
        <v>540</v>
      </c>
      <c r="K5" s="13">
        <v>1357</v>
      </c>
      <c r="L5" s="49">
        <v>683</v>
      </c>
      <c r="M5" s="50">
        <v>674</v>
      </c>
    </row>
    <row r="6" spans="1:13" ht="19.5" customHeight="1">
      <c r="A6" s="16" t="s">
        <v>13</v>
      </c>
      <c r="B6" s="17">
        <v>162</v>
      </c>
      <c r="C6" s="18">
        <v>87</v>
      </c>
      <c r="D6" s="18">
        <v>75</v>
      </c>
      <c r="E6" s="17">
        <v>0</v>
      </c>
      <c r="F6" s="18">
        <v>0</v>
      </c>
      <c r="G6" s="19">
        <v>0</v>
      </c>
      <c r="H6" s="18">
        <v>55</v>
      </c>
      <c r="I6" s="18">
        <v>31</v>
      </c>
      <c r="J6" s="18">
        <v>24</v>
      </c>
      <c r="K6" s="17">
        <v>50</v>
      </c>
      <c r="L6" s="51">
        <v>27</v>
      </c>
      <c r="M6" s="52">
        <v>23</v>
      </c>
    </row>
    <row r="7" spans="1:13">
      <c r="A7" s="20" t="s">
        <v>14</v>
      </c>
      <c r="B7" s="21">
        <v>160</v>
      </c>
      <c r="C7" s="22">
        <v>85</v>
      </c>
      <c r="D7" s="22">
        <v>75</v>
      </c>
      <c r="E7" s="21">
        <v>0</v>
      </c>
      <c r="F7" s="22">
        <v>0</v>
      </c>
      <c r="G7" s="23">
        <v>0</v>
      </c>
      <c r="H7" s="22">
        <v>8</v>
      </c>
      <c r="I7" s="22">
        <v>4</v>
      </c>
      <c r="J7" s="22">
        <v>4</v>
      </c>
      <c r="K7" s="21">
        <v>5</v>
      </c>
      <c r="L7" s="53">
        <v>2</v>
      </c>
      <c r="M7" s="54">
        <v>3</v>
      </c>
    </row>
    <row r="8" spans="1:13">
      <c r="A8" s="20" t="s">
        <v>15</v>
      </c>
      <c r="B8" s="21">
        <v>9</v>
      </c>
      <c r="C8" s="22">
        <v>8</v>
      </c>
      <c r="D8" s="22">
        <v>1</v>
      </c>
      <c r="E8" s="21">
        <v>0</v>
      </c>
      <c r="F8" s="22">
        <v>0</v>
      </c>
      <c r="G8" s="23">
        <v>0</v>
      </c>
      <c r="H8" s="22">
        <v>19</v>
      </c>
      <c r="I8" s="22">
        <v>13</v>
      </c>
      <c r="J8" s="22">
        <v>6</v>
      </c>
      <c r="K8" s="21">
        <v>10</v>
      </c>
      <c r="L8" s="53">
        <v>5</v>
      </c>
      <c r="M8" s="54">
        <v>5</v>
      </c>
    </row>
    <row r="9" spans="1:13">
      <c r="A9" s="20" t="s">
        <v>16</v>
      </c>
      <c r="B9" s="21">
        <v>-4</v>
      </c>
      <c r="C9" s="22">
        <v>-4</v>
      </c>
      <c r="D9" s="22">
        <v>0</v>
      </c>
      <c r="E9" s="21">
        <v>0</v>
      </c>
      <c r="F9" s="22">
        <v>0</v>
      </c>
      <c r="G9" s="23">
        <v>0</v>
      </c>
      <c r="H9" s="22">
        <v>10</v>
      </c>
      <c r="I9" s="22">
        <v>4</v>
      </c>
      <c r="J9" s="22">
        <v>6</v>
      </c>
      <c r="K9" s="21">
        <v>14</v>
      </c>
      <c r="L9" s="53">
        <v>8</v>
      </c>
      <c r="M9" s="54">
        <v>6</v>
      </c>
    </row>
    <row r="10" spans="1:13">
      <c r="A10" s="20" t="s">
        <v>17</v>
      </c>
      <c r="B10" s="21">
        <v>-4</v>
      </c>
      <c r="C10" s="22">
        <v>-5</v>
      </c>
      <c r="D10" s="22">
        <v>1</v>
      </c>
      <c r="E10" s="21">
        <v>0</v>
      </c>
      <c r="F10" s="22">
        <v>0</v>
      </c>
      <c r="G10" s="23">
        <v>0</v>
      </c>
      <c r="H10" s="22">
        <v>8</v>
      </c>
      <c r="I10" s="22">
        <v>4</v>
      </c>
      <c r="J10" s="22">
        <v>4</v>
      </c>
      <c r="K10" s="21">
        <v>12</v>
      </c>
      <c r="L10" s="53">
        <v>9</v>
      </c>
      <c r="M10" s="54">
        <v>3</v>
      </c>
    </row>
    <row r="11" spans="1:13">
      <c r="A11" s="20" t="s">
        <v>18</v>
      </c>
      <c r="B11" s="21">
        <v>1</v>
      </c>
      <c r="C11" s="22">
        <v>3</v>
      </c>
      <c r="D11" s="22">
        <v>-2</v>
      </c>
      <c r="E11" s="21">
        <v>0</v>
      </c>
      <c r="F11" s="22">
        <v>0</v>
      </c>
      <c r="G11" s="23">
        <v>0</v>
      </c>
      <c r="H11" s="22">
        <v>10</v>
      </c>
      <c r="I11" s="22">
        <v>6</v>
      </c>
      <c r="J11" s="22">
        <v>4</v>
      </c>
      <c r="K11" s="21">
        <v>9</v>
      </c>
      <c r="L11" s="53">
        <v>3</v>
      </c>
      <c r="M11" s="54">
        <v>6</v>
      </c>
    </row>
    <row r="12" spans="1:13" ht="20.100000000000001" customHeight="1">
      <c r="A12" s="16" t="s">
        <v>19</v>
      </c>
      <c r="B12" s="17">
        <v>-1</v>
      </c>
      <c r="C12" s="18">
        <v>5</v>
      </c>
      <c r="D12" s="18">
        <v>-6</v>
      </c>
      <c r="E12" s="17">
        <v>0</v>
      </c>
      <c r="F12" s="18">
        <v>0</v>
      </c>
      <c r="G12" s="19">
        <v>0</v>
      </c>
      <c r="H12" s="18">
        <v>30</v>
      </c>
      <c r="I12" s="18">
        <v>16</v>
      </c>
      <c r="J12" s="18">
        <v>14</v>
      </c>
      <c r="K12" s="17">
        <v>31</v>
      </c>
      <c r="L12" s="51">
        <v>11</v>
      </c>
      <c r="M12" s="52">
        <v>20</v>
      </c>
    </row>
    <row r="13" spans="1:13">
      <c r="A13" s="20" t="s">
        <v>20</v>
      </c>
      <c r="B13" s="21">
        <v>1</v>
      </c>
      <c r="C13" s="22">
        <v>3</v>
      </c>
      <c r="D13" s="22">
        <v>-2</v>
      </c>
      <c r="E13" s="21">
        <v>0</v>
      </c>
      <c r="F13" s="22">
        <v>0</v>
      </c>
      <c r="G13" s="23">
        <v>0</v>
      </c>
      <c r="H13" s="22">
        <v>7</v>
      </c>
      <c r="I13" s="22">
        <v>6</v>
      </c>
      <c r="J13" s="22">
        <v>1</v>
      </c>
      <c r="K13" s="21">
        <v>6</v>
      </c>
      <c r="L13" s="53">
        <v>3</v>
      </c>
      <c r="M13" s="54">
        <v>3</v>
      </c>
    </row>
    <row r="14" spans="1:13">
      <c r="A14" s="20" t="s">
        <v>21</v>
      </c>
      <c r="B14" s="21">
        <v>-1</v>
      </c>
      <c r="C14" s="22">
        <v>0</v>
      </c>
      <c r="D14" s="22">
        <v>-1</v>
      </c>
      <c r="E14" s="21">
        <v>0</v>
      </c>
      <c r="F14" s="22">
        <v>0</v>
      </c>
      <c r="G14" s="23">
        <v>0</v>
      </c>
      <c r="H14" s="22">
        <v>5</v>
      </c>
      <c r="I14" s="22">
        <v>3</v>
      </c>
      <c r="J14" s="22">
        <v>2</v>
      </c>
      <c r="K14" s="21">
        <v>6</v>
      </c>
      <c r="L14" s="53">
        <v>3</v>
      </c>
      <c r="M14" s="54">
        <v>3</v>
      </c>
    </row>
    <row r="15" spans="1:13">
      <c r="A15" s="20" t="s">
        <v>22</v>
      </c>
      <c r="B15" s="21">
        <v>4</v>
      </c>
      <c r="C15" s="22">
        <v>3</v>
      </c>
      <c r="D15" s="22">
        <v>1</v>
      </c>
      <c r="E15" s="21">
        <v>0</v>
      </c>
      <c r="F15" s="22">
        <v>0</v>
      </c>
      <c r="G15" s="23">
        <v>0</v>
      </c>
      <c r="H15" s="22">
        <v>10</v>
      </c>
      <c r="I15" s="22">
        <v>5</v>
      </c>
      <c r="J15" s="22">
        <v>5</v>
      </c>
      <c r="K15" s="21">
        <v>6</v>
      </c>
      <c r="L15" s="53">
        <v>2</v>
      </c>
      <c r="M15" s="54">
        <v>4</v>
      </c>
    </row>
    <row r="16" spans="1:13">
      <c r="A16" s="20" t="s">
        <v>23</v>
      </c>
      <c r="B16" s="21">
        <v>-2</v>
      </c>
      <c r="C16" s="22">
        <v>1</v>
      </c>
      <c r="D16" s="22">
        <v>-3</v>
      </c>
      <c r="E16" s="21">
        <v>0</v>
      </c>
      <c r="F16" s="22">
        <v>0</v>
      </c>
      <c r="G16" s="23">
        <v>0</v>
      </c>
      <c r="H16" s="22">
        <v>4</v>
      </c>
      <c r="I16" s="22">
        <v>1</v>
      </c>
      <c r="J16" s="22">
        <v>3</v>
      </c>
      <c r="K16" s="21">
        <v>6</v>
      </c>
      <c r="L16" s="53">
        <v>0</v>
      </c>
      <c r="M16" s="54">
        <v>6</v>
      </c>
    </row>
    <row r="17" spans="1:13">
      <c r="A17" s="20" t="s">
        <v>24</v>
      </c>
      <c r="B17" s="21">
        <v>-3</v>
      </c>
      <c r="C17" s="22">
        <v>-2</v>
      </c>
      <c r="D17" s="22">
        <v>-1</v>
      </c>
      <c r="E17" s="21">
        <v>0</v>
      </c>
      <c r="F17" s="22">
        <v>0</v>
      </c>
      <c r="G17" s="23">
        <v>0</v>
      </c>
      <c r="H17" s="22">
        <v>4</v>
      </c>
      <c r="I17" s="22">
        <v>1</v>
      </c>
      <c r="J17" s="22">
        <v>3</v>
      </c>
      <c r="K17" s="21">
        <v>7</v>
      </c>
      <c r="L17" s="53">
        <v>3</v>
      </c>
      <c r="M17" s="54">
        <v>4</v>
      </c>
    </row>
    <row r="18" spans="1:13" ht="20.100000000000001" customHeight="1">
      <c r="A18" s="16" t="s">
        <v>25</v>
      </c>
      <c r="B18" s="17">
        <v>-13</v>
      </c>
      <c r="C18" s="18">
        <v>-6</v>
      </c>
      <c r="D18" s="18">
        <v>-7</v>
      </c>
      <c r="E18" s="17">
        <v>0</v>
      </c>
      <c r="F18" s="18">
        <v>0</v>
      </c>
      <c r="G18" s="19">
        <v>0</v>
      </c>
      <c r="H18" s="18">
        <v>23</v>
      </c>
      <c r="I18" s="18">
        <v>13</v>
      </c>
      <c r="J18" s="18">
        <v>10</v>
      </c>
      <c r="K18" s="17">
        <v>36</v>
      </c>
      <c r="L18" s="51">
        <v>19</v>
      </c>
      <c r="M18" s="52">
        <v>17</v>
      </c>
    </row>
    <row r="19" spans="1:13">
      <c r="A19" s="20" t="s">
        <v>26</v>
      </c>
      <c r="B19" s="21">
        <v>-5</v>
      </c>
      <c r="C19" s="22">
        <v>-1</v>
      </c>
      <c r="D19" s="22">
        <v>-4</v>
      </c>
      <c r="E19" s="21">
        <v>0</v>
      </c>
      <c r="F19" s="22">
        <v>0</v>
      </c>
      <c r="G19" s="23">
        <v>0</v>
      </c>
      <c r="H19" s="22">
        <v>4</v>
      </c>
      <c r="I19" s="22">
        <v>3</v>
      </c>
      <c r="J19" s="22">
        <v>1</v>
      </c>
      <c r="K19" s="21">
        <v>9</v>
      </c>
      <c r="L19" s="53">
        <v>4</v>
      </c>
      <c r="M19" s="54">
        <v>5</v>
      </c>
    </row>
    <row r="20" spans="1:13">
      <c r="A20" s="20" t="s">
        <v>27</v>
      </c>
      <c r="B20" s="21">
        <v>1</v>
      </c>
      <c r="C20" s="22">
        <v>2</v>
      </c>
      <c r="D20" s="22">
        <v>-1</v>
      </c>
      <c r="E20" s="21">
        <v>0</v>
      </c>
      <c r="F20" s="22">
        <v>0</v>
      </c>
      <c r="G20" s="23">
        <v>0</v>
      </c>
      <c r="H20" s="22">
        <v>8</v>
      </c>
      <c r="I20" s="22">
        <v>3</v>
      </c>
      <c r="J20" s="22">
        <v>5</v>
      </c>
      <c r="K20" s="21">
        <v>7</v>
      </c>
      <c r="L20" s="53">
        <v>1</v>
      </c>
      <c r="M20" s="54">
        <v>6</v>
      </c>
    </row>
    <row r="21" spans="1:13">
      <c r="A21" s="20" t="s">
        <v>28</v>
      </c>
      <c r="B21" s="21">
        <v>-4</v>
      </c>
      <c r="C21" s="22">
        <v>-3</v>
      </c>
      <c r="D21" s="22">
        <v>-1</v>
      </c>
      <c r="E21" s="21">
        <v>0</v>
      </c>
      <c r="F21" s="22">
        <v>0</v>
      </c>
      <c r="G21" s="23">
        <v>0</v>
      </c>
      <c r="H21" s="22">
        <v>4</v>
      </c>
      <c r="I21" s="22">
        <v>2</v>
      </c>
      <c r="J21" s="22">
        <v>2</v>
      </c>
      <c r="K21" s="21">
        <v>8</v>
      </c>
      <c r="L21" s="53">
        <v>5</v>
      </c>
      <c r="M21" s="54">
        <v>3</v>
      </c>
    </row>
    <row r="22" spans="1:13">
      <c r="A22" s="20" t="s">
        <v>29</v>
      </c>
      <c r="B22" s="21">
        <v>-6</v>
      </c>
      <c r="C22" s="22">
        <v>-6</v>
      </c>
      <c r="D22" s="22">
        <v>0</v>
      </c>
      <c r="E22" s="21">
        <v>0</v>
      </c>
      <c r="F22" s="22">
        <v>0</v>
      </c>
      <c r="G22" s="23">
        <v>0</v>
      </c>
      <c r="H22" s="22">
        <v>3</v>
      </c>
      <c r="I22" s="22">
        <v>1</v>
      </c>
      <c r="J22" s="22">
        <v>2</v>
      </c>
      <c r="K22" s="21">
        <v>9</v>
      </c>
      <c r="L22" s="53">
        <v>7</v>
      </c>
      <c r="M22" s="54">
        <v>2</v>
      </c>
    </row>
    <row r="23" spans="1:13">
      <c r="A23" s="20" t="s">
        <v>30</v>
      </c>
      <c r="B23" s="21">
        <v>1</v>
      </c>
      <c r="C23" s="22">
        <v>2</v>
      </c>
      <c r="D23" s="22">
        <v>-1</v>
      </c>
      <c r="E23" s="21">
        <v>0</v>
      </c>
      <c r="F23" s="22">
        <v>0</v>
      </c>
      <c r="G23" s="23">
        <v>0</v>
      </c>
      <c r="H23" s="22">
        <v>4</v>
      </c>
      <c r="I23" s="22">
        <v>4</v>
      </c>
      <c r="J23" s="22">
        <v>0</v>
      </c>
      <c r="K23" s="21">
        <v>3</v>
      </c>
      <c r="L23" s="53">
        <v>2</v>
      </c>
      <c r="M23" s="54">
        <v>1</v>
      </c>
    </row>
    <row r="24" spans="1:13" ht="20.100000000000001" customHeight="1">
      <c r="A24" s="16" t="s">
        <v>31</v>
      </c>
      <c r="B24" s="17">
        <v>-26</v>
      </c>
      <c r="C24" s="18">
        <v>-15</v>
      </c>
      <c r="D24" s="18">
        <v>-11</v>
      </c>
      <c r="E24" s="17">
        <v>0</v>
      </c>
      <c r="F24" s="18">
        <v>0</v>
      </c>
      <c r="G24" s="19">
        <v>0</v>
      </c>
      <c r="H24" s="18">
        <v>34</v>
      </c>
      <c r="I24" s="18">
        <v>17</v>
      </c>
      <c r="J24" s="18">
        <v>17</v>
      </c>
      <c r="K24" s="17">
        <v>60</v>
      </c>
      <c r="L24" s="51">
        <v>32</v>
      </c>
      <c r="M24" s="52">
        <v>28</v>
      </c>
    </row>
    <row r="25" spans="1:13">
      <c r="A25" s="20" t="s">
        <v>32</v>
      </c>
      <c r="B25" s="21">
        <v>0</v>
      </c>
      <c r="C25" s="22">
        <v>0</v>
      </c>
      <c r="D25" s="22">
        <v>0</v>
      </c>
      <c r="E25" s="21">
        <v>0</v>
      </c>
      <c r="F25" s="22">
        <v>0</v>
      </c>
      <c r="G25" s="23">
        <v>0</v>
      </c>
      <c r="H25" s="22">
        <v>3</v>
      </c>
      <c r="I25" s="22">
        <v>1</v>
      </c>
      <c r="J25" s="22">
        <v>2</v>
      </c>
      <c r="K25" s="21">
        <v>3</v>
      </c>
      <c r="L25" s="53">
        <v>1</v>
      </c>
      <c r="M25" s="54">
        <v>2</v>
      </c>
    </row>
    <row r="26" spans="1:13">
      <c r="A26" s="20" t="s">
        <v>33</v>
      </c>
      <c r="B26" s="21">
        <v>-3</v>
      </c>
      <c r="C26" s="22">
        <v>1</v>
      </c>
      <c r="D26" s="22">
        <v>-4</v>
      </c>
      <c r="E26" s="21">
        <v>0</v>
      </c>
      <c r="F26" s="22">
        <v>0</v>
      </c>
      <c r="G26" s="23">
        <v>0</v>
      </c>
      <c r="H26" s="22">
        <v>4</v>
      </c>
      <c r="I26" s="22">
        <v>3</v>
      </c>
      <c r="J26" s="22">
        <v>1</v>
      </c>
      <c r="K26" s="21">
        <v>7</v>
      </c>
      <c r="L26" s="53">
        <v>2</v>
      </c>
      <c r="M26" s="54">
        <v>5</v>
      </c>
    </row>
    <row r="27" spans="1:13">
      <c r="A27" s="20" t="s">
        <v>34</v>
      </c>
      <c r="B27" s="21">
        <v>-4</v>
      </c>
      <c r="C27" s="22">
        <v>-3</v>
      </c>
      <c r="D27" s="22">
        <v>-1</v>
      </c>
      <c r="E27" s="21">
        <v>0</v>
      </c>
      <c r="F27" s="22">
        <v>0</v>
      </c>
      <c r="G27" s="23">
        <v>0</v>
      </c>
      <c r="H27" s="22">
        <v>3</v>
      </c>
      <c r="I27" s="22">
        <v>1</v>
      </c>
      <c r="J27" s="22">
        <v>2</v>
      </c>
      <c r="K27" s="21">
        <v>7</v>
      </c>
      <c r="L27" s="53">
        <v>4</v>
      </c>
      <c r="M27" s="54">
        <v>3</v>
      </c>
    </row>
    <row r="28" spans="1:13">
      <c r="A28" s="20" t="s">
        <v>35</v>
      </c>
      <c r="B28" s="21">
        <v>-4</v>
      </c>
      <c r="C28" s="22">
        <v>-1</v>
      </c>
      <c r="D28" s="22">
        <v>-3</v>
      </c>
      <c r="E28" s="21">
        <v>0</v>
      </c>
      <c r="F28" s="22">
        <v>0</v>
      </c>
      <c r="G28" s="23">
        <v>0</v>
      </c>
      <c r="H28" s="22">
        <v>7</v>
      </c>
      <c r="I28" s="22">
        <v>4</v>
      </c>
      <c r="J28" s="22">
        <v>3</v>
      </c>
      <c r="K28" s="21">
        <v>11</v>
      </c>
      <c r="L28" s="53">
        <v>5</v>
      </c>
      <c r="M28" s="54">
        <v>6</v>
      </c>
    </row>
    <row r="29" spans="1:13">
      <c r="A29" s="20" t="s">
        <v>36</v>
      </c>
      <c r="B29" s="21">
        <v>-15</v>
      </c>
      <c r="C29" s="22">
        <v>-12</v>
      </c>
      <c r="D29" s="22">
        <v>-3</v>
      </c>
      <c r="E29" s="21">
        <v>0</v>
      </c>
      <c r="F29" s="22">
        <v>0</v>
      </c>
      <c r="G29" s="23">
        <v>0</v>
      </c>
      <c r="H29" s="22">
        <v>17</v>
      </c>
      <c r="I29" s="22">
        <v>8</v>
      </c>
      <c r="J29" s="22">
        <v>9</v>
      </c>
      <c r="K29" s="21">
        <v>32</v>
      </c>
      <c r="L29" s="53">
        <v>20</v>
      </c>
      <c r="M29" s="54">
        <v>12</v>
      </c>
    </row>
    <row r="30" spans="1:13" ht="20.100000000000001" customHeight="1">
      <c r="A30" s="16" t="s">
        <v>37</v>
      </c>
      <c r="B30" s="17">
        <v>-76</v>
      </c>
      <c r="C30" s="18">
        <v>-27</v>
      </c>
      <c r="D30" s="18">
        <v>-49</v>
      </c>
      <c r="E30" s="17">
        <v>1</v>
      </c>
      <c r="F30" s="18">
        <v>0</v>
      </c>
      <c r="G30" s="19">
        <v>1</v>
      </c>
      <c r="H30" s="18">
        <v>147</v>
      </c>
      <c r="I30" s="18">
        <v>80</v>
      </c>
      <c r="J30" s="18">
        <v>67</v>
      </c>
      <c r="K30" s="17">
        <v>222</v>
      </c>
      <c r="L30" s="51">
        <v>107</v>
      </c>
      <c r="M30" s="52">
        <v>115</v>
      </c>
    </row>
    <row r="31" spans="1:13">
      <c r="A31" s="20" t="s">
        <v>38</v>
      </c>
      <c r="B31" s="21">
        <v>0</v>
      </c>
      <c r="C31" s="22">
        <v>0</v>
      </c>
      <c r="D31" s="22">
        <v>0</v>
      </c>
      <c r="E31" s="21">
        <v>0</v>
      </c>
      <c r="F31" s="22">
        <v>0</v>
      </c>
      <c r="G31" s="23">
        <v>0</v>
      </c>
      <c r="H31" s="22">
        <v>22</v>
      </c>
      <c r="I31" s="22">
        <v>11</v>
      </c>
      <c r="J31" s="22">
        <v>11</v>
      </c>
      <c r="K31" s="21">
        <v>22</v>
      </c>
      <c r="L31" s="53">
        <v>11</v>
      </c>
      <c r="M31" s="54">
        <v>11</v>
      </c>
    </row>
    <row r="32" spans="1:13">
      <c r="A32" s="20" t="s">
        <v>39</v>
      </c>
      <c r="B32" s="21">
        <v>-6</v>
      </c>
      <c r="C32" s="22">
        <v>3</v>
      </c>
      <c r="D32" s="22">
        <v>-9</v>
      </c>
      <c r="E32" s="21">
        <v>0</v>
      </c>
      <c r="F32" s="22">
        <v>0</v>
      </c>
      <c r="G32" s="23">
        <v>0</v>
      </c>
      <c r="H32" s="22">
        <v>31</v>
      </c>
      <c r="I32" s="22">
        <v>15</v>
      </c>
      <c r="J32" s="22">
        <v>16</v>
      </c>
      <c r="K32" s="21">
        <v>37</v>
      </c>
      <c r="L32" s="53">
        <v>12</v>
      </c>
      <c r="M32" s="54">
        <v>25</v>
      </c>
    </row>
    <row r="33" spans="1:13">
      <c r="A33" s="20" t="s">
        <v>40</v>
      </c>
      <c r="B33" s="21">
        <v>-16</v>
      </c>
      <c r="C33" s="22">
        <v>-7</v>
      </c>
      <c r="D33" s="22">
        <v>-9</v>
      </c>
      <c r="E33" s="21">
        <v>0</v>
      </c>
      <c r="F33" s="22">
        <v>0</v>
      </c>
      <c r="G33" s="23">
        <v>0</v>
      </c>
      <c r="H33" s="22">
        <v>25</v>
      </c>
      <c r="I33" s="22">
        <v>11</v>
      </c>
      <c r="J33" s="22">
        <v>14</v>
      </c>
      <c r="K33" s="21">
        <v>41</v>
      </c>
      <c r="L33" s="53">
        <v>18</v>
      </c>
      <c r="M33" s="54">
        <v>23</v>
      </c>
    </row>
    <row r="34" spans="1:13">
      <c r="A34" s="20" t="s">
        <v>41</v>
      </c>
      <c r="B34" s="21">
        <v>-20</v>
      </c>
      <c r="C34" s="22">
        <v>-3</v>
      </c>
      <c r="D34" s="22">
        <v>-17</v>
      </c>
      <c r="E34" s="21">
        <v>0</v>
      </c>
      <c r="F34" s="22">
        <v>0</v>
      </c>
      <c r="G34" s="23">
        <v>0</v>
      </c>
      <c r="H34" s="22">
        <v>40</v>
      </c>
      <c r="I34" s="22">
        <v>28</v>
      </c>
      <c r="J34" s="22">
        <v>12</v>
      </c>
      <c r="K34" s="21">
        <v>60</v>
      </c>
      <c r="L34" s="53">
        <v>31</v>
      </c>
      <c r="M34" s="54">
        <v>29</v>
      </c>
    </row>
    <row r="35" spans="1:13">
      <c r="A35" s="20" t="s">
        <v>42</v>
      </c>
      <c r="B35" s="21">
        <v>-34</v>
      </c>
      <c r="C35" s="22">
        <v>-20</v>
      </c>
      <c r="D35" s="22">
        <v>-14</v>
      </c>
      <c r="E35" s="21">
        <v>1</v>
      </c>
      <c r="F35" s="22">
        <v>0</v>
      </c>
      <c r="G35" s="23">
        <v>1</v>
      </c>
      <c r="H35" s="22">
        <v>29</v>
      </c>
      <c r="I35" s="22">
        <v>15</v>
      </c>
      <c r="J35" s="22">
        <v>14</v>
      </c>
      <c r="K35" s="21">
        <v>62</v>
      </c>
      <c r="L35" s="53">
        <v>35</v>
      </c>
      <c r="M35" s="54">
        <v>27</v>
      </c>
    </row>
    <row r="36" spans="1:13" ht="20.100000000000001" customHeight="1">
      <c r="A36" s="16" t="s">
        <v>43</v>
      </c>
      <c r="B36" s="17">
        <v>-101</v>
      </c>
      <c r="C36" s="18">
        <v>-52</v>
      </c>
      <c r="D36" s="18">
        <v>-49</v>
      </c>
      <c r="E36" s="17">
        <v>0</v>
      </c>
      <c r="F36" s="18">
        <v>0</v>
      </c>
      <c r="G36" s="19">
        <v>0</v>
      </c>
      <c r="H36" s="18">
        <v>154</v>
      </c>
      <c r="I36" s="18">
        <v>86</v>
      </c>
      <c r="J36" s="18">
        <v>68</v>
      </c>
      <c r="K36" s="17">
        <v>255</v>
      </c>
      <c r="L36" s="51">
        <v>138</v>
      </c>
      <c r="M36" s="52">
        <v>117</v>
      </c>
    </row>
    <row r="37" spans="1:13">
      <c r="A37" s="20" t="s">
        <v>44</v>
      </c>
      <c r="B37" s="21">
        <v>-43</v>
      </c>
      <c r="C37" s="22">
        <v>-16</v>
      </c>
      <c r="D37" s="22">
        <v>-27</v>
      </c>
      <c r="E37" s="21">
        <v>0</v>
      </c>
      <c r="F37" s="22">
        <v>0</v>
      </c>
      <c r="G37" s="23">
        <v>0</v>
      </c>
      <c r="H37" s="22">
        <v>25</v>
      </c>
      <c r="I37" s="22">
        <v>18</v>
      </c>
      <c r="J37" s="22">
        <v>7</v>
      </c>
      <c r="K37" s="21">
        <v>68</v>
      </c>
      <c r="L37" s="53">
        <v>34</v>
      </c>
      <c r="M37" s="54">
        <v>34</v>
      </c>
    </row>
    <row r="38" spans="1:13">
      <c r="A38" s="20" t="s">
        <v>45</v>
      </c>
      <c r="B38" s="21">
        <v>-17</v>
      </c>
      <c r="C38" s="22">
        <v>-8</v>
      </c>
      <c r="D38" s="22">
        <v>-9</v>
      </c>
      <c r="E38" s="21">
        <v>0</v>
      </c>
      <c r="F38" s="22">
        <v>0</v>
      </c>
      <c r="G38" s="23">
        <v>0</v>
      </c>
      <c r="H38" s="22">
        <v>40</v>
      </c>
      <c r="I38" s="22">
        <v>24</v>
      </c>
      <c r="J38" s="22">
        <v>16</v>
      </c>
      <c r="K38" s="21">
        <v>57</v>
      </c>
      <c r="L38" s="53">
        <v>32</v>
      </c>
      <c r="M38" s="54">
        <v>25</v>
      </c>
    </row>
    <row r="39" spans="1:13">
      <c r="A39" s="20" t="s">
        <v>46</v>
      </c>
      <c r="B39" s="21">
        <v>-18</v>
      </c>
      <c r="C39" s="22">
        <v>-11</v>
      </c>
      <c r="D39" s="22">
        <v>-7</v>
      </c>
      <c r="E39" s="21">
        <v>0</v>
      </c>
      <c r="F39" s="22">
        <v>0</v>
      </c>
      <c r="G39" s="23">
        <v>0</v>
      </c>
      <c r="H39" s="22">
        <v>31</v>
      </c>
      <c r="I39" s="22">
        <v>13</v>
      </c>
      <c r="J39" s="22">
        <v>18</v>
      </c>
      <c r="K39" s="21">
        <v>49</v>
      </c>
      <c r="L39" s="53">
        <v>24</v>
      </c>
      <c r="M39" s="54">
        <v>25</v>
      </c>
    </row>
    <row r="40" spans="1:13">
      <c r="A40" s="20" t="s">
        <v>47</v>
      </c>
      <c r="B40" s="21">
        <v>-19</v>
      </c>
      <c r="C40" s="22">
        <v>-14</v>
      </c>
      <c r="D40" s="22">
        <v>-5</v>
      </c>
      <c r="E40" s="21">
        <v>0</v>
      </c>
      <c r="F40" s="22">
        <v>0</v>
      </c>
      <c r="G40" s="23">
        <v>0</v>
      </c>
      <c r="H40" s="22">
        <v>35</v>
      </c>
      <c r="I40" s="22">
        <v>19</v>
      </c>
      <c r="J40" s="22">
        <v>16</v>
      </c>
      <c r="K40" s="21">
        <v>54</v>
      </c>
      <c r="L40" s="53">
        <v>33</v>
      </c>
      <c r="M40" s="54">
        <v>21</v>
      </c>
    </row>
    <row r="41" spans="1:13">
      <c r="A41" s="20" t="s">
        <v>48</v>
      </c>
      <c r="B41" s="21">
        <v>-4</v>
      </c>
      <c r="C41" s="22">
        <v>-3</v>
      </c>
      <c r="D41" s="22">
        <v>-1</v>
      </c>
      <c r="E41" s="21">
        <v>0</v>
      </c>
      <c r="F41" s="22">
        <v>0</v>
      </c>
      <c r="G41" s="23">
        <v>0</v>
      </c>
      <c r="H41" s="22">
        <v>23</v>
      </c>
      <c r="I41" s="22">
        <v>12</v>
      </c>
      <c r="J41" s="22">
        <v>11</v>
      </c>
      <c r="K41" s="21">
        <v>27</v>
      </c>
      <c r="L41" s="53">
        <v>15</v>
      </c>
      <c r="M41" s="54">
        <v>12</v>
      </c>
    </row>
    <row r="42" spans="1:13" ht="20.100000000000001" customHeight="1">
      <c r="A42" s="16" t="s">
        <v>49</v>
      </c>
      <c r="B42" s="17">
        <v>-51</v>
      </c>
      <c r="C42" s="18">
        <v>-18</v>
      </c>
      <c r="D42" s="18">
        <v>-33</v>
      </c>
      <c r="E42" s="17">
        <v>4</v>
      </c>
      <c r="F42" s="18">
        <v>2</v>
      </c>
      <c r="G42" s="19">
        <v>2</v>
      </c>
      <c r="H42" s="18">
        <v>111</v>
      </c>
      <c r="I42" s="18">
        <v>62</v>
      </c>
      <c r="J42" s="18">
        <v>49</v>
      </c>
      <c r="K42" s="17">
        <v>158</v>
      </c>
      <c r="L42" s="51">
        <v>78</v>
      </c>
      <c r="M42" s="52">
        <v>80</v>
      </c>
    </row>
    <row r="43" spans="1:13">
      <c r="A43" s="20" t="s">
        <v>50</v>
      </c>
      <c r="B43" s="21">
        <v>-4</v>
      </c>
      <c r="C43" s="22">
        <v>3</v>
      </c>
      <c r="D43" s="22">
        <v>-7</v>
      </c>
      <c r="E43" s="21">
        <v>1</v>
      </c>
      <c r="F43" s="22">
        <v>1</v>
      </c>
      <c r="G43" s="23">
        <v>0</v>
      </c>
      <c r="H43" s="22">
        <v>23</v>
      </c>
      <c r="I43" s="22">
        <v>14</v>
      </c>
      <c r="J43" s="22">
        <v>9</v>
      </c>
      <c r="K43" s="21">
        <v>26</v>
      </c>
      <c r="L43" s="53">
        <v>10</v>
      </c>
      <c r="M43" s="54">
        <v>16</v>
      </c>
    </row>
    <row r="44" spans="1:13">
      <c r="A44" s="20" t="s">
        <v>51</v>
      </c>
      <c r="B44" s="21">
        <v>-14</v>
      </c>
      <c r="C44" s="22">
        <v>-6</v>
      </c>
      <c r="D44" s="22">
        <v>-8</v>
      </c>
      <c r="E44" s="21">
        <v>0</v>
      </c>
      <c r="F44" s="22">
        <v>0</v>
      </c>
      <c r="G44" s="23">
        <v>0</v>
      </c>
      <c r="H44" s="22">
        <v>23</v>
      </c>
      <c r="I44" s="22">
        <v>16</v>
      </c>
      <c r="J44" s="22">
        <v>7</v>
      </c>
      <c r="K44" s="21">
        <v>37</v>
      </c>
      <c r="L44" s="53">
        <v>22</v>
      </c>
      <c r="M44" s="54">
        <v>15</v>
      </c>
    </row>
    <row r="45" spans="1:13">
      <c r="A45" s="20" t="s">
        <v>52</v>
      </c>
      <c r="B45" s="21">
        <v>-19</v>
      </c>
      <c r="C45" s="22">
        <v>-9</v>
      </c>
      <c r="D45" s="22">
        <v>-10</v>
      </c>
      <c r="E45" s="21">
        <v>1</v>
      </c>
      <c r="F45" s="22">
        <v>1</v>
      </c>
      <c r="G45" s="23">
        <v>0</v>
      </c>
      <c r="H45" s="22">
        <v>17</v>
      </c>
      <c r="I45" s="22">
        <v>7</v>
      </c>
      <c r="J45" s="22">
        <v>10</v>
      </c>
      <c r="K45" s="21">
        <v>35</v>
      </c>
      <c r="L45" s="53">
        <v>15</v>
      </c>
      <c r="M45" s="54">
        <v>20</v>
      </c>
    </row>
    <row r="46" spans="1:13">
      <c r="A46" s="20" t="s">
        <v>53</v>
      </c>
      <c r="B46" s="21">
        <v>-11</v>
      </c>
      <c r="C46" s="22">
        <v>-6</v>
      </c>
      <c r="D46" s="22">
        <v>-5</v>
      </c>
      <c r="E46" s="21">
        <v>1</v>
      </c>
      <c r="F46" s="22">
        <v>0</v>
      </c>
      <c r="G46" s="23">
        <v>1</v>
      </c>
      <c r="H46" s="22">
        <v>20</v>
      </c>
      <c r="I46" s="22">
        <v>11</v>
      </c>
      <c r="J46" s="22">
        <v>9</v>
      </c>
      <c r="K46" s="21">
        <v>30</v>
      </c>
      <c r="L46" s="53">
        <v>17</v>
      </c>
      <c r="M46" s="54">
        <v>13</v>
      </c>
    </row>
    <row r="47" spans="1:13">
      <c r="A47" s="20" t="s">
        <v>54</v>
      </c>
      <c r="B47" s="21">
        <v>-3</v>
      </c>
      <c r="C47" s="22">
        <v>0</v>
      </c>
      <c r="D47" s="22">
        <v>-3</v>
      </c>
      <c r="E47" s="21">
        <v>1</v>
      </c>
      <c r="F47" s="22">
        <v>0</v>
      </c>
      <c r="G47" s="23">
        <v>1</v>
      </c>
      <c r="H47" s="22">
        <v>28</v>
      </c>
      <c r="I47" s="22">
        <v>14</v>
      </c>
      <c r="J47" s="22">
        <v>14</v>
      </c>
      <c r="K47" s="21">
        <v>30</v>
      </c>
      <c r="L47" s="53">
        <v>14</v>
      </c>
      <c r="M47" s="54">
        <v>16</v>
      </c>
    </row>
    <row r="48" spans="1:13" ht="20.100000000000001" customHeight="1">
      <c r="A48" s="16" t="s">
        <v>55</v>
      </c>
      <c r="B48" s="17">
        <v>-32</v>
      </c>
      <c r="C48" s="18">
        <v>-27</v>
      </c>
      <c r="D48" s="18">
        <v>-5</v>
      </c>
      <c r="E48" s="17">
        <v>5</v>
      </c>
      <c r="F48" s="18">
        <v>4</v>
      </c>
      <c r="G48" s="19">
        <v>1</v>
      </c>
      <c r="H48" s="18">
        <v>80</v>
      </c>
      <c r="I48" s="18">
        <v>37</v>
      </c>
      <c r="J48" s="18">
        <v>43</v>
      </c>
      <c r="K48" s="17">
        <v>107</v>
      </c>
      <c r="L48" s="51">
        <v>60</v>
      </c>
      <c r="M48" s="52">
        <v>47</v>
      </c>
    </row>
    <row r="49" spans="1:13">
      <c r="A49" s="20" t="s">
        <v>56</v>
      </c>
      <c r="B49" s="21">
        <v>-8</v>
      </c>
      <c r="C49" s="22">
        <v>-10</v>
      </c>
      <c r="D49" s="22">
        <v>2</v>
      </c>
      <c r="E49" s="21">
        <v>1</v>
      </c>
      <c r="F49" s="22">
        <v>0</v>
      </c>
      <c r="G49" s="23">
        <v>1</v>
      </c>
      <c r="H49" s="22">
        <v>17</v>
      </c>
      <c r="I49" s="22">
        <v>5</v>
      </c>
      <c r="J49" s="22">
        <v>12</v>
      </c>
      <c r="K49" s="21">
        <v>24</v>
      </c>
      <c r="L49" s="53">
        <v>15</v>
      </c>
      <c r="M49" s="54">
        <v>9</v>
      </c>
    </row>
    <row r="50" spans="1:13">
      <c r="A50" s="20" t="s">
        <v>57</v>
      </c>
      <c r="B50" s="21">
        <v>-9</v>
      </c>
      <c r="C50" s="22">
        <v>-6</v>
      </c>
      <c r="D50" s="22">
        <v>-3</v>
      </c>
      <c r="E50" s="21">
        <v>0</v>
      </c>
      <c r="F50" s="22">
        <v>0</v>
      </c>
      <c r="G50" s="23">
        <v>0</v>
      </c>
      <c r="H50" s="22">
        <v>14</v>
      </c>
      <c r="I50" s="22">
        <v>7</v>
      </c>
      <c r="J50" s="22">
        <v>7</v>
      </c>
      <c r="K50" s="21">
        <v>23</v>
      </c>
      <c r="L50" s="53">
        <v>13</v>
      </c>
      <c r="M50" s="54">
        <v>10</v>
      </c>
    </row>
    <row r="51" spans="1:13">
      <c r="A51" s="20" t="s">
        <v>58</v>
      </c>
      <c r="B51" s="21">
        <v>-15</v>
      </c>
      <c r="C51" s="22">
        <v>-11</v>
      </c>
      <c r="D51" s="22">
        <v>-4</v>
      </c>
      <c r="E51" s="21">
        <v>1</v>
      </c>
      <c r="F51" s="22">
        <v>1</v>
      </c>
      <c r="G51" s="23">
        <v>0</v>
      </c>
      <c r="H51" s="22">
        <v>15</v>
      </c>
      <c r="I51" s="22">
        <v>8</v>
      </c>
      <c r="J51" s="22">
        <v>7</v>
      </c>
      <c r="K51" s="21">
        <v>29</v>
      </c>
      <c r="L51" s="53">
        <v>18</v>
      </c>
      <c r="M51" s="54">
        <v>11</v>
      </c>
    </row>
    <row r="52" spans="1:13">
      <c r="A52" s="20" t="s">
        <v>59</v>
      </c>
      <c r="B52" s="21">
        <v>1</v>
      </c>
      <c r="C52" s="22">
        <v>1</v>
      </c>
      <c r="D52" s="22">
        <v>0</v>
      </c>
      <c r="E52" s="21">
        <v>1</v>
      </c>
      <c r="F52" s="22">
        <v>1</v>
      </c>
      <c r="G52" s="23">
        <v>0</v>
      </c>
      <c r="H52" s="22">
        <v>15</v>
      </c>
      <c r="I52" s="22">
        <v>8</v>
      </c>
      <c r="J52" s="22">
        <v>7</v>
      </c>
      <c r="K52" s="21">
        <v>13</v>
      </c>
      <c r="L52" s="53">
        <v>6</v>
      </c>
      <c r="M52" s="54">
        <v>7</v>
      </c>
    </row>
    <row r="53" spans="1:13">
      <c r="A53" s="20" t="s">
        <v>60</v>
      </c>
      <c r="B53" s="21">
        <v>-1</v>
      </c>
      <c r="C53" s="22">
        <v>-1</v>
      </c>
      <c r="D53" s="22">
        <v>0</v>
      </c>
      <c r="E53" s="21">
        <v>2</v>
      </c>
      <c r="F53" s="22">
        <v>2</v>
      </c>
      <c r="G53" s="23">
        <v>0</v>
      </c>
      <c r="H53" s="22">
        <v>19</v>
      </c>
      <c r="I53" s="22">
        <v>9</v>
      </c>
      <c r="J53" s="22">
        <v>10</v>
      </c>
      <c r="K53" s="21">
        <v>18</v>
      </c>
      <c r="L53" s="53">
        <v>8</v>
      </c>
      <c r="M53" s="54">
        <v>10</v>
      </c>
    </row>
    <row r="54" spans="1:13" ht="20.100000000000001" customHeight="1">
      <c r="A54" s="16" t="s">
        <v>61</v>
      </c>
      <c r="B54" s="17">
        <v>7</v>
      </c>
      <c r="C54" s="18">
        <v>5</v>
      </c>
      <c r="D54" s="18">
        <v>2</v>
      </c>
      <c r="E54" s="17">
        <v>1</v>
      </c>
      <c r="F54" s="18">
        <v>1</v>
      </c>
      <c r="G54" s="19">
        <v>0</v>
      </c>
      <c r="H54" s="18">
        <v>82</v>
      </c>
      <c r="I54" s="18">
        <v>46</v>
      </c>
      <c r="J54" s="18">
        <v>36</v>
      </c>
      <c r="K54" s="17">
        <v>74</v>
      </c>
      <c r="L54" s="51">
        <v>40</v>
      </c>
      <c r="M54" s="52">
        <v>34</v>
      </c>
    </row>
    <row r="55" spans="1:13">
      <c r="A55" s="20" t="s">
        <v>62</v>
      </c>
      <c r="B55" s="21">
        <v>1</v>
      </c>
      <c r="C55" s="22">
        <v>-1</v>
      </c>
      <c r="D55" s="22">
        <v>2</v>
      </c>
      <c r="E55" s="21">
        <v>0</v>
      </c>
      <c r="F55" s="22">
        <v>0</v>
      </c>
      <c r="G55" s="23">
        <v>0</v>
      </c>
      <c r="H55" s="22">
        <v>19</v>
      </c>
      <c r="I55" s="22">
        <v>12</v>
      </c>
      <c r="J55" s="22">
        <v>7</v>
      </c>
      <c r="K55" s="21">
        <v>18</v>
      </c>
      <c r="L55" s="53">
        <v>13</v>
      </c>
      <c r="M55" s="54">
        <v>5</v>
      </c>
    </row>
    <row r="56" spans="1:13">
      <c r="A56" s="20" t="s">
        <v>63</v>
      </c>
      <c r="B56" s="21">
        <v>-2</v>
      </c>
      <c r="C56" s="22">
        <v>-1</v>
      </c>
      <c r="D56" s="22">
        <v>-1</v>
      </c>
      <c r="E56" s="21">
        <v>0</v>
      </c>
      <c r="F56" s="22">
        <v>0</v>
      </c>
      <c r="G56" s="23">
        <v>0</v>
      </c>
      <c r="H56" s="22">
        <v>9</v>
      </c>
      <c r="I56" s="22">
        <v>3</v>
      </c>
      <c r="J56" s="22">
        <v>6</v>
      </c>
      <c r="K56" s="21">
        <v>11</v>
      </c>
      <c r="L56" s="53">
        <v>4</v>
      </c>
      <c r="M56" s="54">
        <v>7</v>
      </c>
    </row>
    <row r="57" spans="1:13">
      <c r="A57" s="20" t="s">
        <v>64</v>
      </c>
      <c r="B57" s="21">
        <v>5</v>
      </c>
      <c r="C57" s="22">
        <v>3</v>
      </c>
      <c r="D57" s="22">
        <v>2</v>
      </c>
      <c r="E57" s="21">
        <v>0</v>
      </c>
      <c r="F57" s="22">
        <v>0</v>
      </c>
      <c r="G57" s="23">
        <v>0</v>
      </c>
      <c r="H57" s="22">
        <v>19</v>
      </c>
      <c r="I57" s="22">
        <v>12</v>
      </c>
      <c r="J57" s="22">
        <v>7</v>
      </c>
      <c r="K57" s="21">
        <v>14</v>
      </c>
      <c r="L57" s="53">
        <v>9</v>
      </c>
      <c r="M57" s="54">
        <v>5</v>
      </c>
    </row>
    <row r="58" spans="1:13">
      <c r="A58" s="20" t="s">
        <v>65</v>
      </c>
      <c r="B58" s="21">
        <v>3</v>
      </c>
      <c r="C58" s="22">
        <v>2</v>
      </c>
      <c r="D58" s="22">
        <v>1</v>
      </c>
      <c r="E58" s="21">
        <v>0</v>
      </c>
      <c r="F58" s="22">
        <v>0</v>
      </c>
      <c r="G58" s="23">
        <v>0</v>
      </c>
      <c r="H58" s="22">
        <v>19</v>
      </c>
      <c r="I58" s="22">
        <v>9</v>
      </c>
      <c r="J58" s="22">
        <v>10</v>
      </c>
      <c r="K58" s="21">
        <v>16</v>
      </c>
      <c r="L58" s="53">
        <v>7</v>
      </c>
      <c r="M58" s="54">
        <v>9</v>
      </c>
    </row>
    <row r="59" spans="1:13">
      <c r="A59" s="20" t="s">
        <v>66</v>
      </c>
      <c r="B59" s="21">
        <v>0</v>
      </c>
      <c r="C59" s="22">
        <v>2</v>
      </c>
      <c r="D59" s="22">
        <v>-2</v>
      </c>
      <c r="E59" s="21">
        <v>1</v>
      </c>
      <c r="F59" s="22">
        <v>1</v>
      </c>
      <c r="G59" s="23">
        <v>0</v>
      </c>
      <c r="H59" s="22">
        <v>16</v>
      </c>
      <c r="I59" s="22">
        <v>10</v>
      </c>
      <c r="J59" s="22">
        <v>6</v>
      </c>
      <c r="K59" s="21">
        <v>15</v>
      </c>
      <c r="L59" s="53">
        <v>7</v>
      </c>
      <c r="M59" s="54">
        <v>8</v>
      </c>
    </row>
    <row r="60" spans="1:13" ht="20.100000000000001" customHeight="1">
      <c r="A60" s="16" t="s">
        <v>67</v>
      </c>
      <c r="B60" s="17">
        <v>-12</v>
      </c>
      <c r="C60" s="18">
        <v>-5</v>
      </c>
      <c r="D60" s="18">
        <v>-7</v>
      </c>
      <c r="E60" s="17">
        <v>3</v>
      </c>
      <c r="F60" s="18">
        <v>1</v>
      </c>
      <c r="G60" s="19">
        <v>2</v>
      </c>
      <c r="H60" s="18">
        <v>73</v>
      </c>
      <c r="I60" s="18">
        <v>40</v>
      </c>
      <c r="J60" s="18">
        <v>33</v>
      </c>
      <c r="K60" s="17">
        <v>82</v>
      </c>
      <c r="L60" s="51">
        <v>44</v>
      </c>
      <c r="M60" s="52">
        <v>38</v>
      </c>
    </row>
    <row r="61" spans="1:13">
      <c r="A61" s="20" t="s">
        <v>68</v>
      </c>
      <c r="B61" s="21">
        <v>-5</v>
      </c>
      <c r="C61" s="22">
        <v>0</v>
      </c>
      <c r="D61" s="22">
        <v>-5</v>
      </c>
      <c r="E61" s="21">
        <v>0</v>
      </c>
      <c r="F61" s="22">
        <v>0</v>
      </c>
      <c r="G61" s="23">
        <v>0</v>
      </c>
      <c r="H61" s="22">
        <v>13</v>
      </c>
      <c r="I61" s="22">
        <v>9</v>
      </c>
      <c r="J61" s="22">
        <v>4</v>
      </c>
      <c r="K61" s="21">
        <v>18</v>
      </c>
      <c r="L61" s="53">
        <v>9</v>
      </c>
      <c r="M61" s="54">
        <v>9</v>
      </c>
    </row>
    <row r="62" spans="1:13">
      <c r="A62" s="20" t="s">
        <v>69</v>
      </c>
      <c r="B62" s="21">
        <v>0</v>
      </c>
      <c r="C62" s="22">
        <v>0</v>
      </c>
      <c r="D62" s="22">
        <v>0</v>
      </c>
      <c r="E62" s="21">
        <v>2</v>
      </c>
      <c r="F62" s="22">
        <v>1</v>
      </c>
      <c r="G62" s="23">
        <v>1</v>
      </c>
      <c r="H62" s="22">
        <v>22</v>
      </c>
      <c r="I62" s="22">
        <v>10</v>
      </c>
      <c r="J62" s="22">
        <v>12</v>
      </c>
      <c r="K62" s="21">
        <v>20</v>
      </c>
      <c r="L62" s="53">
        <v>9</v>
      </c>
      <c r="M62" s="54">
        <v>11</v>
      </c>
    </row>
    <row r="63" spans="1:13">
      <c r="A63" s="20" t="s">
        <v>70</v>
      </c>
      <c r="B63" s="21">
        <v>1</v>
      </c>
      <c r="C63" s="22">
        <v>2</v>
      </c>
      <c r="D63" s="22">
        <v>-1</v>
      </c>
      <c r="E63" s="21">
        <v>0</v>
      </c>
      <c r="F63" s="22">
        <v>0</v>
      </c>
      <c r="G63" s="23">
        <v>0</v>
      </c>
      <c r="H63" s="22">
        <v>15</v>
      </c>
      <c r="I63" s="22">
        <v>8</v>
      </c>
      <c r="J63" s="22">
        <v>7</v>
      </c>
      <c r="K63" s="21">
        <v>14</v>
      </c>
      <c r="L63" s="53">
        <v>6</v>
      </c>
      <c r="M63" s="54">
        <v>8</v>
      </c>
    </row>
    <row r="64" spans="1:13">
      <c r="A64" s="20" t="s">
        <v>71</v>
      </c>
      <c r="B64" s="21">
        <v>4</v>
      </c>
      <c r="C64" s="22">
        <v>2</v>
      </c>
      <c r="D64" s="22">
        <v>2</v>
      </c>
      <c r="E64" s="21">
        <v>0</v>
      </c>
      <c r="F64" s="22">
        <v>0</v>
      </c>
      <c r="G64" s="23">
        <v>0</v>
      </c>
      <c r="H64" s="22">
        <v>18</v>
      </c>
      <c r="I64" s="22">
        <v>11</v>
      </c>
      <c r="J64" s="22">
        <v>7</v>
      </c>
      <c r="K64" s="21">
        <v>14</v>
      </c>
      <c r="L64" s="53">
        <v>9</v>
      </c>
      <c r="M64" s="54">
        <v>5</v>
      </c>
    </row>
    <row r="65" spans="1:13">
      <c r="A65" s="24" t="s">
        <v>72</v>
      </c>
      <c r="B65" s="25">
        <v>-12</v>
      </c>
      <c r="C65" s="26">
        <v>-9</v>
      </c>
      <c r="D65" s="26">
        <v>-3</v>
      </c>
      <c r="E65" s="25">
        <v>1</v>
      </c>
      <c r="F65" s="26">
        <v>0</v>
      </c>
      <c r="G65" s="27">
        <v>1</v>
      </c>
      <c r="H65" s="26">
        <v>5</v>
      </c>
      <c r="I65" s="26">
        <v>2</v>
      </c>
      <c r="J65" s="26">
        <v>3</v>
      </c>
      <c r="K65" s="25">
        <v>16</v>
      </c>
      <c r="L65" s="55">
        <v>11</v>
      </c>
      <c r="M65" s="56">
        <v>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57</v>
      </c>
      <c r="C69" s="58">
        <v>83</v>
      </c>
      <c r="D69" s="59">
        <v>74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57</v>
      </c>
      <c r="C70" s="61">
        <v>83</v>
      </c>
      <c r="D70" s="62">
        <v>74</v>
      </c>
    </row>
    <row r="71" spans="1:13">
      <c r="A71" s="24" t="s">
        <v>14</v>
      </c>
      <c r="B71" s="63">
        <v>157</v>
      </c>
      <c r="C71" s="64">
        <v>83</v>
      </c>
      <c r="D71" s="65">
        <v>74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9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5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5</v>
      </c>
      <c r="C77" s="18">
        <v>0</v>
      </c>
      <c r="D77" s="18">
        <v>5</v>
      </c>
      <c r="E77" s="17">
        <v>5</v>
      </c>
      <c r="F77" s="18">
        <v>4</v>
      </c>
      <c r="G77" s="19">
        <v>1</v>
      </c>
      <c r="H77" s="18">
        <v>54</v>
      </c>
      <c r="I77" s="18">
        <v>32</v>
      </c>
      <c r="J77" s="18">
        <v>22</v>
      </c>
      <c r="K77" s="17">
        <v>44</v>
      </c>
      <c r="L77" s="51">
        <v>28</v>
      </c>
      <c r="M77" s="52">
        <v>16</v>
      </c>
    </row>
    <row r="78" spans="1:13">
      <c r="A78" s="40" t="s">
        <v>81</v>
      </c>
      <c r="B78" s="21">
        <v>5</v>
      </c>
      <c r="C78" s="22">
        <v>0</v>
      </c>
      <c r="D78" s="22">
        <v>5</v>
      </c>
      <c r="E78" s="21">
        <v>0</v>
      </c>
      <c r="F78" s="22">
        <v>0</v>
      </c>
      <c r="G78" s="23">
        <v>0</v>
      </c>
      <c r="H78" s="22">
        <v>16</v>
      </c>
      <c r="I78" s="22">
        <v>6</v>
      </c>
      <c r="J78" s="22">
        <v>10</v>
      </c>
      <c r="K78" s="21">
        <v>11</v>
      </c>
      <c r="L78" s="53">
        <v>6</v>
      </c>
      <c r="M78" s="54">
        <v>5</v>
      </c>
    </row>
    <row r="79" spans="1:13">
      <c r="A79" s="40" t="s">
        <v>82</v>
      </c>
      <c r="B79" s="21">
        <v>4</v>
      </c>
      <c r="C79" s="22">
        <v>0</v>
      </c>
      <c r="D79" s="22">
        <v>4</v>
      </c>
      <c r="E79" s="21">
        <v>1</v>
      </c>
      <c r="F79" s="22">
        <v>1</v>
      </c>
      <c r="G79" s="23">
        <v>0</v>
      </c>
      <c r="H79" s="22">
        <v>14</v>
      </c>
      <c r="I79" s="22">
        <v>8</v>
      </c>
      <c r="J79" s="22">
        <v>6</v>
      </c>
      <c r="K79" s="21">
        <v>9</v>
      </c>
      <c r="L79" s="53">
        <v>7</v>
      </c>
      <c r="M79" s="54">
        <v>2</v>
      </c>
    </row>
    <row r="80" spans="1:13">
      <c r="A80" s="40" t="s">
        <v>83</v>
      </c>
      <c r="B80" s="21">
        <v>-7</v>
      </c>
      <c r="C80" s="22">
        <v>-5</v>
      </c>
      <c r="D80" s="22">
        <v>-2</v>
      </c>
      <c r="E80" s="21">
        <v>0</v>
      </c>
      <c r="F80" s="22">
        <v>0</v>
      </c>
      <c r="G80" s="23">
        <v>0</v>
      </c>
      <c r="H80" s="22">
        <v>6</v>
      </c>
      <c r="I80" s="22">
        <v>4</v>
      </c>
      <c r="J80" s="22">
        <v>2</v>
      </c>
      <c r="K80" s="21">
        <v>13</v>
      </c>
      <c r="L80" s="53">
        <v>9</v>
      </c>
      <c r="M80" s="54">
        <v>4</v>
      </c>
    </row>
    <row r="81" spans="1:13">
      <c r="A81" s="40" t="s">
        <v>84</v>
      </c>
      <c r="B81" s="21">
        <v>-5</v>
      </c>
      <c r="C81" s="22">
        <v>-4</v>
      </c>
      <c r="D81" s="22">
        <v>-1</v>
      </c>
      <c r="E81" s="21">
        <v>2</v>
      </c>
      <c r="F81" s="22">
        <v>2</v>
      </c>
      <c r="G81" s="23">
        <v>0</v>
      </c>
      <c r="H81" s="22">
        <v>5</v>
      </c>
      <c r="I81" s="22">
        <v>3</v>
      </c>
      <c r="J81" s="22">
        <v>2</v>
      </c>
      <c r="K81" s="21">
        <v>8</v>
      </c>
      <c r="L81" s="53">
        <v>5</v>
      </c>
      <c r="M81" s="54">
        <v>3</v>
      </c>
    </row>
    <row r="82" spans="1:13">
      <c r="A82" s="40" t="s">
        <v>85</v>
      </c>
      <c r="B82" s="21">
        <v>8</v>
      </c>
      <c r="C82" s="22">
        <v>9</v>
      </c>
      <c r="D82" s="22">
        <v>-1</v>
      </c>
      <c r="E82" s="21">
        <v>2</v>
      </c>
      <c r="F82" s="22">
        <v>1</v>
      </c>
      <c r="G82" s="23">
        <v>1</v>
      </c>
      <c r="H82" s="22">
        <v>13</v>
      </c>
      <c r="I82" s="22">
        <v>11</v>
      </c>
      <c r="J82" s="22">
        <v>2</v>
      </c>
      <c r="K82" s="21">
        <v>3</v>
      </c>
      <c r="L82" s="53">
        <v>1</v>
      </c>
      <c r="M82" s="54">
        <v>2</v>
      </c>
    </row>
    <row r="83" spans="1:13" ht="19.5" customHeight="1">
      <c r="A83" s="34" t="s">
        <v>86</v>
      </c>
      <c r="B83" s="17">
        <v>-10</v>
      </c>
      <c r="C83" s="18">
        <v>-6</v>
      </c>
      <c r="D83" s="18">
        <v>-4</v>
      </c>
      <c r="E83" s="17">
        <v>8</v>
      </c>
      <c r="F83" s="18">
        <v>5</v>
      </c>
      <c r="G83" s="19">
        <v>3</v>
      </c>
      <c r="H83" s="18">
        <v>33</v>
      </c>
      <c r="I83" s="18">
        <v>17</v>
      </c>
      <c r="J83" s="18">
        <v>16</v>
      </c>
      <c r="K83" s="17">
        <v>35</v>
      </c>
      <c r="L83" s="51">
        <v>18</v>
      </c>
      <c r="M83" s="52">
        <v>17</v>
      </c>
    </row>
    <row r="84" spans="1:13">
      <c r="A84" s="40" t="s">
        <v>87</v>
      </c>
      <c r="B84" s="21">
        <v>-3</v>
      </c>
      <c r="C84" s="22">
        <v>1</v>
      </c>
      <c r="D84" s="22">
        <v>-4</v>
      </c>
      <c r="E84" s="21">
        <v>1</v>
      </c>
      <c r="F84" s="22">
        <v>1</v>
      </c>
      <c r="G84" s="23">
        <v>0</v>
      </c>
      <c r="H84" s="22">
        <v>7</v>
      </c>
      <c r="I84" s="22">
        <v>5</v>
      </c>
      <c r="J84" s="22">
        <v>2</v>
      </c>
      <c r="K84" s="21">
        <v>9</v>
      </c>
      <c r="L84" s="53">
        <v>3</v>
      </c>
      <c r="M84" s="54">
        <v>6</v>
      </c>
    </row>
    <row r="85" spans="1:13">
      <c r="A85" s="40" t="s">
        <v>88</v>
      </c>
      <c r="B85" s="21">
        <v>3</v>
      </c>
      <c r="C85" s="22">
        <v>0</v>
      </c>
      <c r="D85" s="22">
        <v>3</v>
      </c>
      <c r="E85" s="21">
        <v>0</v>
      </c>
      <c r="F85" s="22">
        <v>0</v>
      </c>
      <c r="G85" s="23">
        <v>0</v>
      </c>
      <c r="H85" s="22">
        <v>10</v>
      </c>
      <c r="I85" s="22">
        <v>4</v>
      </c>
      <c r="J85" s="22">
        <v>6</v>
      </c>
      <c r="K85" s="21">
        <v>7</v>
      </c>
      <c r="L85" s="53">
        <v>4</v>
      </c>
      <c r="M85" s="54">
        <v>3</v>
      </c>
    </row>
    <row r="86" spans="1:13">
      <c r="A86" s="40" t="s">
        <v>89</v>
      </c>
      <c r="B86" s="21">
        <v>-1</v>
      </c>
      <c r="C86" s="22">
        <v>0</v>
      </c>
      <c r="D86" s="22">
        <v>-1</v>
      </c>
      <c r="E86" s="21">
        <v>0</v>
      </c>
      <c r="F86" s="22">
        <v>0</v>
      </c>
      <c r="G86" s="23">
        <v>0</v>
      </c>
      <c r="H86" s="22">
        <v>5</v>
      </c>
      <c r="I86" s="22">
        <v>4</v>
      </c>
      <c r="J86" s="22">
        <v>1</v>
      </c>
      <c r="K86" s="21">
        <v>6</v>
      </c>
      <c r="L86" s="53">
        <v>4</v>
      </c>
      <c r="M86" s="54">
        <v>2</v>
      </c>
    </row>
    <row r="87" spans="1:13">
      <c r="A87" s="40" t="s">
        <v>90</v>
      </c>
      <c r="B87" s="21">
        <v>-7</v>
      </c>
      <c r="C87" s="22">
        <v>-6</v>
      </c>
      <c r="D87" s="22">
        <v>-1</v>
      </c>
      <c r="E87" s="21">
        <v>4</v>
      </c>
      <c r="F87" s="22">
        <v>2</v>
      </c>
      <c r="G87" s="23">
        <v>2</v>
      </c>
      <c r="H87" s="22">
        <v>4</v>
      </c>
      <c r="I87" s="22">
        <v>1</v>
      </c>
      <c r="J87" s="22">
        <v>3</v>
      </c>
      <c r="K87" s="21">
        <v>7</v>
      </c>
      <c r="L87" s="53">
        <v>5</v>
      </c>
      <c r="M87" s="54">
        <v>2</v>
      </c>
    </row>
    <row r="88" spans="1:13">
      <c r="A88" s="40" t="s">
        <v>91</v>
      </c>
      <c r="B88" s="21">
        <v>-2</v>
      </c>
      <c r="C88" s="22">
        <v>-1</v>
      </c>
      <c r="D88" s="22">
        <v>-1</v>
      </c>
      <c r="E88" s="21">
        <v>3</v>
      </c>
      <c r="F88" s="22">
        <v>2</v>
      </c>
      <c r="G88" s="23">
        <v>1</v>
      </c>
      <c r="H88" s="22">
        <v>7</v>
      </c>
      <c r="I88" s="22">
        <v>3</v>
      </c>
      <c r="J88" s="22">
        <v>4</v>
      </c>
      <c r="K88" s="21">
        <v>6</v>
      </c>
      <c r="L88" s="53">
        <v>2</v>
      </c>
      <c r="M88" s="54">
        <v>4</v>
      </c>
    </row>
    <row r="89" spans="1:13" ht="19.5" customHeight="1">
      <c r="A89" s="34" t="s">
        <v>92</v>
      </c>
      <c r="B89" s="17">
        <v>-19</v>
      </c>
      <c r="C89" s="18">
        <v>-10</v>
      </c>
      <c r="D89" s="18">
        <v>-9</v>
      </c>
      <c r="E89" s="17">
        <v>22</v>
      </c>
      <c r="F89" s="18">
        <v>16</v>
      </c>
      <c r="G89" s="19">
        <v>6</v>
      </c>
      <c r="H89" s="18">
        <v>46</v>
      </c>
      <c r="I89" s="18">
        <v>28</v>
      </c>
      <c r="J89" s="18">
        <v>18</v>
      </c>
      <c r="K89" s="17">
        <v>43</v>
      </c>
      <c r="L89" s="51">
        <v>22</v>
      </c>
      <c r="M89" s="52">
        <v>21</v>
      </c>
    </row>
    <row r="90" spans="1:13">
      <c r="A90" s="40" t="s">
        <v>93</v>
      </c>
      <c r="B90" s="21">
        <v>2</v>
      </c>
      <c r="C90" s="22">
        <v>4</v>
      </c>
      <c r="D90" s="22">
        <v>-2</v>
      </c>
      <c r="E90" s="21">
        <v>2</v>
      </c>
      <c r="F90" s="22">
        <v>2</v>
      </c>
      <c r="G90" s="23">
        <v>0</v>
      </c>
      <c r="H90" s="22">
        <v>12</v>
      </c>
      <c r="I90" s="22">
        <v>10</v>
      </c>
      <c r="J90" s="22">
        <v>2</v>
      </c>
      <c r="K90" s="21">
        <v>8</v>
      </c>
      <c r="L90" s="53">
        <v>4</v>
      </c>
      <c r="M90" s="54">
        <v>4</v>
      </c>
    </row>
    <row r="91" spans="1:13">
      <c r="A91" s="40" t="s">
        <v>94</v>
      </c>
      <c r="B91" s="21">
        <v>-10</v>
      </c>
      <c r="C91" s="22">
        <v>-6</v>
      </c>
      <c r="D91" s="22">
        <v>-4</v>
      </c>
      <c r="E91" s="21">
        <v>8</v>
      </c>
      <c r="F91" s="22">
        <v>6</v>
      </c>
      <c r="G91" s="23">
        <v>2</v>
      </c>
      <c r="H91" s="22">
        <v>8</v>
      </c>
      <c r="I91" s="22">
        <v>4</v>
      </c>
      <c r="J91" s="22">
        <v>4</v>
      </c>
      <c r="K91" s="21">
        <v>10</v>
      </c>
      <c r="L91" s="53">
        <v>4</v>
      </c>
      <c r="M91" s="54">
        <v>6</v>
      </c>
    </row>
    <row r="92" spans="1:13">
      <c r="A92" s="40" t="s">
        <v>95</v>
      </c>
      <c r="B92" s="21">
        <v>-1</v>
      </c>
      <c r="C92" s="22">
        <v>-1</v>
      </c>
      <c r="D92" s="22">
        <v>0</v>
      </c>
      <c r="E92" s="21">
        <v>2</v>
      </c>
      <c r="F92" s="22">
        <v>2</v>
      </c>
      <c r="G92" s="23">
        <v>0</v>
      </c>
      <c r="H92" s="22">
        <v>6</v>
      </c>
      <c r="I92" s="22">
        <v>4</v>
      </c>
      <c r="J92" s="22">
        <v>2</v>
      </c>
      <c r="K92" s="21">
        <v>5</v>
      </c>
      <c r="L92" s="53">
        <v>3</v>
      </c>
      <c r="M92" s="54">
        <v>2</v>
      </c>
    </row>
    <row r="93" spans="1:13">
      <c r="A93" s="40" t="s">
        <v>96</v>
      </c>
      <c r="B93" s="21">
        <v>-2</v>
      </c>
      <c r="C93" s="22">
        <v>-2</v>
      </c>
      <c r="D93" s="22">
        <v>0</v>
      </c>
      <c r="E93" s="21">
        <v>4</v>
      </c>
      <c r="F93" s="22">
        <v>3</v>
      </c>
      <c r="G93" s="23">
        <v>1</v>
      </c>
      <c r="H93" s="22">
        <v>9</v>
      </c>
      <c r="I93" s="22">
        <v>4</v>
      </c>
      <c r="J93" s="22">
        <v>5</v>
      </c>
      <c r="K93" s="21">
        <v>7</v>
      </c>
      <c r="L93" s="53">
        <v>3</v>
      </c>
      <c r="M93" s="54">
        <v>4</v>
      </c>
    </row>
    <row r="94" spans="1:13">
      <c r="A94" s="40" t="s">
        <v>97</v>
      </c>
      <c r="B94" s="21">
        <v>-8</v>
      </c>
      <c r="C94" s="22">
        <v>-5</v>
      </c>
      <c r="D94" s="22">
        <v>-3</v>
      </c>
      <c r="E94" s="21">
        <v>6</v>
      </c>
      <c r="F94" s="22">
        <v>3</v>
      </c>
      <c r="G94" s="23">
        <v>3</v>
      </c>
      <c r="H94" s="22">
        <v>11</v>
      </c>
      <c r="I94" s="22">
        <v>6</v>
      </c>
      <c r="J94" s="22">
        <v>5</v>
      </c>
      <c r="K94" s="21">
        <v>13</v>
      </c>
      <c r="L94" s="53">
        <v>8</v>
      </c>
      <c r="M94" s="54">
        <v>5</v>
      </c>
    </row>
    <row r="95" spans="1:13" ht="19.5" customHeight="1">
      <c r="A95" s="34" t="s">
        <v>98</v>
      </c>
      <c r="B95" s="17">
        <v>-23</v>
      </c>
      <c r="C95" s="18">
        <v>-20</v>
      </c>
      <c r="D95" s="18">
        <v>-3</v>
      </c>
      <c r="E95" s="17">
        <v>27</v>
      </c>
      <c r="F95" s="18">
        <v>22</v>
      </c>
      <c r="G95" s="19">
        <v>5</v>
      </c>
      <c r="H95" s="18">
        <v>44</v>
      </c>
      <c r="I95" s="18">
        <v>24</v>
      </c>
      <c r="J95" s="18">
        <v>20</v>
      </c>
      <c r="K95" s="17">
        <v>40</v>
      </c>
      <c r="L95" s="51">
        <v>22</v>
      </c>
      <c r="M95" s="52">
        <v>18</v>
      </c>
    </row>
    <row r="96" spans="1:13">
      <c r="A96" s="40" t="s">
        <v>99</v>
      </c>
      <c r="B96" s="21">
        <v>4</v>
      </c>
      <c r="C96" s="22">
        <v>0</v>
      </c>
      <c r="D96" s="22">
        <v>4</v>
      </c>
      <c r="E96" s="21">
        <v>2</v>
      </c>
      <c r="F96" s="22">
        <v>2</v>
      </c>
      <c r="G96" s="23">
        <v>0</v>
      </c>
      <c r="H96" s="22">
        <v>11</v>
      </c>
      <c r="I96" s="22">
        <v>4</v>
      </c>
      <c r="J96" s="22">
        <v>7</v>
      </c>
      <c r="K96" s="21">
        <v>5</v>
      </c>
      <c r="L96" s="53">
        <v>2</v>
      </c>
      <c r="M96" s="54">
        <v>3</v>
      </c>
    </row>
    <row r="97" spans="1:13">
      <c r="A97" s="40" t="s">
        <v>100</v>
      </c>
      <c r="B97" s="21">
        <v>-8</v>
      </c>
      <c r="C97" s="22">
        <v>-4</v>
      </c>
      <c r="D97" s="22">
        <v>-4</v>
      </c>
      <c r="E97" s="21">
        <v>4</v>
      </c>
      <c r="F97" s="22">
        <v>2</v>
      </c>
      <c r="G97" s="23">
        <v>2</v>
      </c>
      <c r="H97" s="22">
        <v>6</v>
      </c>
      <c r="I97" s="22">
        <v>4</v>
      </c>
      <c r="J97" s="22">
        <v>2</v>
      </c>
      <c r="K97" s="21">
        <v>10</v>
      </c>
      <c r="L97" s="53">
        <v>6</v>
      </c>
      <c r="M97" s="54">
        <v>4</v>
      </c>
    </row>
    <row r="98" spans="1:13">
      <c r="A98" s="40" t="s">
        <v>101</v>
      </c>
      <c r="B98" s="21">
        <v>-8</v>
      </c>
      <c r="C98" s="22">
        <v>-4</v>
      </c>
      <c r="D98" s="22">
        <v>-4</v>
      </c>
      <c r="E98" s="21">
        <v>7</v>
      </c>
      <c r="F98" s="22">
        <v>6</v>
      </c>
      <c r="G98" s="23">
        <v>1</v>
      </c>
      <c r="H98" s="22">
        <v>8</v>
      </c>
      <c r="I98" s="22">
        <v>6</v>
      </c>
      <c r="J98" s="22">
        <v>2</v>
      </c>
      <c r="K98" s="21">
        <v>9</v>
      </c>
      <c r="L98" s="53">
        <v>4</v>
      </c>
      <c r="M98" s="54">
        <v>5</v>
      </c>
    </row>
    <row r="99" spans="1:13">
      <c r="A99" s="40" t="s">
        <v>102</v>
      </c>
      <c r="B99" s="21">
        <v>-2</v>
      </c>
      <c r="C99" s="22">
        <v>-6</v>
      </c>
      <c r="D99" s="22">
        <v>4</v>
      </c>
      <c r="E99" s="21">
        <v>6</v>
      </c>
      <c r="F99" s="22">
        <v>6</v>
      </c>
      <c r="G99" s="23">
        <v>0</v>
      </c>
      <c r="H99" s="22">
        <v>8</v>
      </c>
      <c r="I99" s="22">
        <v>2</v>
      </c>
      <c r="J99" s="22">
        <v>6</v>
      </c>
      <c r="K99" s="21">
        <v>4</v>
      </c>
      <c r="L99" s="53">
        <v>2</v>
      </c>
      <c r="M99" s="54">
        <v>2</v>
      </c>
    </row>
    <row r="100" spans="1:13">
      <c r="A100" s="40" t="s">
        <v>103</v>
      </c>
      <c r="B100" s="21">
        <v>-9</v>
      </c>
      <c r="C100" s="22">
        <v>-6</v>
      </c>
      <c r="D100" s="22">
        <v>-3</v>
      </c>
      <c r="E100" s="21">
        <v>8</v>
      </c>
      <c r="F100" s="22">
        <v>6</v>
      </c>
      <c r="G100" s="23">
        <v>2</v>
      </c>
      <c r="H100" s="22">
        <v>11</v>
      </c>
      <c r="I100" s="22">
        <v>8</v>
      </c>
      <c r="J100" s="22">
        <v>3</v>
      </c>
      <c r="K100" s="21">
        <v>12</v>
      </c>
      <c r="L100" s="53">
        <v>8</v>
      </c>
      <c r="M100" s="54">
        <v>4</v>
      </c>
    </row>
    <row r="101" spans="1:13" ht="19.5" customHeight="1">
      <c r="A101" s="34" t="s">
        <v>104</v>
      </c>
      <c r="B101" s="17">
        <v>-48</v>
      </c>
      <c r="C101" s="18">
        <v>-39</v>
      </c>
      <c r="D101" s="18">
        <v>-9</v>
      </c>
      <c r="E101" s="17">
        <v>66</v>
      </c>
      <c r="F101" s="18">
        <v>45</v>
      </c>
      <c r="G101" s="19">
        <v>21</v>
      </c>
      <c r="H101" s="18">
        <v>46</v>
      </c>
      <c r="I101" s="18">
        <v>20</v>
      </c>
      <c r="J101" s="18">
        <v>26</v>
      </c>
      <c r="K101" s="17">
        <v>28</v>
      </c>
      <c r="L101" s="51">
        <v>14</v>
      </c>
      <c r="M101" s="52">
        <v>14</v>
      </c>
    </row>
    <row r="102" spans="1:13">
      <c r="A102" s="40" t="s">
        <v>105</v>
      </c>
      <c r="B102" s="21">
        <v>-7</v>
      </c>
      <c r="C102" s="22">
        <v>-5</v>
      </c>
      <c r="D102" s="22">
        <v>-2</v>
      </c>
      <c r="E102" s="21">
        <v>14</v>
      </c>
      <c r="F102" s="22">
        <v>8</v>
      </c>
      <c r="G102" s="23">
        <v>6</v>
      </c>
      <c r="H102" s="22">
        <v>12</v>
      </c>
      <c r="I102" s="22">
        <v>5</v>
      </c>
      <c r="J102" s="22">
        <v>7</v>
      </c>
      <c r="K102" s="21">
        <v>5</v>
      </c>
      <c r="L102" s="53">
        <v>2</v>
      </c>
      <c r="M102" s="54">
        <v>3</v>
      </c>
    </row>
    <row r="103" spans="1:13">
      <c r="A103" s="40" t="s">
        <v>106</v>
      </c>
      <c r="B103" s="21">
        <v>-12</v>
      </c>
      <c r="C103" s="22">
        <v>-13</v>
      </c>
      <c r="D103" s="22">
        <v>1</v>
      </c>
      <c r="E103" s="21">
        <v>15</v>
      </c>
      <c r="F103" s="22">
        <v>14</v>
      </c>
      <c r="G103" s="23">
        <v>1</v>
      </c>
      <c r="H103" s="22">
        <v>9</v>
      </c>
      <c r="I103" s="22">
        <v>3</v>
      </c>
      <c r="J103" s="22">
        <v>6</v>
      </c>
      <c r="K103" s="21">
        <v>6</v>
      </c>
      <c r="L103" s="53">
        <v>2</v>
      </c>
      <c r="M103" s="54">
        <v>4</v>
      </c>
    </row>
    <row r="104" spans="1:13">
      <c r="A104" s="40" t="s">
        <v>107</v>
      </c>
      <c r="B104" s="21">
        <v>-14</v>
      </c>
      <c r="C104" s="22">
        <v>-7</v>
      </c>
      <c r="D104" s="22">
        <v>-7</v>
      </c>
      <c r="E104" s="21">
        <v>17</v>
      </c>
      <c r="F104" s="22">
        <v>10</v>
      </c>
      <c r="G104" s="23">
        <v>7</v>
      </c>
      <c r="H104" s="22">
        <v>11</v>
      </c>
      <c r="I104" s="22">
        <v>6</v>
      </c>
      <c r="J104" s="22">
        <v>5</v>
      </c>
      <c r="K104" s="21">
        <v>8</v>
      </c>
      <c r="L104" s="53">
        <v>3</v>
      </c>
      <c r="M104" s="54">
        <v>5</v>
      </c>
    </row>
    <row r="105" spans="1:13">
      <c r="A105" s="40" t="s">
        <v>108</v>
      </c>
      <c r="B105" s="21">
        <v>-11</v>
      </c>
      <c r="C105" s="22">
        <v>-4</v>
      </c>
      <c r="D105" s="22">
        <v>-7</v>
      </c>
      <c r="E105" s="21">
        <v>9</v>
      </c>
      <c r="F105" s="22">
        <v>4</v>
      </c>
      <c r="G105" s="23">
        <v>5</v>
      </c>
      <c r="H105" s="22">
        <v>4</v>
      </c>
      <c r="I105" s="22">
        <v>4</v>
      </c>
      <c r="J105" s="22">
        <v>0</v>
      </c>
      <c r="K105" s="21">
        <v>6</v>
      </c>
      <c r="L105" s="53">
        <v>4</v>
      </c>
      <c r="M105" s="54">
        <v>2</v>
      </c>
    </row>
    <row r="106" spans="1:13">
      <c r="A106" s="40" t="s">
        <v>109</v>
      </c>
      <c r="B106" s="21">
        <v>-4</v>
      </c>
      <c r="C106" s="22">
        <v>-10</v>
      </c>
      <c r="D106" s="22">
        <v>6</v>
      </c>
      <c r="E106" s="21">
        <v>11</v>
      </c>
      <c r="F106" s="22">
        <v>9</v>
      </c>
      <c r="G106" s="23">
        <v>2</v>
      </c>
      <c r="H106" s="22">
        <v>10</v>
      </c>
      <c r="I106" s="22">
        <v>2</v>
      </c>
      <c r="J106" s="22">
        <v>8</v>
      </c>
      <c r="K106" s="21">
        <v>3</v>
      </c>
      <c r="L106" s="53">
        <v>3</v>
      </c>
      <c r="M106" s="54">
        <v>0</v>
      </c>
    </row>
    <row r="107" spans="1:13" ht="19.5" customHeight="1">
      <c r="A107" s="34" t="s">
        <v>110</v>
      </c>
      <c r="B107" s="17">
        <v>-60</v>
      </c>
      <c r="C107" s="18">
        <v>-40</v>
      </c>
      <c r="D107" s="18">
        <v>-20</v>
      </c>
      <c r="E107" s="17">
        <v>75</v>
      </c>
      <c r="F107" s="18">
        <v>48</v>
      </c>
      <c r="G107" s="19">
        <v>27</v>
      </c>
      <c r="H107" s="18">
        <v>46</v>
      </c>
      <c r="I107" s="18">
        <v>20</v>
      </c>
      <c r="J107" s="18">
        <v>26</v>
      </c>
      <c r="K107" s="17">
        <v>31</v>
      </c>
      <c r="L107" s="51">
        <v>12</v>
      </c>
      <c r="M107" s="52">
        <v>19</v>
      </c>
    </row>
    <row r="108" spans="1:13">
      <c r="A108" s="40" t="s">
        <v>111</v>
      </c>
      <c r="B108" s="21">
        <v>-11</v>
      </c>
      <c r="C108" s="22">
        <v>-6</v>
      </c>
      <c r="D108" s="22">
        <v>-5</v>
      </c>
      <c r="E108" s="21">
        <v>10</v>
      </c>
      <c r="F108" s="22">
        <v>7</v>
      </c>
      <c r="G108" s="23">
        <v>3</v>
      </c>
      <c r="H108" s="22">
        <v>7</v>
      </c>
      <c r="I108" s="22">
        <v>2</v>
      </c>
      <c r="J108" s="22">
        <v>5</v>
      </c>
      <c r="K108" s="21">
        <v>8</v>
      </c>
      <c r="L108" s="53">
        <v>1</v>
      </c>
      <c r="M108" s="54">
        <v>7</v>
      </c>
    </row>
    <row r="109" spans="1:13">
      <c r="A109" s="40" t="s">
        <v>112</v>
      </c>
      <c r="B109" s="21">
        <v>-8</v>
      </c>
      <c r="C109" s="22">
        <v>-7</v>
      </c>
      <c r="D109" s="22">
        <v>-1</v>
      </c>
      <c r="E109" s="21">
        <v>10</v>
      </c>
      <c r="F109" s="22">
        <v>8</v>
      </c>
      <c r="G109" s="23">
        <v>2</v>
      </c>
      <c r="H109" s="22">
        <v>9</v>
      </c>
      <c r="I109" s="22">
        <v>3</v>
      </c>
      <c r="J109" s="22">
        <v>6</v>
      </c>
      <c r="K109" s="21">
        <v>7</v>
      </c>
      <c r="L109" s="53">
        <v>2</v>
      </c>
      <c r="M109" s="54">
        <v>5</v>
      </c>
    </row>
    <row r="110" spans="1:13">
      <c r="A110" s="40" t="s">
        <v>113</v>
      </c>
      <c r="B110" s="21">
        <v>-6</v>
      </c>
      <c r="C110" s="22">
        <v>-5</v>
      </c>
      <c r="D110" s="22">
        <v>-1</v>
      </c>
      <c r="E110" s="21">
        <v>14</v>
      </c>
      <c r="F110" s="22">
        <v>11</v>
      </c>
      <c r="G110" s="23">
        <v>3</v>
      </c>
      <c r="H110" s="22">
        <v>14</v>
      </c>
      <c r="I110" s="22">
        <v>8</v>
      </c>
      <c r="J110" s="22">
        <v>6</v>
      </c>
      <c r="K110" s="21">
        <v>6</v>
      </c>
      <c r="L110" s="53">
        <v>2</v>
      </c>
      <c r="M110" s="54">
        <v>4</v>
      </c>
    </row>
    <row r="111" spans="1:13">
      <c r="A111" s="40" t="s">
        <v>114</v>
      </c>
      <c r="B111" s="21">
        <v>-19</v>
      </c>
      <c r="C111" s="22">
        <v>-10</v>
      </c>
      <c r="D111" s="22">
        <v>-9</v>
      </c>
      <c r="E111" s="21">
        <v>23</v>
      </c>
      <c r="F111" s="22">
        <v>12</v>
      </c>
      <c r="G111" s="23">
        <v>11</v>
      </c>
      <c r="H111" s="22">
        <v>7</v>
      </c>
      <c r="I111" s="22">
        <v>4</v>
      </c>
      <c r="J111" s="22">
        <v>3</v>
      </c>
      <c r="K111" s="21">
        <v>3</v>
      </c>
      <c r="L111" s="53">
        <v>2</v>
      </c>
      <c r="M111" s="54">
        <v>1</v>
      </c>
    </row>
    <row r="112" spans="1:13">
      <c r="A112" s="40" t="s">
        <v>115</v>
      </c>
      <c r="B112" s="21">
        <v>-16</v>
      </c>
      <c r="C112" s="22">
        <v>-12</v>
      </c>
      <c r="D112" s="22">
        <v>-4</v>
      </c>
      <c r="E112" s="21">
        <v>18</v>
      </c>
      <c r="F112" s="22">
        <v>10</v>
      </c>
      <c r="G112" s="23">
        <v>8</v>
      </c>
      <c r="H112" s="22">
        <v>9</v>
      </c>
      <c r="I112" s="22">
        <v>3</v>
      </c>
      <c r="J112" s="22">
        <v>6</v>
      </c>
      <c r="K112" s="21">
        <v>7</v>
      </c>
      <c r="L112" s="53">
        <v>5</v>
      </c>
      <c r="M112" s="54">
        <v>2</v>
      </c>
    </row>
    <row r="113" spans="1:13" ht="19.5" customHeight="1">
      <c r="A113" s="34" t="s">
        <v>116</v>
      </c>
      <c r="B113" s="17">
        <v>-104</v>
      </c>
      <c r="C113" s="18">
        <v>-64</v>
      </c>
      <c r="D113" s="18">
        <v>-40</v>
      </c>
      <c r="E113" s="17">
        <v>116</v>
      </c>
      <c r="F113" s="18">
        <v>75</v>
      </c>
      <c r="G113" s="19">
        <v>41</v>
      </c>
      <c r="H113" s="18">
        <v>35</v>
      </c>
      <c r="I113" s="18">
        <v>17</v>
      </c>
      <c r="J113" s="18">
        <v>18</v>
      </c>
      <c r="K113" s="17">
        <v>23</v>
      </c>
      <c r="L113" s="51">
        <v>6</v>
      </c>
      <c r="M113" s="52">
        <v>17</v>
      </c>
    </row>
    <row r="114" spans="1:13">
      <c r="A114" s="40" t="s">
        <v>117</v>
      </c>
      <c r="B114" s="21">
        <v>-25</v>
      </c>
      <c r="C114" s="22">
        <v>-15</v>
      </c>
      <c r="D114" s="22">
        <v>-10</v>
      </c>
      <c r="E114" s="21">
        <v>24</v>
      </c>
      <c r="F114" s="22">
        <v>16</v>
      </c>
      <c r="G114" s="23">
        <v>8</v>
      </c>
      <c r="H114" s="22">
        <v>5</v>
      </c>
      <c r="I114" s="22">
        <v>4</v>
      </c>
      <c r="J114" s="22">
        <v>1</v>
      </c>
      <c r="K114" s="21">
        <v>6</v>
      </c>
      <c r="L114" s="53">
        <v>3</v>
      </c>
      <c r="M114" s="54">
        <v>3</v>
      </c>
    </row>
    <row r="115" spans="1:13">
      <c r="A115" s="40" t="s">
        <v>118</v>
      </c>
      <c r="B115" s="21">
        <v>-22</v>
      </c>
      <c r="C115" s="22">
        <v>-9</v>
      </c>
      <c r="D115" s="22">
        <v>-13</v>
      </c>
      <c r="E115" s="21">
        <v>20</v>
      </c>
      <c r="F115" s="22">
        <v>11</v>
      </c>
      <c r="G115" s="23">
        <v>9</v>
      </c>
      <c r="H115" s="22">
        <v>4</v>
      </c>
      <c r="I115" s="22">
        <v>3</v>
      </c>
      <c r="J115" s="22">
        <v>1</v>
      </c>
      <c r="K115" s="21">
        <v>6</v>
      </c>
      <c r="L115" s="53">
        <v>1</v>
      </c>
      <c r="M115" s="54">
        <v>5</v>
      </c>
    </row>
    <row r="116" spans="1:13">
      <c r="A116" s="40" t="s">
        <v>119</v>
      </c>
      <c r="B116" s="21">
        <v>-25</v>
      </c>
      <c r="C116" s="22">
        <v>-21</v>
      </c>
      <c r="D116" s="22">
        <v>-4</v>
      </c>
      <c r="E116" s="21">
        <v>34</v>
      </c>
      <c r="F116" s="22">
        <v>25</v>
      </c>
      <c r="G116" s="23">
        <v>9</v>
      </c>
      <c r="H116" s="22">
        <v>12</v>
      </c>
      <c r="I116" s="22">
        <v>4</v>
      </c>
      <c r="J116" s="22">
        <v>8</v>
      </c>
      <c r="K116" s="21">
        <v>3</v>
      </c>
      <c r="L116" s="53">
        <v>0</v>
      </c>
      <c r="M116" s="54">
        <v>3</v>
      </c>
    </row>
    <row r="117" spans="1:13">
      <c r="A117" s="40" t="s">
        <v>120</v>
      </c>
      <c r="B117" s="21">
        <v>-17</v>
      </c>
      <c r="C117" s="22">
        <v>-12</v>
      </c>
      <c r="D117" s="22">
        <v>-5</v>
      </c>
      <c r="E117" s="21">
        <v>19</v>
      </c>
      <c r="F117" s="22">
        <v>12</v>
      </c>
      <c r="G117" s="23">
        <v>7</v>
      </c>
      <c r="H117" s="22">
        <v>5</v>
      </c>
      <c r="I117" s="22">
        <v>0</v>
      </c>
      <c r="J117" s="22">
        <v>5</v>
      </c>
      <c r="K117" s="21">
        <v>3</v>
      </c>
      <c r="L117" s="53">
        <v>0</v>
      </c>
      <c r="M117" s="54">
        <v>3</v>
      </c>
    </row>
    <row r="118" spans="1:13">
      <c r="A118" s="40" t="s">
        <v>121</v>
      </c>
      <c r="B118" s="21">
        <v>-15</v>
      </c>
      <c r="C118" s="22">
        <v>-7</v>
      </c>
      <c r="D118" s="22">
        <v>-8</v>
      </c>
      <c r="E118" s="21">
        <v>19</v>
      </c>
      <c r="F118" s="22">
        <v>11</v>
      </c>
      <c r="G118" s="23">
        <v>8</v>
      </c>
      <c r="H118" s="22">
        <v>9</v>
      </c>
      <c r="I118" s="22">
        <v>6</v>
      </c>
      <c r="J118" s="22">
        <v>3</v>
      </c>
      <c r="K118" s="21">
        <v>5</v>
      </c>
      <c r="L118" s="53">
        <v>2</v>
      </c>
      <c r="M118" s="54">
        <v>3</v>
      </c>
    </row>
    <row r="119" spans="1:13" ht="19.5" customHeight="1">
      <c r="A119" s="34" t="s">
        <v>122</v>
      </c>
      <c r="B119" s="17">
        <v>-127</v>
      </c>
      <c r="C119" s="18">
        <v>-62</v>
      </c>
      <c r="D119" s="18">
        <v>-65</v>
      </c>
      <c r="E119" s="17">
        <v>142</v>
      </c>
      <c r="F119" s="18">
        <v>72</v>
      </c>
      <c r="G119" s="19">
        <v>70</v>
      </c>
      <c r="H119" s="18">
        <v>36</v>
      </c>
      <c r="I119" s="18">
        <v>14</v>
      </c>
      <c r="J119" s="18">
        <v>22</v>
      </c>
      <c r="K119" s="17">
        <v>21</v>
      </c>
      <c r="L119" s="51">
        <v>4</v>
      </c>
      <c r="M119" s="52">
        <v>17</v>
      </c>
    </row>
    <row r="120" spans="1:13">
      <c r="A120" s="40" t="s">
        <v>123</v>
      </c>
      <c r="B120" s="21">
        <v>-21</v>
      </c>
      <c r="C120" s="22">
        <v>-11</v>
      </c>
      <c r="D120" s="22">
        <v>-10</v>
      </c>
      <c r="E120" s="21">
        <v>28</v>
      </c>
      <c r="F120" s="22">
        <v>14</v>
      </c>
      <c r="G120" s="23">
        <v>14</v>
      </c>
      <c r="H120" s="22">
        <v>11</v>
      </c>
      <c r="I120" s="22">
        <v>3</v>
      </c>
      <c r="J120" s="22">
        <v>8</v>
      </c>
      <c r="K120" s="21">
        <v>4</v>
      </c>
      <c r="L120" s="53">
        <v>0</v>
      </c>
      <c r="M120" s="54">
        <v>4</v>
      </c>
    </row>
    <row r="121" spans="1:13">
      <c r="A121" s="40" t="s">
        <v>124</v>
      </c>
      <c r="B121" s="21">
        <v>-30</v>
      </c>
      <c r="C121" s="22">
        <v>-18</v>
      </c>
      <c r="D121" s="22">
        <v>-12</v>
      </c>
      <c r="E121" s="21">
        <v>30</v>
      </c>
      <c r="F121" s="22">
        <v>18</v>
      </c>
      <c r="G121" s="23">
        <v>12</v>
      </c>
      <c r="H121" s="22">
        <v>5</v>
      </c>
      <c r="I121" s="22">
        <v>2</v>
      </c>
      <c r="J121" s="22">
        <v>3</v>
      </c>
      <c r="K121" s="21">
        <v>5</v>
      </c>
      <c r="L121" s="53">
        <v>2</v>
      </c>
      <c r="M121" s="54">
        <v>3</v>
      </c>
    </row>
    <row r="122" spans="1:13">
      <c r="A122" s="40" t="s">
        <v>125</v>
      </c>
      <c r="B122" s="21">
        <v>-21</v>
      </c>
      <c r="C122" s="22">
        <v>-9</v>
      </c>
      <c r="D122" s="22">
        <v>-12</v>
      </c>
      <c r="E122" s="21">
        <v>18</v>
      </c>
      <c r="F122" s="22">
        <v>9</v>
      </c>
      <c r="G122" s="23">
        <v>9</v>
      </c>
      <c r="H122" s="22">
        <v>3</v>
      </c>
      <c r="I122" s="22">
        <v>1</v>
      </c>
      <c r="J122" s="22">
        <v>2</v>
      </c>
      <c r="K122" s="21">
        <v>6</v>
      </c>
      <c r="L122" s="53">
        <v>1</v>
      </c>
      <c r="M122" s="54">
        <v>5</v>
      </c>
    </row>
    <row r="123" spans="1:13">
      <c r="A123" s="40" t="s">
        <v>126</v>
      </c>
      <c r="B123" s="21">
        <v>-25</v>
      </c>
      <c r="C123" s="22">
        <v>-11</v>
      </c>
      <c r="D123" s="22">
        <v>-14</v>
      </c>
      <c r="E123" s="21">
        <v>30</v>
      </c>
      <c r="F123" s="22">
        <v>13</v>
      </c>
      <c r="G123" s="23">
        <v>17</v>
      </c>
      <c r="H123" s="22">
        <v>8</v>
      </c>
      <c r="I123" s="22">
        <v>3</v>
      </c>
      <c r="J123" s="22">
        <v>5</v>
      </c>
      <c r="K123" s="21">
        <v>3</v>
      </c>
      <c r="L123" s="53">
        <v>1</v>
      </c>
      <c r="M123" s="54">
        <v>2</v>
      </c>
    </row>
    <row r="124" spans="1:13">
      <c r="A124" s="40" t="s">
        <v>127</v>
      </c>
      <c r="B124" s="21">
        <v>-30</v>
      </c>
      <c r="C124" s="22">
        <v>-13</v>
      </c>
      <c r="D124" s="22">
        <v>-17</v>
      </c>
      <c r="E124" s="21">
        <v>36</v>
      </c>
      <c r="F124" s="22">
        <v>18</v>
      </c>
      <c r="G124" s="23">
        <v>18</v>
      </c>
      <c r="H124" s="22">
        <v>9</v>
      </c>
      <c r="I124" s="22">
        <v>5</v>
      </c>
      <c r="J124" s="22">
        <v>4</v>
      </c>
      <c r="K124" s="21">
        <v>3</v>
      </c>
      <c r="L124" s="53">
        <v>0</v>
      </c>
      <c r="M124" s="54">
        <v>3</v>
      </c>
    </row>
    <row r="125" spans="1:13" ht="19.5" customHeight="1">
      <c r="A125" s="34" t="s">
        <v>128</v>
      </c>
      <c r="B125" s="17">
        <v>-127</v>
      </c>
      <c r="C125" s="18">
        <v>-31</v>
      </c>
      <c r="D125" s="18">
        <v>-96</v>
      </c>
      <c r="E125" s="17">
        <v>131</v>
      </c>
      <c r="F125" s="18">
        <v>35</v>
      </c>
      <c r="G125" s="19">
        <v>96</v>
      </c>
      <c r="H125" s="18">
        <v>14</v>
      </c>
      <c r="I125" s="18">
        <v>4</v>
      </c>
      <c r="J125" s="18">
        <v>10</v>
      </c>
      <c r="K125" s="17">
        <v>10</v>
      </c>
      <c r="L125" s="51">
        <v>0</v>
      </c>
      <c r="M125" s="52">
        <v>10</v>
      </c>
    </row>
    <row r="126" spans="1:13">
      <c r="A126" s="40" t="s">
        <v>129</v>
      </c>
      <c r="B126" s="21">
        <v>-26</v>
      </c>
      <c r="C126" s="22">
        <v>-8</v>
      </c>
      <c r="D126" s="22">
        <v>-18</v>
      </c>
      <c r="E126" s="21">
        <v>29</v>
      </c>
      <c r="F126" s="22">
        <v>9</v>
      </c>
      <c r="G126" s="23">
        <v>20</v>
      </c>
      <c r="H126" s="22">
        <v>3</v>
      </c>
      <c r="I126" s="22">
        <v>1</v>
      </c>
      <c r="J126" s="22">
        <v>2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22</v>
      </c>
      <c r="C127" s="22">
        <v>-5</v>
      </c>
      <c r="D127" s="22">
        <v>-17</v>
      </c>
      <c r="E127" s="21">
        <v>22</v>
      </c>
      <c r="F127" s="22">
        <v>6</v>
      </c>
      <c r="G127" s="23">
        <v>16</v>
      </c>
      <c r="H127" s="22">
        <v>3</v>
      </c>
      <c r="I127" s="22">
        <v>1</v>
      </c>
      <c r="J127" s="22">
        <v>2</v>
      </c>
      <c r="K127" s="21">
        <v>3</v>
      </c>
      <c r="L127" s="53">
        <v>0</v>
      </c>
      <c r="M127" s="54">
        <v>3</v>
      </c>
    </row>
    <row r="128" spans="1:13">
      <c r="A128" s="40" t="s">
        <v>131</v>
      </c>
      <c r="B128" s="21">
        <v>-26</v>
      </c>
      <c r="C128" s="22">
        <v>-8</v>
      </c>
      <c r="D128" s="22">
        <v>-18</v>
      </c>
      <c r="E128" s="21">
        <v>27</v>
      </c>
      <c r="F128" s="22">
        <v>8</v>
      </c>
      <c r="G128" s="23">
        <v>19</v>
      </c>
      <c r="H128" s="22">
        <v>3</v>
      </c>
      <c r="I128" s="22">
        <v>0</v>
      </c>
      <c r="J128" s="22">
        <v>3</v>
      </c>
      <c r="K128" s="21">
        <v>2</v>
      </c>
      <c r="L128" s="53">
        <v>0</v>
      </c>
      <c r="M128" s="54">
        <v>2</v>
      </c>
    </row>
    <row r="129" spans="1:13">
      <c r="A129" s="40" t="s">
        <v>132</v>
      </c>
      <c r="B129" s="21">
        <v>-24</v>
      </c>
      <c r="C129" s="22">
        <v>-8</v>
      </c>
      <c r="D129" s="22">
        <v>-16</v>
      </c>
      <c r="E129" s="21">
        <v>26</v>
      </c>
      <c r="F129" s="22">
        <v>9</v>
      </c>
      <c r="G129" s="23">
        <v>17</v>
      </c>
      <c r="H129" s="22">
        <v>2</v>
      </c>
      <c r="I129" s="22">
        <v>1</v>
      </c>
      <c r="J129" s="22">
        <v>1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29</v>
      </c>
      <c r="C130" s="22">
        <v>-2</v>
      </c>
      <c r="D130" s="22">
        <v>-27</v>
      </c>
      <c r="E130" s="21">
        <v>27</v>
      </c>
      <c r="F130" s="22">
        <v>3</v>
      </c>
      <c r="G130" s="23">
        <v>24</v>
      </c>
      <c r="H130" s="22">
        <v>3</v>
      </c>
      <c r="I130" s="22">
        <v>1</v>
      </c>
      <c r="J130" s="22">
        <v>2</v>
      </c>
      <c r="K130" s="21">
        <v>5</v>
      </c>
      <c r="L130" s="53">
        <v>0</v>
      </c>
      <c r="M130" s="54">
        <v>5</v>
      </c>
    </row>
    <row r="131" spans="1:13" ht="19.5" customHeight="1">
      <c r="A131" s="34" t="s">
        <v>134</v>
      </c>
      <c r="B131" s="17">
        <v>-68</v>
      </c>
      <c r="C131" s="18">
        <v>-16</v>
      </c>
      <c r="D131" s="18">
        <v>-52</v>
      </c>
      <c r="E131" s="17">
        <v>63</v>
      </c>
      <c r="F131" s="18">
        <v>16</v>
      </c>
      <c r="G131" s="19">
        <v>47</v>
      </c>
      <c r="H131" s="18">
        <v>1</v>
      </c>
      <c r="I131" s="18">
        <v>0</v>
      </c>
      <c r="J131" s="18">
        <v>1</v>
      </c>
      <c r="K131" s="17">
        <v>6</v>
      </c>
      <c r="L131" s="51">
        <v>0</v>
      </c>
      <c r="M131" s="52">
        <v>6</v>
      </c>
    </row>
    <row r="132" spans="1:13">
      <c r="A132" s="40" t="s">
        <v>135</v>
      </c>
      <c r="B132" s="21">
        <v>-18</v>
      </c>
      <c r="C132" s="22">
        <v>-5</v>
      </c>
      <c r="D132" s="22">
        <v>-13</v>
      </c>
      <c r="E132" s="21">
        <v>15</v>
      </c>
      <c r="F132" s="22">
        <v>5</v>
      </c>
      <c r="G132" s="23">
        <v>10</v>
      </c>
      <c r="H132" s="22">
        <v>0</v>
      </c>
      <c r="I132" s="22">
        <v>0</v>
      </c>
      <c r="J132" s="22">
        <v>0</v>
      </c>
      <c r="K132" s="21">
        <v>3</v>
      </c>
      <c r="L132" s="53">
        <v>0</v>
      </c>
      <c r="M132" s="54">
        <v>3</v>
      </c>
    </row>
    <row r="133" spans="1:13">
      <c r="A133" s="40" t="s">
        <v>136</v>
      </c>
      <c r="B133" s="21">
        <v>-12</v>
      </c>
      <c r="C133" s="22">
        <v>-3</v>
      </c>
      <c r="D133" s="22">
        <v>-9</v>
      </c>
      <c r="E133" s="21">
        <v>10</v>
      </c>
      <c r="F133" s="22">
        <v>3</v>
      </c>
      <c r="G133" s="23">
        <v>7</v>
      </c>
      <c r="H133" s="22">
        <v>0</v>
      </c>
      <c r="I133" s="22">
        <v>0</v>
      </c>
      <c r="J133" s="22">
        <v>0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17</v>
      </c>
      <c r="C134" s="22">
        <v>-4</v>
      </c>
      <c r="D134" s="22">
        <v>-13</v>
      </c>
      <c r="E134" s="21">
        <v>18</v>
      </c>
      <c r="F134" s="22">
        <v>4</v>
      </c>
      <c r="G134" s="23">
        <v>14</v>
      </c>
      <c r="H134" s="22">
        <v>1</v>
      </c>
      <c r="I134" s="22">
        <v>0</v>
      </c>
      <c r="J134" s="22">
        <v>1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14</v>
      </c>
      <c r="C135" s="22">
        <v>-3</v>
      </c>
      <c r="D135" s="22">
        <v>-11</v>
      </c>
      <c r="E135" s="21">
        <v>14</v>
      </c>
      <c r="F135" s="22">
        <v>3</v>
      </c>
      <c r="G135" s="23">
        <v>11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7</v>
      </c>
      <c r="C136" s="22">
        <v>-1</v>
      </c>
      <c r="D136" s="22">
        <v>-6</v>
      </c>
      <c r="E136" s="21">
        <v>6</v>
      </c>
      <c r="F136" s="22">
        <v>1</v>
      </c>
      <c r="G136" s="23">
        <v>5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10</v>
      </c>
      <c r="C137" s="43">
        <v>-4</v>
      </c>
      <c r="D137" s="43">
        <v>-6</v>
      </c>
      <c r="E137" s="42">
        <v>9</v>
      </c>
      <c r="F137" s="43">
        <v>3</v>
      </c>
      <c r="G137" s="44">
        <v>6</v>
      </c>
      <c r="H137" s="43">
        <v>0</v>
      </c>
      <c r="I137" s="43">
        <v>0</v>
      </c>
      <c r="J137" s="43">
        <v>0</v>
      </c>
      <c r="K137" s="42">
        <v>1</v>
      </c>
      <c r="L137" s="67">
        <v>1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9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202</v>
      </c>
      <c r="C5" s="14">
        <v>-132</v>
      </c>
      <c r="D5" s="14">
        <v>-70</v>
      </c>
      <c r="E5" s="13">
        <v>401</v>
      </c>
      <c r="F5" s="14">
        <v>208</v>
      </c>
      <c r="G5" s="15">
        <v>193</v>
      </c>
      <c r="H5" s="14">
        <v>1405</v>
      </c>
      <c r="I5" s="14">
        <v>659</v>
      </c>
      <c r="J5" s="14">
        <v>746</v>
      </c>
      <c r="K5" s="13">
        <v>1356</v>
      </c>
      <c r="L5" s="49">
        <v>655</v>
      </c>
      <c r="M5" s="50">
        <v>701</v>
      </c>
    </row>
    <row r="6" spans="1:13" ht="19.5" customHeight="1">
      <c r="A6" s="16" t="s">
        <v>13</v>
      </c>
      <c r="B6" s="17">
        <v>209</v>
      </c>
      <c r="C6" s="18">
        <v>97</v>
      </c>
      <c r="D6" s="18">
        <v>112</v>
      </c>
      <c r="E6" s="17">
        <v>0</v>
      </c>
      <c r="F6" s="18">
        <v>0</v>
      </c>
      <c r="G6" s="19">
        <v>0</v>
      </c>
      <c r="H6" s="18">
        <v>137</v>
      </c>
      <c r="I6" s="18">
        <v>65</v>
      </c>
      <c r="J6" s="18">
        <v>72</v>
      </c>
      <c r="K6" s="17">
        <v>78</v>
      </c>
      <c r="L6" s="51">
        <v>40</v>
      </c>
      <c r="M6" s="52">
        <v>38</v>
      </c>
    </row>
    <row r="7" spans="1:13">
      <c r="A7" s="20" t="s">
        <v>14</v>
      </c>
      <c r="B7" s="21">
        <v>164</v>
      </c>
      <c r="C7" s="22">
        <v>76</v>
      </c>
      <c r="D7" s="22">
        <v>88</v>
      </c>
      <c r="E7" s="21">
        <v>0</v>
      </c>
      <c r="F7" s="22">
        <v>0</v>
      </c>
      <c r="G7" s="23">
        <v>0</v>
      </c>
      <c r="H7" s="22">
        <v>30</v>
      </c>
      <c r="I7" s="22">
        <v>16</v>
      </c>
      <c r="J7" s="22">
        <v>14</v>
      </c>
      <c r="K7" s="21">
        <v>16</v>
      </c>
      <c r="L7" s="53">
        <v>12</v>
      </c>
      <c r="M7" s="54">
        <v>4</v>
      </c>
    </row>
    <row r="8" spans="1:13">
      <c r="A8" s="20" t="s">
        <v>15</v>
      </c>
      <c r="B8" s="21">
        <v>12</v>
      </c>
      <c r="C8" s="22">
        <v>6</v>
      </c>
      <c r="D8" s="22">
        <v>6</v>
      </c>
      <c r="E8" s="21">
        <v>0</v>
      </c>
      <c r="F8" s="22">
        <v>0</v>
      </c>
      <c r="G8" s="23">
        <v>0</v>
      </c>
      <c r="H8" s="22">
        <v>26</v>
      </c>
      <c r="I8" s="22">
        <v>13</v>
      </c>
      <c r="J8" s="22">
        <v>13</v>
      </c>
      <c r="K8" s="21">
        <v>14</v>
      </c>
      <c r="L8" s="53">
        <v>7</v>
      </c>
      <c r="M8" s="54">
        <v>7</v>
      </c>
    </row>
    <row r="9" spans="1:13">
      <c r="A9" s="20" t="s">
        <v>16</v>
      </c>
      <c r="B9" s="21">
        <v>14</v>
      </c>
      <c r="C9" s="22">
        <v>8</v>
      </c>
      <c r="D9" s="22">
        <v>6</v>
      </c>
      <c r="E9" s="21">
        <v>0</v>
      </c>
      <c r="F9" s="22">
        <v>0</v>
      </c>
      <c r="G9" s="23">
        <v>0</v>
      </c>
      <c r="H9" s="22">
        <v>34</v>
      </c>
      <c r="I9" s="22">
        <v>15</v>
      </c>
      <c r="J9" s="22">
        <v>19</v>
      </c>
      <c r="K9" s="21">
        <v>20</v>
      </c>
      <c r="L9" s="53">
        <v>7</v>
      </c>
      <c r="M9" s="54">
        <v>13</v>
      </c>
    </row>
    <row r="10" spans="1:13">
      <c r="A10" s="20" t="s">
        <v>17</v>
      </c>
      <c r="B10" s="21">
        <v>15</v>
      </c>
      <c r="C10" s="22">
        <v>7</v>
      </c>
      <c r="D10" s="22">
        <v>8</v>
      </c>
      <c r="E10" s="21">
        <v>0</v>
      </c>
      <c r="F10" s="22">
        <v>0</v>
      </c>
      <c r="G10" s="23">
        <v>0</v>
      </c>
      <c r="H10" s="22">
        <v>23</v>
      </c>
      <c r="I10" s="22">
        <v>10</v>
      </c>
      <c r="J10" s="22">
        <v>13</v>
      </c>
      <c r="K10" s="21">
        <v>8</v>
      </c>
      <c r="L10" s="53">
        <v>3</v>
      </c>
      <c r="M10" s="54">
        <v>5</v>
      </c>
    </row>
    <row r="11" spans="1:13">
      <c r="A11" s="20" t="s">
        <v>18</v>
      </c>
      <c r="B11" s="21">
        <v>4</v>
      </c>
      <c r="C11" s="22">
        <v>0</v>
      </c>
      <c r="D11" s="22">
        <v>4</v>
      </c>
      <c r="E11" s="21">
        <v>0</v>
      </c>
      <c r="F11" s="22">
        <v>0</v>
      </c>
      <c r="G11" s="23">
        <v>0</v>
      </c>
      <c r="H11" s="22">
        <v>24</v>
      </c>
      <c r="I11" s="22">
        <v>11</v>
      </c>
      <c r="J11" s="22">
        <v>13</v>
      </c>
      <c r="K11" s="21">
        <v>20</v>
      </c>
      <c r="L11" s="53">
        <v>11</v>
      </c>
      <c r="M11" s="54">
        <v>9</v>
      </c>
    </row>
    <row r="12" spans="1:13" ht="20.100000000000001" customHeight="1">
      <c r="A12" s="16" t="s">
        <v>19</v>
      </c>
      <c r="B12" s="17">
        <v>35</v>
      </c>
      <c r="C12" s="18">
        <v>27</v>
      </c>
      <c r="D12" s="18">
        <v>8</v>
      </c>
      <c r="E12" s="17">
        <v>0</v>
      </c>
      <c r="F12" s="18">
        <v>0</v>
      </c>
      <c r="G12" s="19">
        <v>0</v>
      </c>
      <c r="H12" s="18">
        <v>98</v>
      </c>
      <c r="I12" s="18">
        <v>56</v>
      </c>
      <c r="J12" s="18">
        <v>42</v>
      </c>
      <c r="K12" s="17">
        <v>63</v>
      </c>
      <c r="L12" s="51">
        <v>29</v>
      </c>
      <c r="M12" s="52">
        <v>34</v>
      </c>
    </row>
    <row r="13" spans="1:13">
      <c r="A13" s="20" t="s">
        <v>20</v>
      </c>
      <c r="B13" s="21">
        <v>12</v>
      </c>
      <c r="C13" s="22">
        <v>11</v>
      </c>
      <c r="D13" s="22">
        <v>1</v>
      </c>
      <c r="E13" s="21">
        <v>0</v>
      </c>
      <c r="F13" s="22">
        <v>0</v>
      </c>
      <c r="G13" s="23">
        <v>0</v>
      </c>
      <c r="H13" s="22">
        <v>21</v>
      </c>
      <c r="I13" s="22">
        <v>17</v>
      </c>
      <c r="J13" s="22">
        <v>4</v>
      </c>
      <c r="K13" s="21">
        <v>9</v>
      </c>
      <c r="L13" s="53">
        <v>6</v>
      </c>
      <c r="M13" s="54">
        <v>3</v>
      </c>
    </row>
    <row r="14" spans="1:13">
      <c r="A14" s="20" t="s">
        <v>21</v>
      </c>
      <c r="B14" s="21">
        <v>8</v>
      </c>
      <c r="C14" s="22">
        <v>6</v>
      </c>
      <c r="D14" s="22">
        <v>2</v>
      </c>
      <c r="E14" s="21">
        <v>0</v>
      </c>
      <c r="F14" s="22">
        <v>0</v>
      </c>
      <c r="G14" s="23">
        <v>0</v>
      </c>
      <c r="H14" s="22">
        <v>33</v>
      </c>
      <c r="I14" s="22">
        <v>19</v>
      </c>
      <c r="J14" s="22">
        <v>14</v>
      </c>
      <c r="K14" s="21">
        <v>25</v>
      </c>
      <c r="L14" s="53">
        <v>13</v>
      </c>
      <c r="M14" s="54">
        <v>12</v>
      </c>
    </row>
    <row r="15" spans="1:13">
      <c r="A15" s="20" t="s">
        <v>22</v>
      </c>
      <c r="B15" s="21">
        <v>2</v>
      </c>
      <c r="C15" s="22">
        <v>-1</v>
      </c>
      <c r="D15" s="22">
        <v>3</v>
      </c>
      <c r="E15" s="21">
        <v>0</v>
      </c>
      <c r="F15" s="22">
        <v>0</v>
      </c>
      <c r="G15" s="23">
        <v>0</v>
      </c>
      <c r="H15" s="22">
        <v>12</v>
      </c>
      <c r="I15" s="22">
        <v>4</v>
      </c>
      <c r="J15" s="22">
        <v>8</v>
      </c>
      <c r="K15" s="21">
        <v>10</v>
      </c>
      <c r="L15" s="53">
        <v>5</v>
      </c>
      <c r="M15" s="54">
        <v>5</v>
      </c>
    </row>
    <row r="16" spans="1:13">
      <c r="A16" s="20" t="s">
        <v>23</v>
      </c>
      <c r="B16" s="21">
        <v>6</v>
      </c>
      <c r="C16" s="22">
        <v>8</v>
      </c>
      <c r="D16" s="22">
        <v>-2</v>
      </c>
      <c r="E16" s="21">
        <v>0</v>
      </c>
      <c r="F16" s="22">
        <v>0</v>
      </c>
      <c r="G16" s="23">
        <v>0</v>
      </c>
      <c r="H16" s="22">
        <v>20</v>
      </c>
      <c r="I16" s="22">
        <v>10</v>
      </c>
      <c r="J16" s="22">
        <v>10</v>
      </c>
      <c r="K16" s="21">
        <v>14</v>
      </c>
      <c r="L16" s="53">
        <v>2</v>
      </c>
      <c r="M16" s="54">
        <v>12</v>
      </c>
    </row>
    <row r="17" spans="1:13">
      <c r="A17" s="20" t="s">
        <v>24</v>
      </c>
      <c r="B17" s="21">
        <v>7</v>
      </c>
      <c r="C17" s="22">
        <v>3</v>
      </c>
      <c r="D17" s="22">
        <v>4</v>
      </c>
      <c r="E17" s="21">
        <v>0</v>
      </c>
      <c r="F17" s="22">
        <v>0</v>
      </c>
      <c r="G17" s="23">
        <v>0</v>
      </c>
      <c r="H17" s="22">
        <v>12</v>
      </c>
      <c r="I17" s="22">
        <v>6</v>
      </c>
      <c r="J17" s="22">
        <v>6</v>
      </c>
      <c r="K17" s="21">
        <v>5</v>
      </c>
      <c r="L17" s="53">
        <v>3</v>
      </c>
      <c r="M17" s="54">
        <v>2</v>
      </c>
    </row>
    <row r="18" spans="1:13" ht="20.100000000000001" customHeight="1">
      <c r="A18" s="16" t="s">
        <v>25</v>
      </c>
      <c r="B18" s="17">
        <v>18</v>
      </c>
      <c r="C18" s="18">
        <v>6</v>
      </c>
      <c r="D18" s="18">
        <v>12</v>
      </c>
      <c r="E18" s="17">
        <v>0</v>
      </c>
      <c r="F18" s="18">
        <v>0</v>
      </c>
      <c r="G18" s="19">
        <v>0</v>
      </c>
      <c r="H18" s="18">
        <v>43</v>
      </c>
      <c r="I18" s="18">
        <v>20</v>
      </c>
      <c r="J18" s="18">
        <v>23</v>
      </c>
      <c r="K18" s="17">
        <v>25</v>
      </c>
      <c r="L18" s="51">
        <v>14</v>
      </c>
      <c r="M18" s="52">
        <v>11</v>
      </c>
    </row>
    <row r="19" spans="1:13">
      <c r="A19" s="20" t="s">
        <v>26</v>
      </c>
      <c r="B19" s="21">
        <v>5</v>
      </c>
      <c r="C19" s="22">
        <v>2</v>
      </c>
      <c r="D19" s="22">
        <v>3</v>
      </c>
      <c r="E19" s="21">
        <v>0</v>
      </c>
      <c r="F19" s="22">
        <v>0</v>
      </c>
      <c r="G19" s="23">
        <v>0</v>
      </c>
      <c r="H19" s="22">
        <v>9</v>
      </c>
      <c r="I19" s="22">
        <v>6</v>
      </c>
      <c r="J19" s="22">
        <v>3</v>
      </c>
      <c r="K19" s="21">
        <v>4</v>
      </c>
      <c r="L19" s="53">
        <v>4</v>
      </c>
      <c r="M19" s="54">
        <v>0</v>
      </c>
    </row>
    <row r="20" spans="1:13">
      <c r="A20" s="20" t="s">
        <v>27</v>
      </c>
      <c r="B20" s="21">
        <v>-1</v>
      </c>
      <c r="C20" s="22">
        <v>0</v>
      </c>
      <c r="D20" s="22">
        <v>-1</v>
      </c>
      <c r="E20" s="21">
        <v>0</v>
      </c>
      <c r="F20" s="22">
        <v>0</v>
      </c>
      <c r="G20" s="23">
        <v>0</v>
      </c>
      <c r="H20" s="22">
        <v>5</v>
      </c>
      <c r="I20" s="22">
        <v>1</v>
      </c>
      <c r="J20" s="22">
        <v>4</v>
      </c>
      <c r="K20" s="21">
        <v>6</v>
      </c>
      <c r="L20" s="53">
        <v>1</v>
      </c>
      <c r="M20" s="54">
        <v>5</v>
      </c>
    </row>
    <row r="21" spans="1:13">
      <c r="A21" s="20" t="s">
        <v>28</v>
      </c>
      <c r="B21" s="21">
        <v>3</v>
      </c>
      <c r="C21" s="22">
        <v>0</v>
      </c>
      <c r="D21" s="22">
        <v>3</v>
      </c>
      <c r="E21" s="21">
        <v>0</v>
      </c>
      <c r="F21" s="22">
        <v>0</v>
      </c>
      <c r="G21" s="23">
        <v>0</v>
      </c>
      <c r="H21" s="22">
        <v>11</v>
      </c>
      <c r="I21" s="22">
        <v>5</v>
      </c>
      <c r="J21" s="22">
        <v>6</v>
      </c>
      <c r="K21" s="21">
        <v>8</v>
      </c>
      <c r="L21" s="53">
        <v>5</v>
      </c>
      <c r="M21" s="54">
        <v>3</v>
      </c>
    </row>
    <row r="22" spans="1:13">
      <c r="A22" s="20" t="s">
        <v>29</v>
      </c>
      <c r="B22" s="21">
        <v>2</v>
      </c>
      <c r="C22" s="22">
        <v>2</v>
      </c>
      <c r="D22" s="22">
        <v>0</v>
      </c>
      <c r="E22" s="21">
        <v>0</v>
      </c>
      <c r="F22" s="22">
        <v>0</v>
      </c>
      <c r="G22" s="23">
        <v>0</v>
      </c>
      <c r="H22" s="22">
        <v>5</v>
      </c>
      <c r="I22" s="22">
        <v>4</v>
      </c>
      <c r="J22" s="22">
        <v>1</v>
      </c>
      <c r="K22" s="21">
        <v>3</v>
      </c>
      <c r="L22" s="53">
        <v>2</v>
      </c>
      <c r="M22" s="54">
        <v>1</v>
      </c>
    </row>
    <row r="23" spans="1:13">
      <c r="A23" s="20" t="s">
        <v>30</v>
      </c>
      <c r="B23" s="21">
        <v>9</v>
      </c>
      <c r="C23" s="22">
        <v>2</v>
      </c>
      <c r="D23" s="22">
        <v>7</v>
      </c>
      <c r="E23" s="21">
        <v>0</v>
      </c>
      <c r="F23" s="22">
        <v>0</v>
      </c>
      <c r="G23" s="23">
        <v>0</v>
      </c>
      <c r="H23" s="22">
        <v>13</v>
      </c>
      <c r="I23" s="22">
        <v>4</v>
      </c>
      <c r="J23" s="22">
        <v>9</v>
      </c>
      <c r="K23" s="21">
        <v>4</v>
      </c>
      <c r="L23" s="53">
        <v>2</v>
      </c>
      <c r="M23" s="54">
        <v>2</v>
      </c>
    </row>
    <row r="24" spans="1:13" ht="20.100000000000001" customHeight="1">
      <c r="A24" s="16" t="s">
        <v>31</v>
      </c>
      <c r="B24" s="17">
        <v>-19</v>
      </c>
      <c r="C24" s="18">
        <v>-19</v>
      </c>
      <c r="D24" s="18">
        <v>0</v>
      </c>
      <c r="E24" s="17">
        <v>0</v>
      </c>
      <c r="F24" s="18">
        <v>0</v>
      </c>
      <c r="G24" s="19">
        <v>0</v>
      </c>
      <c r="H24" s="18">
        <v>35</v>
      </c>
      <c r="I24" s="18">
        <v>15</v>
      </c>
      <c r="J24" s="18">
        <v>20</v>
      </c>
      <c r="K24" s="17">
        <v>54</v>
      </c>
      <c r="L24" s="51">
        <v>34</v>
      </c>
      <c r="M24" s="52">
        <v>20</v>
      </c>
    </row>
    <row r="25" spans="1:13">
      <c r="A25" s="20" t="s">
        <v>32</v>
      </c>
      <c r="B25" s="21">
        <v>-5</v>
      </c>
      <c r="C25" s="22">
        <v>-6</v>
      </c>
      <c r="D25" s="22">
        <v>1</v>
      </c>
      <c r="E25" s="21">
        <v>0</v>
      </c>
      <c r="F25" s="22">
        <v>0</v>
      </c>
      <c r="G25" s="23">
        <v>0</v>
      </c>
      <c r="H25" s="22">
        <v>9</v>
      </c>
      <c r="I25" s="22">
        <v>2</v>
      </c>
      <c r="J25" s="22">
        <v>7</v>
      </c>
      <c r="K25" s="21">
        <v>14</v>
      </c>
      <c r="L25" s="53">
        <v>8</v>
      </c>
      <c r="M25" s="54">
        <v>6</v>
      </c>
    </row>
    <row r="26" spans="1:13">
      <c r="A26" s="20" t="s">
        <v>33</v>
      </c>
      <c r="B26" s="21">
        <v>-3</v>
      </c>
      <c r="C26" s="22">
        <v>0</v>
      </c>
      <c r="D26" s="22">
        <v>-3</v>
      </c>
      <c r="E26" s="21">
        <v>0</v>
      </c>
      <c r="F26" s="22">
        <v>0</v>
      </c>
      <c r="G26" s="23">
        <v>0</v>
      </c>
      <c r="H26" s="22">
        <v>4</v>
      </c>
      <c r="I26" s="22">
        <v>3</v>
      </c>
      <c r="J26" s="22">
        <v>1</v>
      </c>
      <c r="K26" s="21">
        <v>7</v>
      </c>
      <c r="L26" s="53">
        <v>3</v>
      </c>
      <c r="M26" s="54">
        <v>4</v>
      </c>
    </row>
    <row r="27" spans="1:13">
      <c r="A27" s="20" t="s">
        <v>34</v>
      </c>
      <c r="B27" s="21">
        <v>-1</v>
      </c>
      <c r="C27" s="22">
        <v>-2</v>
      </c>
      <c r="D27" s="22">
        <v>1</v>
      </c>
      <c r="E27" s="21">
        <v>0</v>
      </c>
      <c r="F27" s="22">
        <v>0</v>
      </c>
      <c r="G27" s="23">
        <v>0</v>
      </c>
      <c r="H27" s="22">
        <v>6</v>
      </c>
      <c r="I27" s="22">
        <v>2</v>
      </c>
      <c r="J27" s="22">
        <v>4</v>
      </c>
      <c r="K27" s="21">
        <v>7</v>
      </c>
      <c r="L27" s="53">
        <v>4</v>
      </c>
      <c r="M27" s="54">
        <v>3</v>
      </c>
    </row>
    <row r="28" spans="1:13">
      <c r="A28" s="20" t="s">
        <v>35</v>
      </c>
      <c r="B28" s="21">
        <v>-3</v>
      </c>
      <c r="C28" s="22">
        <v>-3</v>
      </c>
      <c r="D28" s="22">
        <v>0</v>
      </c>
      <c r="E28" s="21">
        <v>0</v>
      </c>
      <c r="F28" s="22">
        <v>0</v>
      </c>
      <c r="G28" s="23">
        <v>0</v>
      </c>
      <c r="H28" s="22">
        <v>13</v>
      </c>
      <c r="I28" s="22">
        <v>6</v>
      </c>
      <c r="J28" s="22">
        <v>7</v>
      </c>
      <c r="K28" s="21">
        <v>16</v>
      </c>
      <c r="L28" s="53">
        <v>9</v>
      </c>
      <c r="M28" s="54">
        <v>7</v>
      </c>
    </row>
    <row r="29" spans="1:13">
      <c r="A29" s="20" t="s">
        <v>36</v>
      </c>
      <c r="B29" s="21">
        <v>-7</v>
      </c>
      <c r="C29" s="22">
        <v>-8</v>
      </c>
      <c r="D29" s="22">
        <v>1</v>
      </c>
      <c r="E29" s="21">
        <v>0</v>
      </c>
      <c r="F29" s="22">
        <v>0</v>
      </c>
      <c r="G29" s="23">
        <v>0</v>
      </c>
      <c r="H29" s="22">
        <v>3</v>
      </c>
      <c r="I29" s="22">
        <v>2</v>
      </c>
      <c r="J29" s="22">
        <v>1</v>
      </c>
      <c r="K29" s="21">
        <v>10</v>
      </c>
      <c r="L29" s="53">
        <v>10</v>
      </c>
      <c r="M29" s="54">
        <v>0</v>
      </c>
    </row>
    <row r="30" spans="1:13" ht="20.100000000000001" customHeight="1">
      <c r="A30" s="16" t="s">
        <v>37</v>
      </c>
      <c r="B30" s="17">
        <v>-109</v>
      </c>
      <c r="C30" s="18">
        <v>-58</v>
      </c>
      <c r="D30" s="18">
        <v>-51</v>
      </c>
      <c r="E30" s="17">
        <v>0</v>
      </c>
      <c r="F30" s="18">
        <v>0</v>
      </c>
      <c r="G30" s="19">
        <v>0</v>
      </c>
      <c r="H30" s="18">
        <v>79</v>
      </c>
      <c r="I30" s="18">
        <v>36</v>
      </c>
      <c r="J30" s="18">
        <v>43</v>
      </c>
      <c r="K30" s="17">
        <v>188</v>
      </c>
      <c r="L30" s="51">
        <v>94</v>
      </c>
      <c r="M30" s="52">
        <v>94</v>
      </c>
    </row>
    <row r="31" spans="1:13">
      <c r="A31" s="20" t="s">
        <v>38</v>
      </c>
      <c r="B31" s="21">
        <v>-10</v>
      </c>
      <c r="C31" s="22">
        <v>-5</v>
      </c>
      <c r="D31" s="22">
        <v>-5</v>
      </c>
      <c r="E31" s="21">
        <v>0</v>
      </c>
      <c r="F31" s="22">
        <v>0</v>
      </c>
      <c r="G31" s="23">
        <v>0</v>
      </c>
      <c r="H31" s="22">
        <v>16</v>
      </c>
      <c r="I31" s="22">
        <v>7</v>
      </c>
      <c r="J31" s="22">
        <v>9</v>
      </c>
      <c r="K31" s="21">
        <v>26</v>
      </c>
      <c r="L31" s="53">
        <v>12</v>
      </c>
      <c r="M31" s="54">
        <v>14</v>
      </c>
    </row>
    <row r="32" spans="1:13">
      <c r="A32" s="20" t="s">
        <v>39</v>
      </c>
      <c r="B32" s="21">
        <v>-15</v>
      </c>
      <c r="C32" s="22">
        <v>-6</v>
      </c>
      <c r="D32" s="22">
        <v>-9</v>
      </c>
      <c r="E32" s="21">
        <v>0</v>
      </c>
      <c r="F32" s="22">
        <v>0</v>
      </c>
      <c r="G32" s="23">
        <v>0</v>
      </c>
      <c r="H32" s="22">
        <v>12</v>
      </c>
      <c r="I32" s="22">
        <v>5</v>
      </c>
      <c r="J32" s="22">
        <v>7</v>
      </c>
      <c r="K32" s="21">
        <v>27</v>
      </c>
      <c r="L32" s="53">
        <v>11</v>
      </c>
      <c r="M32" s="54">
        <v>16</v>
      </c>
    </row>
    <row r="33" spans="1:13">
      <c r="A33" s="20" t="s">
        <v>40</v>
      </c>
      <c r="B33" s="21">
        <v>-47</v>
      </c>
      <c r="C33" s="22">
        <v>-28</v>
      </c>
      <c r="D33" s="22">
        <v>-19</v>
      </c>
      <c r="E33" s="21">
        <v>0</v>
      </c>
      <c r="F33" s="22">
        <v>0</v>
      </c>
      <c r="G33" s="23">
        <v>0</v>
      </c>
      <c r="H33" s="22">
        <v>15</v>
      </c>
      <c r="I33" s="22">
        <v>8</v>
      </c>
      <c r="J33" s="22">
        <v>7</v>
      </c>
      <c r="K33" s="21">
        <v>62</v>
      </c>
      <c r="L33" s="53">
        <v>36</v>
      </c>
      <c r="M33" s="54">
        <v>26</v>
      </c>
    </row>
    <row r="34" spans="1:13">
      <c r="A34" s="20" t="s">
        <v>41</v>
      </c>
      <c r="B34" s="21">
        <v>-19</v>
      </c>
      <c r="C34" s="22">
        <v>-9</v>
      </c>
      <c r="D34" s="22">
        <v>-10</v>
      </c>
      <c r="E34" s="21">
        <v>0</v>
      </c>
      <c r="F34" s="22">
        <v>0</v>
      </c>
      <c r="G34" s="23">
        <v>0</v>
      </c>
      <c r="H34" s="22">
        <v>19</v>
      </c>
      <c r="I34" s="22">
        <v>9</v>
      </c>
      <c r="J34" s="22">
        <v>10</v>
      </c>
      <c r="K34" s="21">
        <v>38</v>
      </c>
      <c r="L34" s="53">
        <v>18</v>
      </c>
      <c r="M34" s="54">
        <v>20</v>
      </c>
    </row>
    <row r="35" spans="1:13">
      <c r="A35" s="20" t="s">
        <v>42</v>
      </c>
      <c r="B35" s="21">
        <v>-18</v>
      </c>
      <c r="C35" s="22">
        <v>-10</v>
      </c>
      <c r="D35" s="22">
        <v>-8</v>
      </c>
      <c r="E35" s="21">
        <v>0</v>
      </c>
      <c r="F35" s="22">
        <v>0</v>
      </c>
      <c r="G35" s="23">
        <v>0</v>
      </c>
      <c r="H35" s="22">
        <v>17</v>
      </c>
      <c r="I35" s="22">
        <v>7</v>
      </c>
      <c r="J35" s="22">
        <v>10</v>
      </c>
      <c r="K35" s="21">
        <v>35</v>
      </c>
      <c r="L35" s="53">
        <v>17</v>
      </c>
      <c r="M35" s="54">
        <v>18</v>
      </c>
    </row>
    <row r="36" spans="1:13" ht="20.100000000000001" customHeight="1">
      <c r="A36" s="16" t="s">
        <v>43</v>
      </c>
      <c r="B36" s="17">
        <v>-29</v>
      </c>
      <c r="C36" s="18">
        <v>-12</v>
      </c>
      <c r="D36" s="18">
        <v>-17</v>
      </c>
      <c r="E36" s="17">
        <v>1</v>
      </c>
      <c r="F36" s="18">
        <v>1</v>
      </c>
      <c r="G36" s="19">
        <v>0</v>
      </c>
      <c r="H36" s="18">
        <v>125</v>
      </c>
      <c r="I36" s="18">
        <v>55</v>
      </c>
      <c r="J36" s="18">
        <v>70</v>
      </c>
      <c r="K36" s="17">
        <v>153</v>
      </c>
      <c r="L36" s="51">
        <v>66</v>
      </c>
      <c r="M36" s="52">
        <v>87</v>
      </c>
    </row>
    <row r="37" spans="1:13">
      <c r="A37" s="20" t="s">
        <v>44</v>
      </c>
      <c r="B37" s="21">
        <v>-11</v>
      </c>
      <c r="C37" s="22">
        <v>-3</v>
      </c>
      <c r="D37" s="22">
        <v>-8</v>
      </c>
      <c r="E37" s="21">
        <v>1</v>
      </c>
      <c r="F37" s="22">
        <v>1</v>
      </c>
      <c r="G37" s="23">
        <v>0</v>
      </c>
      <c r="H37" s="22">
        <v>25</v>
      </c>
      <c r="I37" s="22">
        <v>13</v>
      </c>
      <c r="J37" s="22">
        <v>12</v>
      </c>
      <c r="K37" s="21">
        <v>35</v>
      </c>
      <c r="L37" s="53">
        <v>15</v>
      </c>
      <c r="M37" s="54">
        <v>20</v>
      </c>
    </row>
    <row r="38" spans="1:13">
      <c r="A38" s="20" t="s">
        <v>45</v>
      </c>
      <c r="B38" s="21">
        <v>-14</v>
      </c>
      <c r="C38" s="22">
        <v>-6</v>
      </c>
      <c r="D38" s="22">
        <v>-8</v>
      </c>
      <c r="E38" s="21">
        <v>0</v>
      </c>
      <c r="F38" s="22">
        <v>0</v>
      </c>
      <c r="G38" s="23">
        <v>0</v>
      </c>
      <c r="H38" s="22">
        <v>23</v>
      </c>
      <c r="I38" s="22">
        <v>10</v>
      </c>
      <c r="J38" s="22">
        <v>13</v>
      </c>
      <c r="K38" s="21">
        <v>37</v>
      </c>
      <c r="L38" s="53">
        <v>16</v>
      </c>
      <c r="M38" s="54">
        <v>21</v>
      </c>
    </row>
    <row r="39" spans="1:13">
      <c r="A39" s="20" t="s">
        <v>46</v>
      </c>
      <c r="B39" s="21">
        <v>-18</v>
      </c>
      <c r="C39" s="22">
        <v>-8</v>
      </c>
      <c r="D39" s="22">
        <v>-10</v>
      </c>
      <c r="E39" s="21">
        <v>0</v>
      </c>
      <c r="F39" s="22">
        <v>0</v>
      </c>
      <c r="G39" s="23">
        <v>0</v>
      </c>
      <c r="H39" s="22">
        <v>15</v>
      </c>
      <c r="I39" s="22">
        <v>9</v>
      </c>
      <c r="J39" s="22">
        <v>6</v>
      </c>
      <c r="K39" s="21">
        <v>33</v>
      </c>
      <c r="L39" s="53">
        <v>17</v>
      </c>
      <c r="M39" s="54">
        <v>16</v>
      </c>
    </row>
    <row r="40" spans="1:13">
      <c r="A40" s="20" t="s">
        <v>47</v>
      </c>
      <c r="B40" s="21">
        <v>15</v>
      </c>
      <c r="C40" s="22">
        <v>8</v>
      </c>
      <c r="D40" s="22">
        <v>7</v>
      </c>
      <c r="E40" s="21">
        <v>0</v>
      </c>
      <c r="F40" s="22">
        <v>0</v>
      </c>
      <c r="G40" s="23">
        <v>0</v>
      </c>
      <c r="H40" s="22">
        <v>35</v>
      </c>
      <c r="I40" s="22">
        <v>15</v>
      </c>
      <c r="J40" s="22">
        <v>20</v>
      </c>
      <c r="K40" s="21">
        <v>20</v>
      </c>
      <c r="L40" s="53">
        <v>7</v>
      </c>
      <c r="M40" s="54">
        <v>13</v>
      </c>
    </row>
    <row r="41" spans="1:13">
      <c r="A41" s="20" t="s">
        <v>48</v>
      </c>
      <c r="B41" s="21">
        <v>-1</v>
      </c>
      <c r="C41" s="22">
        <v>-3</v>
      </c>
      <c r="D41" s="22">
        <v>2</v>
      </c>
      <c r="E41" s="21">
        <v>0</v>
      </c>
      <c r="F41" s="22">
        <v>0</v>
      </c>
      <c r="G41" s="23">
        <v>0</v>
      </c>
      <c r="H41" s="22">
        <v>27</v>
      </c>
      <c r="I41" s="22">
        <v>8</v>
      </c>
      <c r="J41" s="22">
        <v>19</v>
      </c>
      <c r="K41" s="21">
        <v>28</v>
      </c>
      <c r="L41" s="53">
        <v>11</v>
      </c>
      <c r="M41" s="54">
        <v>17</v>
      </c>
    </row>
    <row r="42" spans="1:13" ht="20.100000000000001" customHeight="1">
      <c r="A42" s="16" t="s">
        <v>49</v>
      </c>
      <c r="B42" s="17">
        <v>-1</v>
      </c>
      <c r="C42" s="18">
        <v>-7</v>
      </c>
      <c r="D42" s="18">
        <v>6</v>
      </c>
      <c r="E42" s="17">
        <v>1</v>
      </c>
      <c r="F42" s="18">
        <v>1</v>
      </c>
      <c r="G42" s="19">
        <v>0</v>
      </c>
      <c r="H42" s="18">
        <v>142</v>
      </c>
      <c r="I42" s="18">
        <v>61</v>
      </c>
      <c r="J42" s="18">
        <v>81</v>
      </c>
      <c r="K42" s="17">
        <v>142</v>
      </c>
      <c r="L42" s="51">
        <v>67</v>
      </c>
      <c r="M42" s="52">
        <v>75</v>
      </c>
    </row>
    <row r="43" spans="1:13">
      <c r="A43" s="20" t="s">
        <v>50</v>
      </c>
      <c r="B43" s="21">
        <v>8</v>
      </c>
      <c r="C43" s="22">
        <v>1</v>
      </c>
      <c r="D43" s="22">
        <v>7</v>
      </c>
      <c r="E43" s="21">
        <v>1</v>
      </c>
      <c r="F43" s="22">
        <v>1</v>
      </c>
      <c r="G43" s="23">
        <v>0</v>
      </c>
      <c r="H43" s="22">
        <v>28</v>
      </c>
      <c r="I43" s="22">
        <v>13</v>
      </c>
      <c r="J43" s="22">
        <v>15</v>
      </c>
      <c r="K43" s="21">
        <v>19</v>
      </c>
      <c r="L43" s="53">
        <v>11</v>
      </c>
      <c r="M43" s="54">
        <v>8</v>
      </c>
    </row>
    <row r="44" spans="1:13">
      <c r="A44" s="20" t="s">
        <v>51</v>
      </c>
      <c r="B44" s="21">
        <v>-18</v>
      </c>
      <c r="C44" s="22">
        <v>-9</v>
      </c>
      <c r="D44" s="22">
        <v>-9</v>
      </c>
      <c r="E44" s="21">
        <v>0</v>
      </c>
      <c r="F44" s="22">
        <v>0</v>
      </c>
      <c r="G44" s="23">
        <v>0</v>
      </c>
      <c r="H44" s="22">
        <v>20</v>
      </c>
      <c r="I44" s="22">
        <v>8</v>
      </c>
      <c r="J44" s="22">
        <v>12</v>
      </c>
      <c r="K44" s="21">
        <v>38</v>
      </c>
      <c r="L44" s="53">
        <v>17</v>
      </c>
      <c r="M44" s="54">
        <v>21</v>
      </c>
    </row>
    <row r="45" spans="1:13">
      <c r="A45" s="20" t="s">
        <v>52</v>
      </c>
      <c r="B45" s="21">
        <v>-4</v>
      </c>
      <c r="C45" s="22">
        <v>-2</v>
      </c>
      <c r="D45" s="22">
        <v>-2</v>
      </c>
      <c r="E45" s="21">
        <v>0</v>
      </c>
      <c r="F45" s="22">
        <v>0</v>
      </c>
      <c r="G45" s="23">
        <v>0</v>
      </c>
      <c r="H45" s="22">
        <v>22</v>
      </c>
      <c r="I45" s="22">
        <v>10</v>
      </c>
      <c r="J45" s="22">
        <v>12</v>
      </c>
      <c r="K45" s="21">
        <v>26</v>
      </c>
      <c r="L45" s="53">
        <v>12</v>
      </c>
      <c r="M45" s="54">
        <v>14</v>
      </c>
    </row>
    <row r="46" spans="1:13">
      <c r="A46" s="20" t="s">
        <v>53</v>
      </c>
      <c r="B46" s="21">
        <v>0</v>
      </c>
      <c r="C46" s="22">
        <v>-3</v>
      </c>
      <c r="D46" s="22">
        <v>3</v>
      </c>
      <c r="E46" s="21">
        <v>0</v>
      </c>
      <c r="F46" s="22">
        <v>0</v>
      </c>
      <c r="G46" s="23">
        <v>0</v>
      </c>
      <c r="H46" s="22">
        <v>35</v>
      </c>
      <c r="I46" s="22">
        <v>15</v>
      </c>
      <c r="J46" s="22">
        <v>20</v>
      </c>
      <c r="K46" s="21">
        <v>35</v>
      </c>
      <c r="L46" s="53">
        <v>18</v>
      </c>
      <c r="M46" s="54">
        <v>17</v>
      </c>
    </row>
    <row r="47" spans="1:13">
      <c r="A47" s="20" t="s">
        <v>54</v>
      </c>
      <c r="B47" s="21">
        <v>13</v>
      </c>
      <c r="C47" s="22">
        <v>6</v>
      </c>
      <c r="D47" s="22">
        <v>7</v>
      </c>
      <c r="E47" s="21">
        <v>0</v>
      </c>
      <c r="F47" s="22">
        <v>0</v>
      </c>
      <c r="G47" s="23">
        <v>0</v>
      </c>
      <c r="H47" s="22">
        <v>37</v>
      </c>
      <c r="I47" s="22">
        <v>15</v>
      </c>
      <c r="J47" s="22">
        <v>22</v>
      </c>
      <c r="K47" s="21">
        <v>24</v>
      </c>
      <c r="L47" s="53">
        <v>9</v>
      </c>
      <c r="M47" s="54">
        <v>15</v>
      </c>
    </row>
    <row r="48" spans="1:13" ht="20.100000000000001" customHeight="1">
      <c r="A48" s="16" t="s">
        <v>55</v>
      </c>
      <c r="B48" s="17">
        <v>68</v>
      </c>
      <c r="C48" s="18">
        <v>37</v>
      </c>
      <c r="D48" s="18">
        <v>31</v>
      </c>
      <c r="E48" s="17">
        <v>0</v>
      </c>
      <c r="F48" s="18">
        <v>0</v>
      </c>
      <c r="G48" s="19">
        <v>0</v>
      </c>
      <c r="H48" s="18">
        <v>177</v>
      </c>
      <c r="I48" s="18">
        <v>89</v>
      </c>
      <c r="J48" s="18">
        <v>88</v>
      </c>
      <c r="K48" s="17">
        <v>109</v>
      </c>
      <c r="L48" s="51">
        <v>52</v>
      </c>
      <c r="M48" s="52">
        <v>57</v>
      </c>
    </row>
    <row r="49" spans="1:13">
      <c r="A49" s="20" t="s">
        <v>56</v>
      </c>
      <c r="B49" s="21">
        <v>13</v>
      </c>
      <c r="C49" s="22">
        <v>5</v>
      </c>
      <c r="D49" s="22">
        <v>8</v>
      </c>
      <c r="E49" s="21">
        <v>0</v>
      </c>
      <c r="F49" s="22">
        <v>0</v>
      </c>
      <c r="G49" s="23">
        <v>0</v>
      </c>
      <c r="H49" s="22">
        <v>38</v>
      </c>
      <c r="I49" s="22">
        <v>19</v>
      </c>
      <c r="J49" s="22">
        <v>19</v>
      </c>
      <c r="K49" s="21">
        <v>25</v>
      </c>
      <c r="L49" s="53">
        <v>14</v>
      </c>
      <c r="M49" s="54">
        <v>11</v>
      </c>
    </row>
    <row r="50" spans="1:13">
      <c r="A50" s="20" t="s">
        <v>57</v>
      </c>
      <c r="B50" s="21">
        <v>15</v>
      </c>
      <c r="C50" s="22">
        <v>10</v>
      </c>
      <c r="D50" s="22">
        <v>5</v>
      </c>
      <c r="E50" s="21">
        <v>0</v>
      </c>
      <c r="F50" s="22">
        <v>0</v>
      </c>
      <c r="G50" s="23">
        <v>0</v>
      </c>
      <c r="H50" s="22">
        <v>33</v>
      </c>
      <c r="I50" s="22">
        <v>19</v>
      </c>
      <c r="J50" s="22">
        <v>14</v>
      </c>
      <c r="K50" s="21">
        <v>18</v>
      </c>
      <c r="L50" s="53">
        <v>9</v>
      </c>
      <c r="M50" s="54">
        <v>9</v>
      </c>
    </row>
    <row r="51" spans="1:13">
      <c r="A51" s="20" t="s">
        <v>58</v>
      </c>
      <c r="B51" s="21">
        <v>20</v>
      </c>
      <c r="C51" s="22">
        <v>8</v>
      </c>
      <c r="D51" s="22">
        <v>12</v>
      </c>
      <c r="E51" s="21">
        <v>0</v>
      </c>
      <c r="F51" s="22">
        <v>0</v>
      </c>
      <c r="G51" s="23">
        <v>0</v>
      </c>
      <c r="H51" s="22">
        <v>46</v>
      </c>
      <c r="I51" s="22">
        <v>20</v>
      </c>
      <c r="J51" s="22">
        <v>26</v>
      </c>
      <c r="K51" s="21">
        <v>26</v>
      </c>
      <c r="L51" s="53">
        <v>12</v>
      </c>
      <c r="M51" s="54">
        <v>14</v>
      </c>
    </row>
    <row r="52" spans="1:13">
      <c r="A52" s="20" t="s">
        <v>59</v>
      </c>
      <c r="B52" s="21">
        <v>19</v>
      </c>
      <c r="C52" s="22">
        <v>10</v>
      </c>
      <c r="D52" s="22">
        <v>9</v>
      </c>
      <c r="E52" s="21">
        <v>0</v>
      </c>
      <c r="F52" s="22">
        <v>0</v>
      </c>
      <c r="G52" s="23">
        <v>0</v>
      </c>
      <c r="H52" s="22">
        <v>32</v>
      </c>
      <c r="I52" s="22">
        <v>17</v>
      </c>
      <c r="J52" s="22">
        <v>15</v>
      </c>
      <c r="K52" s="21">
        <v>13</v>
      </c>
      <c r="L52" s="53">
        <v>7</v>
      </c>
      <c r="M52" s="54">
        <v>6</v>
      </c>
    </row>
    <row r="53" spans="1:13">
      <c r="A53" s="20" t="s">
        <v>60</v>
      </c>
      <c r="B53" s="21">
        <v>1</v>
      </c>
      <c r="C53" s="22">
        <v>4</v>
      </c>
      <c r="D53" s="22">
        <v>-3</v>
      </c>
      <c r="E53" s="21">
        <v>0</v>
      </c>
      <c r="F53" s="22">
        <v>0</v>
      </c>
      <c r="G53" s="23">
        <v>0</v>
      </c>
      <c r="H53" s="22">
        <v>28</v>
      </c>
      <c r="I53" s="22">
        <v>14</v>
      </c>
      <c r="J53" s="22">
        <v>14</v>
      </c>
      <c r="K53" s="21">
        <v>27</v>
      </c>
      <c r="L53" s="53">
        <v>10</v>
      </c>
      <c r="M53" s="54">
        <v>17</v>
      </c>
    </row>
    <row r="54" spans="1:13" ht="20.100000000000001" customHeight="1">
      <c r="A54" s="16" t="s">
        <v>61</v>
      </c>
      <c r="B54" s="17">
        <v>36</v>
      </c>
      <c r="C54" s="18">
        <v>22</v>
      </c>
      <c r="D54" s="18">
        <v>14</v>
      </c>
      <c r="E54" s="17">
        <v>2</v>
      </c>
      <c r="F54" s="18">
        <v>2</v>
      </c>
      <c r="G54" s="19">
        <v>0</v>
      </c>
      <c r="H54" s="18">
        <v>139</v>
      </c>
      <c r="I54" s="18">
        <v>65</v>
      </c>
      <c r="J54" s="18">
        <v>74</v>
      </c>
      <c r="K54" s="17">
        <v>101</v>
      </c>
      <c r="L54" s="51">
        <v>41</v>
      </c>
      <c r="M54" s="52">
        <v>60</v>
      </c>
    </row>
    <row r="55" spans="1:13">
      <c r="A55" s="20" t="s">
        <v>62</v>
      </c>
      <c r="B55" s="21">
        <v>11</v>
      </c>
      <c r="C55" s="22">
        <v>5</v>
      </c>
      <c r="D55" s="22">
        <v>6</v>
      </c>
      <c r="E55" s="21">
        <v>0</v>
      </c>
      <c r="F55" s="22">
        <v>0</v>
      </c>
      <c r="G55" s="23">
        <v>0</v>
      </c>
      <c r="H55" s="22">
        <v>30</v>
      </c>
      <c r="I55" s="22">
        <v>11</v>
      </c>
      <c r="J55" s="22">
        <v>19</v>
      </c>
      <c r="K55" s="21">
        <v>19</v>
      </c>
      <c r="L55" s="53">
        <v>6</v>
      </c>
      <c r="M55" s="54">
        <v>13</v>
      </c>
    </row>
    <row r="56" spans="1:13">
      <c r="A56" s="20" t="s">
        <v>63</v>
      </c>
      <c r="B56" s="21">
        <v>7</v>
      </c>
      <c r="C56" s="22">
        <v>4</v>
      </c>
      <c r="D56" s="22">
        <v>3</v>
      </c>
      <c r="E56" s="21">
        <v>0</v>
      </c>
      <c r="F56" s="22">
        <v>0</v>
      </c>
      <c r="G56" s="23">
        <v>0</v>
      </c>
      <c r="H56" s="22">
        <v>34</v>
      </c>
      <c r="I56" s="22">
        <v>16</v>
      </c>
      <c r="J56" s="22">
        <v>18</v>
      </c>
      <c r="K56" s="21">
        <v>27</v>
      </c>
      <c r="L56" s="53">
        <v>12</v>
      </c>
      <c r="M56" s="54">
        <v>15</v>
      </c>
    </row>
    <row r="57" spans="1:13">
      <c r="A57" s="20" t="s">
        <v>64</v>
      </c>
      <c r="B57" s="21">
        <v>19</v>
      </c>
      <c r="C57" s="22">
        <v>6</v>
      </c>
      <c r="D57" s="22">
        <v>13</v>
      </c>
      <c r="E57" s="21">
        <v>1</v>
      </c>
      <c r="F57" s="22">
        <v>1</v>
      </c>
      <c r="G57" s="23">
        <v>0</v>
      </c>
      <c r="H57" s="22">
        <v>34</v>
      </c>
      <c r="I57" s="22">
        <v>12</v>
      </c>
      <c r="J57" s="22">
        <v>22</v>
      </c>
      <c r="K57" s="21">
        <v>14</v>
      </c>
      <c r="L57" s="53">
        <v>5</v>
      </c>
      <c r="M57" s="54">
        <v>9</v>
      </c>
    </row>
    <row r="58" spans="1:13">
      <c r="A58" s="20" t="s">
        <v>65</v>
      </c>
      <c r="B58" s="21">
        <v>-4</v>
      </c>
      <c r="C58" s="22">
        <v>1</v>
      </c>
      <c r="D58" s="22">
        <v>-5</v>
      </c>
      <c r="E58" s="21">
        <v>1</v>
      </c>
      <c r="F58" s="22">
        <v>1</v>
      </c>
      <c r="G58" s="23">
        <v>0</v>
      </c>
      <c r="H58" s="22">
        <v>18</v>
      </c>
      <c r="I58" s="22">
        <v>12</v>
      </c>
      <c r="J58" s="22">
        <v>6</v>
      </c>
      <c r="K58" s="21">
        <v>21</v>
      </c>
      <c r="L58" s="53">
        <v>10</v>
      </c>
      <c r="M58" s="54">
        <v>11</v>
      </c>
    </row>
    <row r="59" spans="1:13">
      <c r="A59" s="20" t="s">
        <v>66</v>
      </c>
      <c r="B59" s="21">
        <v>3</v>
      </c>
      <c r="C59" s="22">
        <v>6</v>
      </c>
      <c r="D59" s="22">
        <v>-3</v>
      </c>
      <c r="E59" s="21">
        <v>0</v>
      </c>
      <c r="F59" s="22">
        <v>0</v>
      </c>
      <c r="G59" s="23">
        <v>0</v>
      </c>
      <c r="H59" s="22">
        <v>23</v>
      </c>
      <c r="I59" s="22">
        <v>14</v>
      </c>
      <c r="J59" s="22">
        <v>9</v>
      </c>
      <c r="K59" s="21">
        <v>20</v>
      </c>
      <c r="L59" s="53">
        <v>8</v>
      </c>
      <c r="M59" s="54">
        <v>12</v>
      </c>
    </row>
    <row r="60" spans="1:13" ht="20.100000000000001" customHeight="1">
      <c r="A60" s="16" t="s">
        <v>67</v>
      </c>
      <c r="B60" s="17">
        <v>4</v>
      </c>
      <c r="C60" s="18">
        <v>3</v>
      </c>
      <c r="D60" s="18">
        <v>1</v>
      </c>
      <c r="E60" s="17">
        <v>1</v>
      </c>
      <c r="F60" s="18">
        <v>0</v>
      </c>
      <c r="G60" s="19">
        <v>1</v>
      </c>
      <c r="H60" s="18">
        <v>100</v>
      </c>
      <c r="I60" s="18">
        <v>47</v>
      </c>
      <c r="J60" s="18">
        <v>53</v>
      </c>
      <c r="K60" s="17">
        <v>95</v>
      </c>
      <c r="L60" s="51">
        <v>44</v>
      </c>
      <c r="M60" s="52">
        <v>51</v>
      </c>
    </row>
    <row r="61" spans="1:13">
      <c r="A61" s="20" t="s">
        <v>68</v>
      </c>
      <c r="B61" s="21">
        <v>4</v>
      </c>
      <c r="C61" s="22">
        <v>4</v>
      </c>
      <c r="D61" s="22">
        <v>0</v>
      </c>
      <c r="E61" s="21">
        <v>0</v>
      </c>
      <c r="F61" s="22">
        <v>0</v>
      </c>
      <c r="G61" s="23">
        <v>0</v>
      </c>
      <c r="H61" s="22">
        <v>26</v>
      </c>
      <c r="I61" s="22">
        <v>15</v>
      </c>
      <c r="J61" s="22">
        <v>11</v>
      </c>
      <c r="K61" s="21">
        <v>22</v>
      </c>
      <c r="L61" s="53">
        <v>11</v>
      </c>
      <c r="M61" s="54">
        <v>11</v>
      </c>
    </row>
    <row r="62" spans="1:13">
      <c r="A62" s="20" t="s">
        <v>69</v>
      </c>
      <c r="B62" s="21">
        <v>3</v>
      </c>
      <c r="C62" s="22">
        <v>2</v>
      </c>
      <c r="D62" s="22">
        <v>1</v>
      </c>
      <c r="E62" s="21">
        <v>0</v>
      </c>
      <c r="F62" s="22">
        <v>0</v>
      </c>
      <c r="G62" s="23">
        <v>0</v>
      </c>
      <c r="H62" s="22">
        <v>22</v>
      </c>
      <c r="I62" s="22">
        <v>13</v>
      </c>
      <c r="J62" s="22">
        <v>9</v>
      </c>
      <c r="K62" s="21">
        <v>19</v>
      </c>
      <c r="L62" s="53">
        <v>11</v>
      </c>
      <c r="M62" s="54">
        <v>8</v>
      </c>
    </row>
    <row r="63" spans="1:13">
      <c r="A63" s="20" t="s">
        <v>70</v>
      </c>
      <c r="B63" s="21">
        <v>1</v>
      </c>
      <c r="C63" s="22">
        <v>1</v>
      </c>
      <c r="D63" s="22">
        <v>0</v>
      </c>
      <c r="E63" s="21">
        <v>1</v>
      </c>
      <c r="F63" s="22">
        <v>0</v>
      </c>
      <c r="G63" s="23">
        <v>1</v>
      </c>
      <c r="H63" s="22">
        <v>25</v>
      </c>
      <c r="I63" s="22">
        <v>9</v>
      </c>
      <c r="J63" s="22">
        <v>16</v>
      </c>
      <c r="K63" s="21">
        <v>23</v>
      </c>
      <c r="L63" s="53">
        <v>8</v>
      </c>
      <c r="M63" s="54">
        <v>15</v>
      </c>
    </row>
    <row r="64" spans="1:13">
      <c r="A64" s="20" t="s">
        <v>71</v>
      </c>
      <c r="B64" s="21">
        <v>2</v>
      </c>
      <c r="C64" s="22">
        <v>0</v>
      </c>
      <c r="D64" s="22">
        <v>2</v>
      </c>
      <c r="E64" s="21">
        <v>0</v>
      </c>
      <c r="F64" s="22">
        <v>0</v>
      </c>
      <c r="G64" s="23">
        <v>0</v>
      </c>
      <c r="H64" s="22">
        <v>16</v>
      </c>
      <c r="I64" s="22">
        <v>7</v>
      </c>
      <c r="J64" s="22">
        <v>9</v>
      </c>
      <c r="K64" s="21">
        <v>14</v>
      </c>
      <c r="L64" s="53">
        <v>7</v>
      </c>
      <c r="M64" s="54">
        <v>7</v>
      </c>
    </row>
    <row r="65" spans="1:13">
      <c r="A65" s="24" t="s">
        <v>72</v>
      </c>
      <c r="B65" s="25">
        <v>-6</v>
      </c>
      <c r="C65" s="26">
        <v>-4</v>
      </c>
      <c r="D65" s="26">
        <v>-2</v>
      </c>
      <c r="E65" s="25">
        <v>0</v>
      </c>
      <c r="F65" s="26">
        <v>0</v>
      </c>
      <c r="G65" s="27">
        <v>0</v>
      </c>
      <c r="H65" s="26">
        <v>11</v>
      </c>
      <c r="I65" s="26">
        <v>3</v>
      </c>
      <c r="J65" s="26">
        <v>8</v>
      </c>
      <c r="K65" s="25">
        <v>17</v>
      </c>
      <c r="L65" s="55">
        <v>7</v>
      </c>
      <c r="M65" s="56">
        <v>1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50</v>
      </c>
      <c r="C69" s="58">
        <v>72</v>
      </c>
      <c r="D69" s="59">
        <v>7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50</v>
      </c>
      <c r="C70" s="61">
        <v>72</v>
      </c>
      <c r="D70" s="62">
        <v>78</v>
      </c>
    </row>
    <row r="71" spans="1:13">
      <c r="A71" s="24" t="s">
        <v>14</v>
      </c>
      <c r="B71" s="63">
        <v>150</v>
      </c>
      <c r="C71" s="64">
        <v>72</v>
      </c>
      <c r="D71" s="65">
        <v>78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0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5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6</v>
      </c>
      <c r="C77" s="18">
        <v>-12</v>
      </c>
      <c r="D77" s="18">
        <v>-4</v>
      </c>
      <c r="E77" s="17">
        <v>4</v>
      </c>
      <c r="F77" s="18">
        <v>2</v>
      </c>
      <c r="G77" s="19">
        <v>2</v>
      </c>
      <c r="H77" s="18">
        <v>86</v>
      </c>
      <c r="I77" s="18">
        <v>42</v>
      </c>
      <c r="J77" s="18">
        <v>44</v>
      </c>
      <c r="K77" s="17">
        <v>98</v>
      </c>
      <c r="L77" s="51">
        <v>52</v>
      </c>
      <c r="M77" s="52">
        <v>46</v>
      </c>
    </row>
    <row r="78" spans="1:13">
      <c r="A78" s="40" t="s">
        <v>81</v>
      </c>
      <c r="B78" s="21">
        <v>-2</v>
      </c>
      <c r="C78" s="22">
        <v>2</v>
      </c>
      <c r="D78" s="22">
        <v>-4</v>
      </c>
      <c r="E78" s="21">
        <v>1</v>
      </c>
      <c r="F78" s="22">
        <v>0</v>
      </c>
      <c r="G78" s="23">
        <v>1</v>
      </c>
      <c r="H78" s="22">
        <v>20</v>
      </c>
      <c r="I78" s="22">
        <v>9</v>
      </c>
      <c r="J78" s="22">
        <v>11</v>
      </c>
      <c r="K78" s="21">
        <v>21</v>
      </c>
      <c r="L78" s="53">
        <v>7</v>
      </c>
      <c r="M78" s="54">
        <v>14</v>
      </c>
    </row>
    <row r="79" spans="1:13">
      <c r="A79" s="40" t="s">
        <v>82</v>
      </c>
      <c r="B79" s="21">
        <v>0</v>
      </c>
      <c r="C79" s="22">
        <v>-4</v>
      </c>
      <c r="D79" s="22">
        <v>4</v>
      </c>
      <c r="E79" s="21">
        <v>1</v>
      </c>
      <c r="F79" s="22">
        <v>0</v>
      </c>
      <c r="G79" s="23">
        <v>1</v>
      </c>
      <c r="H79" s="22">
        <v>17</v>
      </c>
      <c r="I79" s="22">
        <v>5</v>
      </c>
      <c r="J79" s="22">
        <v>12</v>
      </c>
      <c r="K79" s="21">
        <v>16</v>
      </c>
      <c r="L79" s="53">
        <v>9</v>
      </c>
      <c r="M79" s="54">
        <v>7</v>
      </c>
    </row>
    <row r="80" spans="1:13">
      <c r="A80" s="40" t="s">
        <v>83</v>
      </c>
      <c r="B80" s="21">
        <v>-3</v>
      </c>
      <c r="C80" s="22">
        <v>-2</v>
      </c>
      <c r="D80" s="22">
        <v>-1</v>
      </c>
      <c r="E80" s="21">
        <v>0</v>
      </c>
      <c r="F80" s="22">
        <v>0</v>
      </c>
      <c r="G80" s="23">
        <v>0</v>
      </c>
      <c r="H80" s="22">
        <v>17</v>
      </c>
      <c r="I80" s="22">
        <v>11</v>
      </c>
      <c r="J80" s="22">
        <v>6</v>
      </c>
      <c r="K80" s="21">
        <v>20</v>
      </c>
      <c r="L80" s="53">
        <v>13</v>
      </c>
      <c r="M80" s="54">
        <v>7</v>
      </c>
    </row>
    <row r="81" spans="1:13">
      <c r="A81" s="40" t="s">
        <v>84</v>
      </c>
      <c r="B81" s="21">
        <v>-1</v>
      </c>
      <c r="C81" s="22">
        <v>1</v>
      </c>
      <c r="D81" s="22">
        <v>-2</v>
      </c>
      <c r="E81" s="21">
        <v>0</v>
      </c>
      <c r="F81" s="22">
        <v>0</v>
      </c>
      <c r="G81" s="23">
        <v>0</v>
      </c>
      <c r="H81" s="22">
        <v>19</v>
      </c>
      <c r="I81" s="22">
        <v>11</v>
      </c>
      <c r="J81" s="22">
        <v>8</v>
      </c>
      <c r="K81" s="21">
        <v>20</v>
      </c>
      <c r="L81" s="53">
        <v>10</v>
      </c>
      <c r="M81" s="54">
        <v>10</v>
      </c>
    </row>
    <row r="82" spans="1:13">
      <c r="A82" s="40" t="s">
        <v>85</v>
      </c>
      <c r="B82" s="21">
        <v>-10</v>
      </c>
      <c r="C82" s="22">
        <v>-9</v>
      </c>
      <c r="D82" s="22">
        <v>-1</v>
      </c>
      <c r="E82" s="21">
        <v>2</v>
      </c>
      <c r="F82" s="22">
        <v>2</v>
      </c>
      <c r="G82" s="23">
        <v>0</v>
      </c>
      <c r="H82" s="22">
        <v>13</v>
      </c>
      <c r="I82" s="22">
        <v>6</v>
      </c>
      <c r="J82" s="22">
        <v>7</v>
      </c>
      <c r="K82" s="21">
        <v>21</v>
      </c>
      <c r="L82" s="53">
        <v>13</v>
      </c>
      <c r="M82" s="54">
        <v>8</v>
      </c>
    </row>
    <row r="83" spans="1:13" ht="19.5" customHeight="1">
      <c r="A83" s="34" t="s">
        <v>86</v>
      </c>
      <c r="B83" s="17">
        <v>-2</v>
      </c>
      <c r="C83" s="18">
        <v>-2</v>
      </c>
      <c r="D83" s="18">
        <v>0</v>
      </c>
      <c r="E83" s="17">
        <v>9</v>
      </c>
      <c r="F83" s="18">
        <v>6</v>
      </c>
      <c r="G83" s="19">
        <v>3</v>
      </c>
      <c r="H83" s="18">
        <v>49</v>
      </c>
      <c r="I83" s="18">
        <v>28</v>
      </c>
      <c r="J83" s="18">
        <v>21</v>
      </c>
      <c r="K83" s="17">
        <v>42</v>
      </c>
      <c r="L83" s="51">
        <v>24</v>
      </c>
      <c r="M83" s="52">
        <v>18</v>
      </c>
    </row>
    <row r="84" spans="1:13">
      <c r="A84" s="40" t="s">
        <v>87</v>
      </c>
      <c r="B84" s="21">
        <v>-1</v>
      </c>
      <c r="C84" s="22">
        <v>-1</v>
      </c>
      <c r="D84" s="22">
        <v>0</v>
      </c>
      <c r="E84" s="21">
        <v>1</v>
      </c>
      <c r="F84" s="22">
        <v>0</v>
      </c>
      <c r="G84" s="23">
        <v>1</v>
      </c>
      <c r="H84" s="22">
        <v>12</v>
      </c>
      <c r="I84" s="22">
        <v>6</v>
      </c>
      <c r="J84" s="22">
        <v>6</v>
      </c>
      <c r="K84" s="21">
        <v>12</v>
      </c>
      <c r="L84" s="53">
        <v>7</v>
      </c>
      <c r="M84" s="54">
        <v>5</v>
      </c>
    </row>
    <row r="85" spans="1:13">
      <c r="A85" s="40" t="s">
        <v>88</v>
      </c>
      <c r="B85" s="21">
        <v>-1</v>
      </c>
      <c r="C85" s="22">
        <v>-2</v>
      </c>
      <c r="D85" s="22">
        <v>1</v>
      </c>
      <c r="E85" s="21">
        <v>2</v>
      </c>
      <c r="F85" s="22">
        <v>2</v>
      </c>
      <c r="G85" s="23">
        <v>0</v>
      </c>
      <c r="H85" s="22">
        <v>6</v>
      </c>
      <c r="I85" s="22">
        <v>4</v>
      </c>
      <c r="J85" s="22">
        <v>2</v>
      </c>
      <c r="K85" s="21">
        <v>5</v>
      </c>
      <c r="L85" s="53">
        <v>4</v>
      </c>
      <c r="M85" s="54">
        <v>1</v>
      </c>
    </row>
    <row r="86" spans="1:13">
      <c r="A86" s="40" t="s">
        <v>89</v>
      </c>
      <c r="B86" s="21">
        <v>2</v>
      </c>
      <c r="C86" s="22">
        <v>0</v>
      </c>
      <c r="D86" s="22">
        <v>2</v>
      </c>
      <c r="E86" s="21">
        <v>1</v>
      </c>
      <c r="F86" s="22">
        <v>0</v>
      </c>
      <c r="G86" s="23">
        <v>1</v>
      </c>
      <c r="H86" s="22">
        <v>12</v>
      </c>
      <c r="I86" s="22">
        <v>6</v>
      </c>
      <c r="J86" s="22">
        <v>6</v>
      </c>
      <c r="K86" s="21">
        <v>9</v>
      </c>
      <c r="L86" s="53">
        <v>6</v>
      </c>
      <c r="M86" s="54">
        <v>3</v>
      </c>
    </row>
    <row r="87" spans="1:13">
      <c r="A87" s="40" t="s">
        <v>90</v>
      </c>
      <c r="B87" s="21">
        <v>-5</v>
      </c>
      <c r="C87" s="22">
        <v>-2</v>
      </c>
      <c r="D87" s="22">
        <v>-3</v>
      </c>
      <c r="E87" s="21">
        <v>1</v>
      </c>
      <c r="F87" s="22">
        <v>1</v>
      </c>
      <c r="G87" s="23">
        <v>0</v>
      </c>
      <c r="H87" s="22">
        <v>7</v>
      </c>
      <c r="I87" s="22">
        <v>3</v>
      </c>
      <c r="J87" s="22">
        <v>4</v>
      </c>
      <c r="K87" s="21">
        <v>11</v>
      </c>
      <c r="L87" s="53">
        <v>4</v>
      </c>
      <c r="M87" s="54">
        <v>7</v>
      </c>
    </row>
    <row r="88" spans="1:13">
      <c r="A88" s="40" t="s">
        <v>91</v>
      </c>
      <c r="B88" s="21">
        <v>3</v>
      </c>
      <c r="C88" s="22">
        <v>3</v>
      </c>
      <c r="D88" s="22">
        <v>0</v>
      </c>
      <c r="E88" s="21">
        <v>4</v>
      </c>
      <c r="F88" s="22">
        <v>3</v>
      </c>
      <c r="G88" s="23">
        <v>1</v>
      </c>
      <c r="H88" s="22">
        <v>12</v>
      </c>
      <c r="I88" s="22">
        <v>9</v>
      </c>
      <c r="J88" s="22">
        <v>3</v>
      </c>
      <c r="K88" s="21">
        <v>5</v>
      </c>
      <c r="L88" s="53">
        <v>3</v>
      </c>
      <c r="M88" s="54">
        <v>2</v>
      </c>
    </row>
    <row r="89" spans="1:13" ht="19.5" customHeight="1">
      <c r="A89" s="34" t="s">
        <v>92</v>
      </c>
      <c r="B89" s="17">
        <v>-8</v>
      </c>
      <c r="C89" s="18">
        <v>-7</v>
      </c>
      <c r="D89" s="18">
        <v>-1</v>
      </c>
      <c r="E89" s="17">
        <v>10</v>
      </c>
      <c r="F89" s="18">
        <v>7</v>
      </c>
      <c r="G89" s="19">
        <v>3</v>
      </c>
      <c r="H89" s="18">
        <v>43</v>
      </c>
      <c r="I89" s="18">
        <v>24</v>
      </c>
      <c r="J89" s="18">
        <v>19</v>
      </c>
      <c r="K89" s="17">
        <v>41</v>
      </c>
      <c r="L89" s="51">
        <v>24</v>
      </c>
      <c r="M89" s="52">
        <v>17</v>
      </c>
    </row>
    <row r="90" spans="1:13">
      <c r="A90" s="40" t="s">
        <v>93</v>
      </c>
      <c r="B90" s="21">
        <v>-8</v>
      </c>
      <c r="C90" s="22">
        <v>-8</v>
      </c>
      <c r="D90" s="22">
        <v>0</v>
      </c>
      <c r="E90" s="21">
        <v>2</v>
      </c>
      <c r="F90" s="22">
        <v>2</v>
      </c>
      <c r="G90" s="23">
        <v>0</v>
      </c>
      <c r="H90" s="22">
        <v>8</v>
      </c>
      <c r="I90" s="22">
        <v>5</v>
      </c>
      <c r="J90" s="22">
        <v>3</v>
      </c>
      <c r="K90" s="21">
        <v>14</v>
      </c>
      <c r="L90" s="53">
        <v>11</v>
      </c>
      <c r="M90" s="54">
        <v>3</v>
      </c>
    </row>
    <row r="91" spans="1:13">
      <c r="A91" s="40" t="s">
        <v>94</v>
      </c>
      <c r="B91" s="21">
        <v>-1</v>
      </c>
      <c r="C91" s="22">
        <v>-1</v>
      </c>
      <c r="D91" s="22">
        <v>0</v>
      </c>
      <c r="E91" s="21">
        <v>0</v>
      </c>
      <c r="F91" s="22">
        <v>0</v>
      </c>
      <c r="G91" s="23">
        <v>0</v>
      </c>
      <c r="H91" s="22">
        <v>5</v>
      </c>
      <c r="I91" s="22">
        <v>1</v>
      </c>
      <c r="J91" s="22">
        <v>4</v>
      </c>
      <c r="K91" s="21">
        <v>6</v>
      </c>
      <c r="L91" s="53">
        <v>2</v>
      </c>
      <c r="M91" s="54">
        <v>4</v>
      </c>
    </row>
    <row r="92" spans="1:13">
      <c r="A92" s="40" t="s">
        <v>95</v>
      </c>
      <c r="B92" s="21">
        <v>2</v>
      </c>
      <c r="C92" s="22">
        <v>2</v>
      </c>
      <c r="D92" s="22">
        <v>0</v>
      </c>
      <c r="E92" s="21">
        <v>2</v>
      </c>
      <c r="F92" s="22">
        <v>1</v>
      </c>
      <c r="G92" s="23">
        <v>1</v>
      </c>
      <c r="H92" s="22">
        <v>13</v>
      </c>
      <c r="I92" s="22">
        <v>7</v>
      </c>
      <c r="J92" s="22">
        <v>6</v>
      </c>
      <c r="K92" s="21">
        <v>9</v>
      </c>
      <c r="L92" s="53">
        <v>4</v>
      </c>
      <c r="M92" s="54">
        <v>5</v>
      </c>
    </row>
    <row r="93" spans="1:13">
      <c r="A93" s="40" t="s">
        <v>96</v>
      </c>
      <c r="B93" s="21">
        <v>-1</v>
      </c>
      <c r="C93" s="22">
        <v>1</v>
      </c>
      <c r="D93" s="22">
        <v>-2</v>
      </c>
      <c r="E93" s="21">
        <v>3</v>
      </c>
      <c r="F93" s="22">
        <v>1</v>
      </c>
      <c r="G93" s="23">
        <v>2</v>
      </c>
      <c r="H93" s="22">
        <v>9</v>
      </c>
      <c r="I93" s="22">
        <v>6</v>
      </c>
      <c r="J93" s="22">
        <v>3</v>
      </c>
      <c r="K93" s="21">
        <v>7</v>
      </c>
      <c r="L93" s="53">
        <v>4</v>
      </c>
      <c r="M93" s="54">
        <v>3</v>
      </c>
    </row>
    <row r="94" spans="1:13">
      <c r="A94" s="40" t="s">
        <v>97</v>
      </c>
      <c r="B94" s="21">
        <v>0</v>
      </c>
      <c r="C94" s="22">
        <v>-1</v>
      </c>
      <c r="D94" s="22">
        <v>1</v>
      </c>
      <c r="E94" s="21">
        <v>3</v>
      </c>
      <c r="F94" s="22">
        <v>3</v>
      </c>
      <c r="G94" s="23">
        <v>0</v>
      </c>
      <c r="H94" s="22">
        <v>8</v>
      </c>
      <c r="I94" s="22">
        <v>5</v>
      </c>
      <c r="J94" s="22">
        <v>3</v>
      </c>
      <c r="K94" s="21">
        <v>5</v>
      </c>
      <c r="L94" s="53">
        <v>3</v>
      </c>
      <c r="M94" s="54">
        <v>2</v>
      </c>
    </row>
    <row r="95" spans="1:13" ht="19.5" customHeight="1">
      <c r="A95" s="34" t="s">
        <v>98</v>
      </c>
      <c r="B95" s="17">
        <v>-15</v>
      </c>
      <c r="C95" s="18">
        <v>-14</v>
      </c>
      <c r="D95" s="18">
        <v>-1</v>
      </c>
      <c r="E95" s="17">
        <v>12</v>
      </c>
      <c r="F95" s="18">
        <v>7</v>
      </c>
      <c r="G95" s="19">
        <v>5</v>
      </c>
      <c r="H95" s="18">
        <v>34</v>
      </c>
      <c r="I95" s="18">
        <v>18</v>
      </c>
      <c r="J95" s="18">
        <v>16</v>
      </c>
      <c r="K95" s="17">
        <v>37</v>
      </c>
      <c r="L95" s="51">
        <v>25</v>
      </c>
      <c r="M95" s="52">
        <v>12</v>
      </c>
    </row>
    <row r="96" spans="1:13">
      <c r="A96" s="40" t="s">
        <v>99</v>
      </c>
      <c r="B96" s="21">
        <v>0</v>
      </c>
      <c r="C96" s="22">
        <v>0</v>
      </c>
      <c r="D96" s="22">
        <v>0</v>
      </c>
      <c r="E96" s="21">
        <v>0</v>
      </c>
      <c r="F96" s="22">
        <v>0</v>
      </c>
      <c r="G96" s="23">
        <v>0</v>
      </c>
      <c r="H96" s="22">
        <v>4</v>
      </c>
      <c r="I96" s="22">
        <v>3</v>
      </c>
      <c r="J96" s="22">
        <v>1</v>
      </c>
      <c r="K96" s="21">
        <v>4</v>
      </c>
      <c r="L96" s="53">
        <v>3</v>
      </c>
      <c r="M96" s="54">
        <v>1</v>
      </c>
    </row>
    <row r="97" spans="1:13">
      <c r="A97" s="40" t="s">
        <v>100</v>
      </c>
      <c r="B97" s="21">
        <v>-5</v>
      </c>
      <c r="C97" s="22">
        <v>-3</v>
      </c>
      <c r="D97" s="22">
        <v>-2</v>
      </c>
      <c r="E97" s="21">
        <v>2</v>
      </c>
      <c r="F97" s="22">
        <v>2</v>
      </c>
      <c r="G97" s="23">
        <v>0</v>
      </c>
      <c r="H97" s="22">
        <v>7</v>
      </c>
      <c r="I97" s="22">
        <v>3</v>
      </c>
      <c r="J97" s="22">
        <v>4</v>
      </c>
      <c r="K97" s="21">
        <v>10</v>
      </c>
      <c r="L97" s="53">
        <v>4</v>
      </c>
      <c r="M97" s="54">
        <v>6</v>
      </c>
    </row>
    <row r="98" spans="1:13">
      <c r="A98" s="40" t="s">
        <v>101</v>
      </c>
      <c r="B98" s="21">
        <v>-1</v>
      </c>
      <c r="C98" s="22">
        <v>-4</v>
      </c>
      <c r="D98" s="22">
        <v>3</v>
      </c>
      <c r="E98" s="21">
        <v>3</v>
      </c>
      <c r="F98" s="22">
        <v>0</v>
      </c>
      <c r="G98" s="23">
        <v>3</v>
      </c>
      <c r="H98" s="22">
        <v>9</v>
      </c>
      <c r="I98" s="22">
        <v>3</v>
      </c>
      <c r="J98" s="22">
        <v>6</v>
      </c>
      <c r="K98" s="21">
        <v>7</v>
      </c>
      <c r="L98" s="53">
        <v>7</v>
      </c>
      <c r="M98" s="54">
        <v>0</v>
      </c>
    </row>
    <row r="99" spans="1:13">
      <c r="A99" s="40" t="s">
        <v>102</v>
      </c>
      <c r="B99" s="21">
        <v>-5</v>
      </c>
      <c r="C99" s="22">
        <v>-3</v>
      </c>
      <c r="D99" s="22">
        <v>-2</v>
      </c>
      <c r="E99" s="21">
        <v>2</v>
      </c>
      <c r="F99" s="22">
        <v>1</v>
      </c>
      <c r="G99" s="23">
        <v>1</v>
      </c>
      <c r="H99" s="22">
        <v>6</v>
      </c>
      <c r="I99" s="22">
        <v>4</v>
      </c>
      <c r="J99" s="22">
        <v>2</v>
      </c>
      <c r="K99" s="21">
        <v>9</v>
      </c>
      <c r="L99" s="53">
        <v>6</v>
      </c>
      <c r="M99" s="54">
        <v>3</v>
      </c>
    </row>
    <row r="100" spans="1:13">
      <c r="A100" s="40" t="s">
        <v>103</v>
      </c>
      <c r="B100" s="21">
        <v>-4</v>
      </c>
      <c r="C100" s="22">
        <v>-4</v>
      </c>
      <c r="D100" s="22">
        <v>0</v>
      </c>
      <c r="E100" s="21">
        <v>5</v>
      </c>
      <c r="F100" s="22">
        <v>4</v>
      </c>
      <c r="G100" s="23">
        <v>1</v>
      </c>
      <c r="H100" s="22">
        <v>8</v>
      </c>
      <c r="I100" s="22">
        <v>5</v>
      </c>
      <c r="J100" s="22">
        <v>3</v>
      </c>
      <c r="K100" s="21">
        <v>7</v>
      </c>
      <c r="L100" s="53">
        <v>5</v>
      </c>
      <c r="M100" s="54">
        <v>2</v>
      </c>
    </row>
    <row r="101" spans="1:13" ht="19.5" customHeight="1">
      <c r="A101" s="34" t="s">
        <v>104</v>
      </c>
      <c r="B101" s="17">
        <v>-40</v>
      </c>
      <c r="C101" s="18">
        <v>-28</v>
      </c>
      <c r="D101" s="18">
        <v>-12</v>
      </c>
      <c r="E101" s="17">
        <v>33</v>
      </c>
      <c r="F101" s="18">
        <v>24</v>
      </c>
      <c r="G101" s="19">
        <v>9</v>
      </c>
      <c r="H101" s="18">
        <v>28</v>
      </c>
      <c r="I101" s="18">
        <v>12</v>
      </c>
      <c r="J101" s="18">
        <v>16</v>
      </c>
      <c r="K101" s="17">
        <v>35</v>
      </c>
      <c r="L101" s="51">
        <v>16</v>
      </c>
      <c r="M101" s="52">
        <v>19</v>
      </c>
    </row>
    <row r="102" spans="1:13">
      <c r="A102" s="40" t="s">
        <v>105</v>
      </c>
      <c r="B102" s="21">
        <v>-5</v>
      </c>
      <c r="C102" s="22">
        <v>-3</v>
      </c>
      <c r="D102" s="22">
        <v>-2</v>
      </c>
      <c r="E102" s="21">
        <v>6</v>
      </c>
      <c r="F102" s="22">
        <v>4</v>
      </c>
      <c r="G102" s="23">
        <v>2</v>
      </c>
      <c r="H102" s="22">
        <v>11</v>
      </c>
      <c r="I102" s="22">
        <v>5</v>
      </c>
      <c r="J102" s="22">
        <v>6</v>
      </c>
      <c r="K102" s="21">
        <v>10</v>
      </c>
      <c r="L102" s="53">
        <v>4</v>
      </c>
      <c r="M102" s="54">
        <v>6</v>
      </c>
    </row>
    <row r="103" spans="1:13">
      <c r="A103" s="40" t="s">
        <v>106</v>
      </c>
      <c r="B103" s="21">
        <v>-15</v>
      </c>
      <c r="C103" s="22">
        <v>-10</v>
      </c>
      <c r="D103" s="22">
        <v>-5</v>
      </c>
      <c r="E103" s="21">
        <v>12</v>
      </c>
      <c r="F103" s="22">
        <v>8</v>
      </c>
      <c r="G103" s="23">
        <v>4</v>
      </c>
      <c r="H103" s="22">
        <v>6</v>
      </c>
      <c r="I103" s="22">
        <v>4</v>
      </c>
      <c r="J103" s="22">
        <v>2</v>
      </c>
      <c r="K103" s="21">
        <v>9</v>
      </c>
      <c r="L103" s="53">
        <v>6</v>
      </c>
      <c r="M103" s="54">
        <v>3</v>
      </c>
    </row>
    <row r="104" spans="1:13">
      <c r="A104" s="40" t="s">
        <v>107</v>
      </c>
      <c r="B104" s="21">
        <v>-13</v>
      </c>
      <c r="C104" s="22">
        <v>-11</v>
      </c>
      <c r="D104" s="22">
        <v>-2</v>
      </c>
      <c r="E104" s="21">
        <v>8</v>
      </c>
      <c r="F104" s="22">
        <v>7</v>
      </c>
      <c r="G104" s="23">
        <v>1</v>
      </c>
      <c r="H104" s="22">
        <v>3</v>
      </c>
      <c r="I104" s="22">
        <v>0</v>
      </c>
      <c r="J104" s="22">
        <v>3</v>
      </c>
      <c r="K104" s="21">
        <v>8</v>
      </c>
      <c r="L104" s="53">
        <v>4</v>
      </c>
      <c r="M104" s="54">
        <v>4</v>
      </c>
    </row>
    <row r="105" spans="1:13">
      <c r="A105" s="40" t="s">
        <v>108</v>
      </c>
      <c r="B105" s="21">
        <v>-3</v>
      </c>
      <c r="C105" s="22">
        <v>-4</v>
      </c>
      <c r="D105" s="22">
        <v>1</v>
      </c>
      <c r="E105" s="21">
        <v>4</v>
      </c>
      <c r="F105" s="22">
        <v>3</v>
      </c>
      <c r="G105" s="23">
        <v>1</v>
      </c>
      <c r="H105" s="22">
        <v>4</v>
      </c>
      <c r="I105" s="22">
        <v>0</v>
      </c>
      <c r="J105" s="22">
        <v>4</v>
      </c>
      <c r="K105" s="21">
        <v>3</v>
      </c>
      <c r="L105" s="53">
        <v>1</v>
      </c>
      <c r="M105" s="54">
        <v>2</v>
      </c>
    </row>
    <row r="106" spans="1:13">
      <c r="A106" s="40" t="s">
        <v>109</v>
      </c>
      <c r="B106" s="21">
        <v>-4</v>
      </c>
      <c r="C106" s="22">
        <v>0</v>
      </c>
      <c r="D106" s="22">
        <v>-4</v>
      </c>
      <c r="E106" s="21">
        <v>3</v>
      </c>
      <c r="F106" s="22">
        <v>2</v>
      </c>
      <c r="G106" s="23">
        <v>1</v>
      </c>
      <c r="H106" s="22">
        <v>4</v>
      </c>
      <c r="I106" s="22">
        <v>3</v>
      </c>
      <c r="J106" s="22">
        <v>1</v>
      </c>
      <c r="K106" s="21">
        <v>5</v>
      </c>
      <c r="L106" s="53">
        <v>1</v>
      </c>
      <c r="M106" s="54">
        <v>4</v>
      </c>
    </row>
    <row r="107" spans="1:13" ht="19.5" customHeight="1">
      <c r="A107" s="34" t="s">
        <v>110</v>
      </c>
      <c r="B107" s="17">
        <v>-66</v>
      </c>
      <c r="C107" s="18">
        <v>-38</v>
      </c>
      <c r="D107" s="18">
        <v>-28</v>
      </c>
      <c r="E107" s="17">
        <v>53</v>
      </c>
      <c r="F107" s="18">
        <v>33</v>
      </c>
      <c r="G107" s="19">
        <v>20</v>
      </c>
      <c r="H107" s="18">
        <v>21</v>
      </c>
      <c r="I107" s="18">
        <v>7</v>
      </c>
      <c r="J107" s="18">
        <v>14</v>
      </c>
      <c r="K107" s="17">
        <v>34</v>
      </c>
      <c r="L107" s="51">
        <v>12</v>
      </c>
      <c r="M107" s="52">
        <v>22</v>
      </c>
    </row>
    <row r="108" spans="1:13">
      <c r="A108" s="40" t="s">
        <v>111</v>
      </c>
      <c r="B108" s="21">
        <v>-7</v>
      </c>
      <c r="C108" s="22">
        <v>-5</v>
      </c>
      <c r="D108" s="22">
        <v>-2</v>
      </c>
      <c r="E108" s="21">
        <v>6</v>
      </c>
      <c r="F108" s="22">
        <v>4</v>
      </c>
      <c r="G108" s="23">
        <v>2</v>
      </c>
      <c r="H108" s="22">
        <v>4</v>
      </c>
      <c r="I108" s="22">
        <v>2</v>
      </c>
      <c r="J108" s="22">
        <v>2</v>
      </c>
      <c r="K108" s="21">
        <v>5</v>
      </c>
      <c r="L108" s="53">
        <v>3</v>
      </c>
      <c r="M108" s="54">
        <v>2</v>
      </c>
    </row>
    <row r="109" spans="1:13">
      <c r="A109" s="40" t="s">
        <v>112</v>
      </c>
      <c r="B109" s="21">
        <v>-10</v>
      </c>
      <c r="C109" s="22">
        <v>-5</v>
      </c>
      <c r="D109" s="22">
        <v>-5</v>
      </c>
      <c r="E109" s="21">
        <v>6</v>
      </c>
      <c r="F109" s="22">
        <v>2</v>
      </c>
      <c r="G109" s="23">
        <v>4</v>
      </c>
      <c r="H109" s="22">
        <v>3</v>
      </c>
      <c r="I109" s="22">
        <v>0</v>
      </c>
      <c r="J109" s="22">
        <v>3</v>
      </c>
      <c r="K109" s="21">
        <v>7</v>
      </c>
      <c r="L109" s="53">
        <v>3</v>
      </c>
      <c r="M109" s="54">
        <v>4</v>
      </c>
    </row>
    <row r="110" spans="1:13">
      <c r="A110" s="40" t="s">
        <v>113</v>
      </c>
      <c r="B110" s="21">
        <v>-15</v>
      </c>
      <c r="C110" s="22">
        <v>-9</v>
      </c>
      <c r="D110" s="22">
        <v>-6</v>
      </c>
      <c r="E110" s="21">
        <v>15</v>
      </c>
      <c r="F110" s="22">
        <v>8</v>
      </c>
      <c r="G110" s="23">
        <v>7</v>
      </c>
      <c r="H110" s="22">
        <v>6</v>
      </c>
      <c r="I110" s="22">
        <v>1</v>
      </c>
      <c r="J110" s="22">
        <v>5</v>
      </c>
      <c r="K110" s="21">
        <v>6</v>
      </c>
      <c r="L110" s="53">
        <v>2</v>
      </c>
      <c r="M110" s="54">
        <v>4</v>
      </c>
    </row>
    <row r="111" spans="1:13">
      <c r="A111" s="40" t="s">
        <v>114</v>
      </c>
      <c r="B111" s="21">
        <v>-20</v>
      </c>
      <c r="C111" s="22">
        <v>-13</v>
      </c>
      <c r="D111" s="22">
        <v>-7</v>
      </c>
      <c r="E111" s="21">
        <v>15</v>
      </c>
      <c r="F111" s="22">
        <v>13</v>
      </c>
      <c r="G111" s="23">
        <v>2</v>
      </c>
      <c r="H111" s="22">
        <v>7</v>
      </c>
      <c r="I111" s="22">
        <v>3</v>
      </c>
      <c r="J111" s="22">
        <v>4</v>
      </c>
      <c r="K111" s="21">
        <v>12</v>
      </c>
      <c r="L111" s="53">
        <v>3</v>
      </c>
      <c r="M111" s="54">
        <v>9</v>
      </c>
    </row>
    <row r="112" spans="1:13">
      <c r="A112" s="40" t="s">
        <v>115</v>
      </c>
      <c r="B112" s="21">
        <v>-14</v>
      </c>
      <c r="C112" s="22">
        <v>-6</v>
      </c>
      <c r="D112" s="22">
        <v>-8</v>
      </c>
      <c r="E112" s="21">
        <v>11</v>
      </c>
      <c r="F112" s="22">
        <v>6</v>
      </c>
      <c r="G112" s="23">
        <v>5</v>
      </c>
      <c r="H112" s="22">
        <v>1</v>
      </c>
      <c r="I112" s="22">
        <v>1</v>
      </c>
      <c r="J112" s="22">
        <v>0</v>
      </c>
      <c r="K112" s="21">
        <v>4</v>
      </c>
      <c r="L112" s="53">
        <v>1</v>
      </c>
      <c r="M112" s="54">
        <v>3</v>
      </c>
    </row>
    <row r="113" spans="1:13" ht="19.5" customHeight="1">
      <c r="A113" s="34" t="s">
        <v>116</v>
      </c>
      <c r="B113" s="17">
        <v>-64</v>
      </c>
      <c r="C113" s="18">
        <v>-42</v>
      </c>
      <c r="D113" s="18">
        <v>-22</v>
      </c>
      <c r="E113" s="17">
        <v>65</v>
      </c>
      <c r="F113" s="18">
        <v>41</v>
      </c>
      <c r="G113" s="19">
        <v>24</v>
      </c>
      <c r="H113" s="18">
        <v>27</v>
      </c>
      <c r="I113" s="18">
        <v>9</v>
      </c>
      <c r="J113" s="18">
        <v>18</v>
      </c>
      <c r="K113" s="17">
        <v>26</v>
      </c>
      <c r="L113" s="51">
        <v>10</v>
      </c>
      <c r="M113" s="52">
        <v>16</v>
      </c>
    </row>
    <row r="114" spans="1:13">
      <c r="A114" s="40" t="s">
        <v>117</v>
      </c>
      <c r="B114" s="21">
        <v>-13</v>
      </c>
      <c r="C114" s="22">
        <v>-8</v>
      </c>
      <c r="D114" s="22">
        <v>-5</v>
      </c>
      <c r="E114" s="21">
        <v>8</v>
      </c>
      <c r="F114" s="22">
        <v>4</v>
      </c>
      <c r="G114" s="23">
        <v>4</v>
      </c>
      <c r="H114" s="22">
        <v>4</v>
      </c>
      <c r="I114" s="22">
        <v>0</v>
      </c>
      <c r="J114" s="22">
        <v>4</v>
      </c>
      <c r="K114" s="21">
        <v>9</v>
      </c>
      <c r="L114" s="53">
        <v>4</v>
      </c>
      <c r="M114" s="54">
        <v>5</v>
      </c>
    </row>
    <row r="115" spans="1:13">
      <c r="A115" s="40" t="s">
        <v>118</v>
      </c>
      <c r="B115" s="21">
        <v>-11</v>
      </c>
      <c r="C115" s="22">
        <v>-9</v>
      </c>
      <c r="D115" s="22">
        <v>-2</v>
      </c>
      <c r="E115" s="21">
        <v>11</v>
      </c>
      <c r="F115" s="22">
        <v>9</v>
      </c>
      <c r="G115" s="23">
        <v>2</v>
      </c>
      <c r="H115" s="22">
        <v>6</v>
      </c>
      <c r="I115" s="22">
        <v>2</v>
      </c>
      <c r="J115" s="22">
        <v>4</v>
      </c>
      <c r="K115" s="21">
        <v>6</v>
      </c>
      <c r="L115" s="53">
        <v>2</v>
      </c>
      <c r="M115" s="54">
        <v>4</v>
      </c>
    </row>
    <row r="116" spans="1:13">
      <c r="A116" s="40" t="s">
        <v>119</v>
      </c>
      <c r="B116" s="21">
        <v>-13</v>
      </c>
      <c r="C116" s="22">
        <v>-11</v>
      </c>
      <c r="D116" s="22">
        <v>-2</v>
      </c>
      <c r="E116" s="21">
        <v>13</v>
      </c>
      <c r="F116" s="22">
        <v>9</v>
      </c>
      <c r="G116" s="23">
        <v>4</v>
      </c>
      <c r="H116" s="22">
        <v>3</v>
      </c>
      <c r="I116" s="22">
        <v>1</v>
      </c>
      <c r="J116" s="22">
        <v>2</v>
      </c>
      <c r="K116" s="21">
        <v>3</v>
      </c>
      <c r="L116" s="53">
        <v>3</v>
      </c>
      <c r="M116" s="54">
        <v>0</v>
      </c>
    </row>
    <row r="117" spans="1:13">
      <c r="A117" s="40" t="s">
        <v>120</v>
      </c>
      <c r="B117" s="21">
        <v>-9</v>
      </c>
      <c r="C117" s="22">
        <v>-1</v>
      </c>
      <c r="D117" s="22">
        <v>-8</v>
      </c>
      <c r="E117" s="21">
        <v>13</v>
      </c>
      <c r="F117" s="22">
        <v>6</v>
      </c>
      <c r="G117" s="23">
        <v>7</v>
      </c>
      <c r="H117" s="22">
        <v>7</v>
      </c>
      <c r="I117" s="22">
        <v>5</v>
      </c>
      <c r="J117" s="22">
        <v>2</v>
      </c>
      <c r="K117" s="21">
        <v>3</v>
      </c>
      <c r="L117" s="53">
        <v>0</v>
      </c>
      <c r="M117" s="54">
        <v>3</v>
      </c>
    </row>
    <row r="118" spans="1:13">
      <c r="A118" s="40" t="s">
        <v>121</v>
      </c>
      <c r="B118" s="21">
        <v>-18</v>
      </c>
      <c r="C118" s="22">
        <v>-13</v>
      </c>
      <c r="D118" s="22">
        <v>-5</v>
      </c>
      <c r="E118" s="21">
        <v>20</v>
      </c>
      <c r="F118" s="22">
        <v>13</v>
      </c>
      <c r="G118" s="23">
        <v>7</v>
      </c>
      <c r="H118" s="22">
        <v>7</v>
      </c>
      <c r="I118" s="22">
        <v>1</v>
      </c>
      <c r="J118" s="22">
        <v>6</v>
      </c>
      <c r="K118" s="21">
        <v>5</v>
      </c>
      <c r="L118" s="53">
        <v>1</v>
      </c>
      <c r="M118" s="54">
        <v>4</v>
      </c>
    </row>
    <row r="119" spans="1:13" ht="19.5" customHeight="1">
      <c r="A119" s="34" t="s">
        <v>122</v>
      </c>
      <c r="B119" s="17">
        <v>-70</v>
      </c>
      <c r="C119" s="18">
        <v>-40</v>
      </c>
      <c r="D119" s="18">
        <v>-30</v>
      </c>
      <c r="E119" s="17">
        <v>80</v>
      </c>
      <c r="F119" s="18">
        <v>42</v>
      </c>
      <c r="G119" s="19">
        <v>38</v>
      </c>
      <c r="H119" s="18">
        <v>26</v>
      </c>
      <c r="I119" s="18">
        <v>5</v>
      </c>
      <c r="J119" s="18">
        <v>21</v>
      </c>
      <c r="K119" s="17">
        <v>16</v>
      </c>
      <c r="L119" s="51">
        <v>3</v>
      </c>
      <c r="M119" s="52">
        <v>13</v>
      </c>
    </row>
    <row r="120" spans="1:13">
      <c r="A120" s="40" t="s">
        <v>123</v>
      </c>
      <c r="B120" s="21">
        <v>-15</v>
      </c>
      <c r="C120" s="22">
        <v>-8</v>
      </c>
      <c r="D120" s="22">
        <v>-7</v>
      </c>
      <c r="E120" s="21">
        <v>14</v>
      </c>
      <c r="F120" s="22">
        <v>7</v>
      </c>
      <c r="G120" s="23">
        <v>7</v>
      </c>
      <c r="H120" s="22">
        <v>2</v>
      </c>
      <c r="I120" s="22">
        <v>0</v>
      </c>
      <c r="J120" s="22">
        <v>2</v>
      </c>
      <c r="K120" s="21">
        <v>3</v>
      </c>
      <c r="L120" s="53">
        <v>1</v>
      </c>
      <c r="M120" s="54">
        <v>2</v>
      </c>
    </row>
    <row r="121" spans="1:13">
      <c r="A121" s="40" t="s">
        <v>124</v>
      </c>
      <c r="B121" s="21">
        <v>-8</v>
      </c>
      <c r="C121" s="22">
        <v>-4</v>
      </c>
      <c r="D121" s="22">
        <v>-4</v>
      </c>
      <c r="E121" s="21">
        <v>13</v>
      </c>
      <c r="F121" s="22">
        <v>7</v>
      </c>
      <c r="G121" s="23">
        <v>6</v>
      </c>
      <c r="H121" s="22">
        <v>8</v>
      </c>
      <c r="I121" s="22">
        <v>3</v>
      </c>
      <c r="J121" s="22">
        <v>5</v>
      </c>
      <c r="K121" s="21">
        <v>3</v>
      </c>
      <c r="L121" s="53">
        <v>0</v>
      </c>
      <c r="M121" s="54">
        <v>3</v>
      </c>
    </row>
    <row r="122" spans="1:13">
      <c r="A122" s="40" t="s">
        <v>125</v>
      </c>
      <c r="B122" s="21">
        <v>-18</v>
      </c>
      <c r="C122" s="22">
        <v>-12</v>
      </c>
      <c r="D122" s="22">
        <v>-6</v>
      </c>
      <c r="E122" s="21">
        <v>19</v>
      </c>
      <c r="F122" s="22">
        <v>12</v>
      </c>
      <c r="G122" s="23">
        <v>7</v>
      </c>
      <c r="H122" s="22">
        <v>8</v>
      </c>
      <c r="I122" s="22">
        <v>1</v>
      </c>
      <c r="J122" s="22">
        <v>7</v>
      </c>
      <c r="K122" s="21">
        <v>7</v>
      </c>
      <c r="L122" s="53">
        <v>1</v>
      </c>
      <c r="M122" s="54">
        <v>6</v>
      </c>
    </row>
    <row r="123" spans="1:13">
      <c r="A123" s="40" t="s">
        <v>126</v>
      </c>
      <c r="B123" s="21">
        <v>-16</v>
      </c>
      <c r="C123" s="22">
        <v>-10</v>
      </c>
      <c r="D123" s="22">
        <v>-6</v>
      </c>
      <c r="E123" s="21">
        <v>20</v>
      </c>
      <c r="F123" s="22">
        <v>11</v>
      </c>
      <c r="G123" s="23">
        <v>9</v>
      </c>
      <c r="H123" s="22">
        <v>5</v>
      </c>
      <c r="I123" s="22">
        <v>1</v>
      </c>
      <c r="J123" s="22">
        <v>4</v>
      </c>
      <c r="K123" s="21">
        <v>1</v>
      </c>
      <c r="L123" s="53">
        <v>0</v>
      </c>
      <c r="M123" s="54">
        <v>1</v>
      </c>
    </row>
    <row r="124" spans="1:13">
      <c r="A124" s="40" t="s">
        <v>127</v>
      </c>
      <c r="B124" s="21">
        <v>-13</v>
      </c>
      <c r="C124" s="22">
        <v>-6</v>
      </c>
      <c r="D124" s="22">
        <v>-7</v>
      </c>
      <c r="E124" s="21">
        <v>14</v>
      </c>
      <c r="F124" s="22">
        <v>5</v>
      </c>
      <c r="G124" s="23">
        <v>9</v>
      </c>
      <c r="H124" s="22">
        <v>3</v>
      </c>
      <c r="I124" s="22">
        <v>0</v>
      </c>
      <c r="J124" s="22">
        <v>3</v>
      </c>
      <c r="K124" s="21">
        <v>2</v>
      </c>
      <c r="L124" s="53">
        <v>1</v>
      </c>
      <c r="M124" s="54">
        <v>1</v>
      </c>
    </row>
    <row r="125" spans="1:13" ht="19.5" customHeight="1">
      <c r="A125" s="34" t="s">
        <v>128</v>
      </c>
      <c r="B125" s="17">
        <v>-91</v>
      </c>
      <c r="C125" s="18">
        <v>-36</v>
      </c>
      <c r="D125" s="18">
        <v>-55</v>
      </c>
      <c r="E125" s="17">
        <v>86</v>
      </c>
      <c r="F125" s="18">
        <v>33</v>
      </c>
      <c r="G125" s="19">
        <v>53</v>
      </c>
      <c r="H125" s="18">
        <v>13</v>
      </c>
      <c r="I125" s="18">
        <v>5</v>
      </c>
      <c r="J125" s="18">
        <v>8</v>
      </c>
      <c r="K125" s="17">
        <v>18</v>
      </c>
      <c r="L125" s="51">
        <v>8</v>
      </c>
      <c r="M125" s="52">
        <v>10</v>
      </c>
    </row>
    <row r="126" spans="1:13">
      <c r="A126" s="40" t="s">
        <v>129</v>
      </c>
      <c r="B126" s="21">
        <v>-20</v>
      </c>
      <c r="C126" s="22">
        <v>-8</v>
      </c>
      <c r="D126" s="22">
        <v>-12</v>
      </c>
      <c r="E126" s="21">
        <v>20</v>
      </c>
      <c r="F126" s="22">
        <v>8</v>
      </c>
      <c r="G126" s="23">
        <v>12</v>
      </c>
      <c r="H126" s="22">
        <v>4</v>
      </c>
      <c r="I126" s="22">
        <v>1</v>
      </c>
      <c r="J126" s="22">
        <v>3</v>
      </c>
      <c r="K126" s="21">
        <v>4</v>
      </c>
      <c r="L126" s="53">
        <v>1</v>
      </c>
      <c r="M126" s="54">
        <v>3</v>
      </c>
    </row>
    <row r="127" spans="1:13">
      <c r="A127" s="40" t="s">
        <v>130</v>
      </c>
      <c r="B127" s="21">
        <v>-17</v>
      </c>
      <c r="C127" s="22">
        <v>-8</v>
      </c>
      <c r="D127" s="22">
        <v>-9</v>
      </c>
      <c r="E127" s="21">
        <v>17</v>
      </c>
      <c r="F127" s="22">
        <v>6</v>
      </c>
      <c r="G127" s="23">
        <v>11</v>
      </c>
      <c r="H127" s="22">
        <v>2</v>
      </c>
      <c r="I127" s="22">
        <v>0</v>
      </c>
      <c r="J127" s="22">
        <v>2</v>
      </c>
      <c r="K127" s="21">
        <v>2</v>
      </c>
      <c r="L127" s="53">
        <v>2</v>
      </c>
      <c r="M127" s="54">
        <v>0</v>
      </c>
    </row>
    <row r="128" spans="1:13">
      <c r="A128" s="40" t="s">
        <v>131</v>
      </c>
      <c r="B128" s="21">
        <v>-22</v>
      </c>
      <c r="C128" s="22">
        <v>-10</v>
      </c>
      <c r="D128" s="22">
        <v>-12</v>
      </c>
      <c r="E128" s="21">
        <v>19</v>
      </c>
      <c r="F128" s="22">
        <v>8</v>
      </c>
      <c r="G128" s="23">
        <v>11</v>
      </c>
      <c r="H128" s="22">
        <v>2</v>
      </c>
      <c r="I128" s="22">
        <v>1</v>
      </c>
      <c r="J128" s="22">
        <v>1</v>
      </c>
      <c r="K128" s="21">
        <v>5</v>
      </c>
      <c r="L128" s="53">
        <v>3</v>
      </c>
      <c r="M128" s="54">
        <v>2</v>
      </c>
    </row>
    <row r="129" spans="1:13">
      <c r="A129" s="40" t="s">
        <v>132</v>
      </c>
      <c r="B129" s="21">
        <v>-13</v>
      </c>
      <c r="C129" s="22">
        <v>-7</v>
      </c>
      <c r="D129" s="22">
        <v>-6</v>
      </c>
      <c r="E129" s="21">
        <v>14</v>
      </c>
      <c r="F129" s="22">
        <v>8</v>
      </c>
      <c r="G129" s="23">
        <v>6</v>
      </c>
      <c r="H129" s="22">
        <v>3</v>
      </c>
      <c r="I129" s="22">
        <v>2</v>
      </c>
      <c r="J129" s="22">
        <v>1</v>
      </c>
      <c r="K129" s="21">
        <v>2</v>
      </c>
      <c r="L129" s="53">
        <v>1</v>
      </c>
      <c r="M129" s="54">
        <v>1</v>
      </c>
    </row>
    <row r="130" spans="1:13">
      <c r="A130" s="40" t="s">
        <v>133</v>
      </c>
      <c r="B130" s="21">
        <v>-19</v>
      </c>
      <c r="C130" s="22">
        <v>-3</v>
      </c>
      <c r="D130" s="22">
        <v>-16</v>
      </c>
      <c r="E130" s="21">
        <v>16</v>
      </c>
      <c r="F130" s="22">
        <v>3</v>
      </c>
      <c r="G130" s="23">
        <v>13</v>
      </c>
      <c r="H130" s="22">
        <v>2</v>
      </c>
      <c r="I130" s="22">
        <v>1</v>
      </c>
      <c r="J130" s="22">
        <v>1</v>
      </c>
      <c r="K130" s="21">
        <v>5</v>
      </c>
      <c r="L130" s="53">
        <v>1</v>
      </c>
      <c r="M130" s="54">
        <v>4</v>
      </c>
    </row>
    <row r="131" spans="1:13" ht="19.5" customHeight="1">
      <c r="A131" s="34" t="s">
        <v>134</v>
      </c>
      <c r="B131" s="17">
        <v>-30</v>
      </c>
      <c r="C131" s="18">
        <v>-9</v>
      </c>
      <c r="D131" s="18">
        <v>-21</v>
      </c>
      <c r="E131" s="17">
        <v>32</v>
      </c>
      <c r="F131" s="18">
        <v>9</v>
      </c>
      <c r="G131" s="19">
        <v>23</v>
      </c>
      <c r="H131" s="18">
        <v>3</v>
      </c>
      <c r="I131" s="18">
        <v>0</v>
      </c>
      <c r="J131" s="18">
        <v>3</v>
      </c>
      <c r="K131" s="17">
        <v>1</v>
      </c>
      <c r="L131" s="51">
        <v>0</v>
      </c>
      <c r="M131" s="52">
        <v>1</v>
      </c>
    </row>
    <row r="132" spans="1:13">
      <c r="A132" s="40" t="s">
        <v>135</v>
      </c>
      <c r="B132" s="21">
        <v>-4</v>
      </c>
      <c r="C132" s="22">
        <v>-2</v>
      </c>
      <c r="D132" s="22">
        <v>-2</v>
      </c>
      <c r="E132" s="21">
        <v>6</v>
      </c>
      <c r="F132" s="22">
        <v>2</v>
      </c>
      <c r="G132" s="23">
        <v>4</v>
      </c>
      <c r="H132" s="22">
        <v>2</v>
      </c>
      <c r="I132" s="22">
        <v>0</v>
      </c>
      <c r="J132" s="22">
        <v>2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12</v>
      </c>
      <c r="C133" s="22">
        <v>-2</v>
      </c>
      <c r="D133" s="22">
        <v>-10</v>
      </c>
      <c r="E133" s="21">
        <v>12</v>
      </c>
      <c r="F133" s="22">
        <v>2</v>
      </c>
      <c r="G133" s="23">
        <v>10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6</v>
      </c>
      <c r="C134" s="22">
        <v>-3</v>
      </c>
      <c r="D134" s="22">
        <v>-3</v>
      </c>
      <c r="E134" s="21">
        <v>6</v>
      </c>
      <c r="F134" s="22">
        <v>3</v>
      </c>
      <c r="G134" s="23">
        <v>3</v>
      </c>
      <c r="H134" s="22">
        <v>1</v>
      </c>
      <c r="I134" s="22">
        <v>0</v>
      </c>
      <c r="J134" s="22">
        <v>1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5</v>
      </c>
      <c r="C135" s="22">
        <v>-2</v>
      </c>
      <c r="D135" s="22">
        <v>-3</v>
      </c>
      <c r="E135" s="21">
        <v>5</v>
      </c>
      <c r="F135" s="22">
        <v>2</v>
      </c>
      <c r="G135" s="23">
        <v>3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3</v>
      </c>
      <c r="C136" s="22">
        <v>0</v>
      </c>
      <c r="D136" s="22">
        <v>-3</v>
      </c>
      <c r="E136" s="21">
        <v>3</v>
      </c>
      <c r="F136" s="22">
        <v>0</v>
      </c>
      <c r="G136" s="23">
        <v>3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2</v>
      </c>
      <c r="C137" s="43">
        <v>0</v>
      </c>
      <c r="D137" s="43">
        <v>-12</v>
      </c>
      <c r="E137" s="42">
        <v>12</v>
      </c>
      <c r="F137" s="43">
        <v>0</v>
      </c>
      <c r="G137" s="44">
        <v>12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9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4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3172</v>
      </c>
      <c r="C5" s="14">
        <v>1396</v>
      </c>
      <c r="D5" s="15">
        <v>1776</v>
      </c>
      <c r="E5" s="13">
        <v>14071</v>
      </c>
      <c r="F5" s="14">
        <v>7754</v>
      </c>
      <c r="G5" s="15">
        <v>6317</v>
      </c>
      <c r="H5" s="13">
        <v>79978</v>
      </c>
      <c r="I5" s="14">
        <v>43786</v>
      </c>
      <c r="J5" s="15">
        <v>36192</v>
      </c>
      <c r="K5" s="13">
        <v>73423</v>
      </c>
      <c r="L5" s="14">
        <v>40059</v>
      </c>
      <c r="M5" s="15">
        <v>33364</v>
      </c>
    </row>
    <row r="6" spans="1:13" ht="19.5" customHeight="1">
      <c r="A6" s="16" t="s">
        <v>13</v>
      </c>
      <c r="B6" s="17">
        <v>11056</v>
      </c>
      <c r="C6" s="18">
        <v>5608</v>
      </c>
      <c r="D6" s="19">
        <v>5448</v>
      </c>
      <c r="E6" s="17">
        <v>34</v>
      </c>
      <c r="F6" s="18">
        <v>15</v>
      </c>
      <c r="G6" s="19">
        <v>19</v>
      </c>
      <c r="H6" s="17">
        <v>4485</v>
      </c>
      <c r="I6" s="18">
        <v>2315</v>
      </c>
      <c r="J6" s="19">
        <v>2170</v>
      </c>
      <c r="K6" s="17">
        <v>4083</v>
      </c>
      <c r="L6" s="18">
        <v>2115</v>
      </c>
      <c r="M6" s="19">
        <v>1968</v>
      </c>
    </row>
    <row r="7" spans="1:13">
      <c r="A7" s="20" t="s">
        <v>14</v>
      </c>
      <c r="B7" s="21">
        <v>10823</v>
      </c>
      <c r="C7" s="22">
        <v>5512</v>
      </c>
      <c r="D7" s="23">
        <v>5311</v>
      </c>
      <c r="E7" s="21">
        <v>24</v>
      </c>
      <c r="F7" s="22">
        <v>11</v>
      </c>
      <c r="G7" s="23">
        <v>13</v>
      </c>
      <c r="H7" s="21">
        <v>1073</v>
      </c>
      <c r="I7" s="22">
        <v>576</v>
      </c>
      <c r="J7" s="23">
        <v>497</v>
      </c>
      <c r="K7" s="21">
        <v>914</v>
      </c>
      <c r="L7" s="22">
        <v>476</v>
      </c>
      <c r="M7" s="23">
        <v>438</v>
      </c>
    </row>
    <row r="8" spans="1:13">
      <c r="A8" s="20" t="s">
        <v>15</v>
      </c>
      <c r="B8" s="21">
        <v>125</v>
      </c>
      <c r="C8" s="22">
        <v>38</v>
      </c>
      <c r="D8" s="23">
        <v>87</v>
      </c>
      <c r="E8" s="21">
        <v>5</v>
      </c>
      <c r="F8" s="22">
        <v>2</v>
      </c>
      <c r="G8" s="23">
        <v>3</v>
      </c>
      <c r="H8" s="21">
        <v>1163</v>
      </c>
      <c r="I8" s="22">
        <v>597</v>
      </c>
      <c r="J8" s="23">
        <v>566</v>
      </c>
      <c r="K8" s="21">
        <v>1033</v>
      </c>
      <c r="L8" s="22">
        <v>557</v>
      </c>
      <c r="M8" s="23">
        <v>476</v>
      </c>
    </row>
    <row r="9" spans="1:13">
      <c r="A9" s="20" t="s">
        <v>16</v>
      </c>
      <c r="B9" s="21">
        <v>51</v>
      </c>
      <c r="C9" s="22">
        <v>17</v>
      </c>
      <c r="D9" s="23">
        <v>34</v>
      </c>
      <c r="E9" s="21">
        <v>2</v>
      </c>
      <c r="F9" s="22">
        <v>1</v>
      </c>
      <c r="G9" s="23">
        <v>1</v>
      </c>
      <c r="H9" s="21">
        <v>902</v>
      </c>
      <c r="I9" s="22">
        <v>464</v>
      </c>
      <c r="J9" s="23">
        <v>438</v>
      </c>
      <c r="K9" s="21">
        <v>849</v>
      </c>
      <c r="L9" s="22">
        <v>446</v>
      </c>
      <c r="M9" s="23">
        <v>403</v>
      </c>
    </row>
    <row r="10" spans="1:13">
      <c r="A10" s="20" t="s">
        <v>17</v>
      </c>
      <c r="B10" s="21">
        <v>53</v>
      </c>
      <c r="C10" s="22">
        <v>16</v>
      </c>
      <c r="D10" s="23">
        <v>37</v>
      </c>
      <c r="E10" s="21">
        <v>2</v>
      </c>
      <c r="F10" s="22">
        <v>1</v>
      </c>
      <c r="G10" s="23">
        <v>1</v>
      </c>
      <c r="H10" s="21">
        <v>777</v>
      </c>
      <c r="I10" s="22">
        <v>404</v>
      </c>
      <c r="J10" s="23">
        <v>373</v>
      </c>
      <c r="K10" s="21">
        <v>722</v>
      </c>
      <c r="L10" s="22">
        <v>387</v>
      </c>
      <c r="M10" s="23">
        <v>335</v>
      </c>
    </row>
    <row r="11" spans="1:13">
      <c r="A11" s="20" t="s">
        <v>18</v>
      </c>
      <c r="B11" s="21">
        <v>4</v>
      </c>
      <c r="C11" s="22">
        <v>25</v>
      </c>
      <c r="D11" s="23">
        <v>-21</v>
      </c>
      <c r="E11" s="21">
        <v>1</v>
      </c>
      <c r="F11" s="22">
        <v>0</v>
      </c>
      <c r="G11" s="23">
        <v>1</v>
      </c>
      <c r="H11" s="21">
        <v>570</v>
      </c>
      <c r="I11" s="22">
        <v>274</v>
      </c>
      <c r="J11" s="23">
        <v>296</v>
      </c>
      <c r="K11" s="21">
        <v>565</v>
      </c>
      <c r="L11" s="22">
        <v>249</v>
      </c>
      <c r="M11" s="23">
        <v>316</v>
      </c>
    </row>
    <row r="12" spans="1:13" ht="20.100000000000001" customHeight="1">
      <c r="A12" s="16" t="s">
        <v>19</v>
      </c>
      <c r="B12" s="17">
        <v>-32</v>
      </c>
      <c r="C12" s="18">
        <v>-22</v>
      </c>
      <c r="D12" s="19">
        <v>-10</v>
      </c>
      <c r="E12" s="17">
        <v>6</v>
      </c>
      <c r="F12" s="18">
        <v>4</v>
      </c>
      <c r="G12" s="19">
        <v>2</v>
      </c>
      <c r="H12" s="17">
        <v>2020</v>
      </c>
      <c r="I12" s="18">
        <v>1047</v>
      </c>
      <c r="J12" s="19">
        <v>973</v>
      </c>
      <c r="K12" s="17">
        <v>2046</v>
      </c>
      <c r="L12" s="18">
        <v>1065</v>
      </c>
      <c r="M12" s="19">
        <v>981</v>
      </c>
    </row>
    <row r="13" spans="1:13">
      <c r="A13" s="20" t="s">
        <v>20</v>
      </c>
      <c r="B13" s="21">
        <v>-36</v>
      </c>
      <c r="C13" s="22">
        <v>-15</v>
      </c>
      <c r="D13" s="23">
        <v>-21</v>
      </c>
      <c r="E13" s="21">
        <v>1</v>
      </c>
      <c r="F13" s="22">
        <v>1</v>
      </c>
      <c r="G13" s="23">
        <v>0</v>
      </c>
      <c r="H13" s="21">
        <v>519</v>
      </c>
      <c r="I13" s="22">
        <v>255</v>
      </c>
      <c r="J13" s="23">
        <v>264</v>
      </c>
      <c r="K13" s="21">
        <v>554</v>
      </c>
      <c r="L13" s="22">
        <v>269</v>
      </c>
      <c r="M13" s="23">
        <v>285</v>
      </c>
    </row>
    <row r="14" spans="1:13">
      <c r="A14" s="20" t="s">
        <v>21</v>
      </c>
      <c r="B14" s="21">
        <v>-19</v>
      </c>
      <c r="C14" s="22">
        <v>-17</v>
      </c>
      <c r="D14" s="23">
        <v>-2</v>
      </c>
      <c r="E14" s="21">
        <v>1</v>
      </c>
      <c r="F14" s="22">
        <v>0</v>
      </c>
      <c r="G14" s="23">
        <v>1</v>
      </c>
      <c r="H14" s="21">
        <v>502</v>
      </c>
      <c r="I14" s="22">
        <v>264</v>
      </c>
      <c r="J14" s="23">
        <v>238</v>
      </c>
      <c r="K14" s="21">
        <v>520</v>
      </c>
      <c r="L14" s="22">
        <v>281</v>
      </c>
      <c r="M14" s="23">
        <v>239</v>
      </c>
    </row>
    <row r="15" spans="1:13">
      <c r="A15" s="20" t="s">
        <v>22</v>
      </c>
      <c r="B15" s="21">
        <v>5</v>
      </c>
      <c r="C15" s="22">
        <v>12</v>
      </c>
      <c r="D15" s="23">
        <v>-7</v>
      </c>
      <c r="E15" s="21">
        <v>2</v>
      </c>
      <c r="F15" s="22">
        <v>1</v>
      </c>
      <c r="G15" s="23">
        <v>1</v>
      </c>
      <c r="H15" s="21">
        <v>397</v>
      </c>
      <c r="I15" s="22">
        <v>209</v>
      </c>
      <c r="J15" s="23">
        <v>188</v>
      </c>
      <c r="K15" s="21">
        <v>390</v>
      </c>
      <c r="L15" s="22">
        <v>196</v>
      </c>
      <c r="M15" s="23">
        <v>194</v>
      </c>
    </row>
    <row r="16" spans="1:13">
      <c r="A16" s="20" t="s">
        <v>23</v>
      </c>
      <c r="B16" s="21">
        <v>6</v>
      </c>
      <c r="C16" s="22">
        <v>3</v>
      </c>
      <c r="D16" s="23">
        <v>3</v>
      </c>
      <c r="E16" s="21">
        <v>2</v>
      </c>
      <c r="F16" s="22">
        <v>2</v>
      </c>
      <c r="G16" s="23">
        <v>0</v>
      </c>
      <c r="H16" s="21">
        <v>292</v>
      </c>
      <c r="I16" s="22">
        <v>157</v>
      </c>
      <c r="J16" s="23">
        <v>135</v>
      </c>
      <c r="K16" s="21">
        <v>284</v>
      </c>
      <c r="L16" s="22">
        <v>152</v>
      </c>
      <c r="M16" s="23">
        <v>132</v>
      </c>
    </row>
    <row r="17" spans="1:13">
      <c r="A17" s="20" t="s">
        <v>24</v>
      </c>
      <c r="B17" s="21">
        <v>12</v>
      </c>
      <c r="C17" s="22">
        <v>-5</v>
      </c>
      <c r="D17" s="23">
        <v>17</v>
      </c>
      <c r="E17" s="21">
        <v>0</v>
      </c>
      <c r="F17" s="22">
        <v>0</v>
      </c>
      <c r="G17" s="23">
        <v>0</v>
      </c>
      <c r="H17" s="21">
        <v>310</v>
      </c>
      <c r="I17" s="22">
        <v>162</v>
      </c>
      <c r="J17" s="23">
        <v>148</v>
      </c>
      <c r="K17" s="21">
        <v>298</v>
      </c>
      <c r="L17" s="22">
        <v>167</v>
      </c>
      <c r="M17" s="23">
        <v>131</v>
      </c>
    </row>
    <row r="18" spans="1:13" ht="20.100000000000001" customHeight="1">
      <c r="A18" s="16" t="s">
        <v>25</v>
      </c>
      <c r="B18" s="17">
        <v>84</v>
      </c>
      <c r="C18" s="18">
        <v>46</v>
      </c>
      <c r="D18" s="19">
        <v>38</v>
      </c>
      <c r="E18" s="17">
        <v>7</v>
      </c>
      <c r="F18" s="18">
        <v>3</v>
      </c>
      <c r="G18" s="19">
        <v>4</v>
      </c>
      <c r="H18" s="17">
        <v>1121</v>
      </c>
      <c r="I18" s="18">
        <v>555</v>
      </c>
      <c r="J18" s="19">
        <v>566</v>
      </c>
      <c r="K18" s="17">
        <v>1030</v>
      </c>
      <c r="L18" s="18">
        <v>506</v>
      </c>
      <c r="M18" s="19">
        <v>524</v>
      </c>
    </row>
    <row r="19" spans="1:13">
      <c r="A19" s="20" t="s">
        <v>26</v>
      </c>
      <c r="B19" s="21">
        <v>24</v>
      </c>
      <c r="C19" s="22">
        <v>15</v>
      </c>
      <c r="D19" s="23">
        <v>9</v>
      </c>
      <c r="E19" s="21">
        <v>1</v>
      </c>
      <c r="F19" s="22">
        <v>1</v>
      </c>
      <c r="G19" s="23">
        <v>0</v>
      </c>
      <c r="H19" s="21">
        <v>251</v>
      </c>
      <c r="I19" s="22">
        <v>128</v>
      </c>
      <c r="J19" s="23">
        <v>123</v>
      </c>
      <c r="K19" s="21">
        <v>226</v>
      </c>
      <c r="L19" s="22">
        <v>112</v>
      </c>
      <c r="M19" s="23">
        <v>114</v>
      </c>
    </row>
    <row r="20" spans="1:13">
      <c r="A20" s="20" t="s">
        <v>27</v>
      </c>
      <c r="B20" s="21">
        <v>62</v>
      </c>
      <c r="C20" s="22">
        <v>30</v>
      </c>
      <c r="D20" s="23">
        <v>32</v>
      </c>
      <c r="E20" s="21">
        <v>3</v>
      </c>
      <c r="F20" s="22">
        <v>1</v>
      </c>
      <c r="G20" s="23">
        <v>2</v>
      </c>
      <c r="H20" s="21">
        <v>268</v>
      </c>
      <c r="I20" s="22">
        <v>131</v>
      </c>
      <c r="J20" s="23">
        <v>137</v>
      </c>
      <c r="K20" s="21">
        <v>203</v>
      </c>
      <c r="L20" s="22">
        <v>100</v>
      </c>
      <c r="M20" s="23">
        <v>103</v>
      </c>
    </row>
    <row r="21" spans="1:13">
      <c r="A21" s="20" t="s">
        <v>28</v>
      </c>
      <c r="B21" s="21">
        <v>-26</v>
      </c>
      <c r="C21" s="22">
        <v>-14</v>
      </c>
      <c r="D21" s="23">
        <v>-12</v>
      </c>
      <c r="E21" s="21">
        <v>1</v>
      </c>
      <c r="F21" s="22">
        <v>1</v>
      </c>
      <c r="G21" s="23">
        <v>0</v>
      </c>
      <c r="H21" s="21">
        <v>229</v>
      </c>
      <c r="I21" s="22">
        <v>117</v>
      </c>
      <c r="J21" s="23">
        <v>112</v>
      </c>
      <c r="K21" s="21">
        <v>254</v>
      </c>
      <c r="L21" s="22">
        <v>130</v>
      </c>
      <c r="M21" s="23">
        <v>124</v>
      </c>
    </row>
    <row r="22" spans="1:13">
      <c r="A22" s="20" t="s">
        <v>29</v>
      </c>
      <c r="B22" s="21">
        <v>16</v>
      </c>
      <c r="C22" s="22">
        <v>13</v>
      </c>
      <c r="D22" s="23">
        <v>3</v>
      </c>
      <c r="E22" s="21">
        <v>2</v>
      </c>
      <c r="F22" s="22">
        <v>0</v>
      </c>
      <c r="G22" s="23">
        <v>2</v>
      </c>
      <c r="H22" s="21">
        <v>222</v>
      </c>
      <c r="I22" s="22">
        <v>104</v>
      </c>
      <c r="J22" s="23">
        <v>118</v>
      </c>
      <c r="K22" s="21">
        <v>204</v>
      </c>
      <c r="L22" s="22">
        <v>91</v>
      </c>
      <c r="M22" s="23">
        <v>113</v>
      </c>
    </row>
    <row r="23" spans="1:13">
      <c r="A23" s="20" t="s">
        <v>30</v>
      </c>
      <c r="B23" s="21">
        <v>8</v>
      </c>
      <c r="C23" s="22">
        <v>2</v>
      </c>
      <c r="D23" s="23">
        <v>6</v>
      </c>
      <c r="E23" s="21">
        <v>0</v>
      </c>
      <c r="F23" s="22">
        <v>0</v>
      </c>
      <c r="G23" s="23">
        <v>0</v>
      </c>
      <c r="H23" s="21">
        <v>151</v>
      </c>
      <c r="I23" s="22">
        <v>75</v>
      </c>
      <c r="J23" s="23">
        <v>76</v>
      </c>
      <c r="K23" s="21">
        <v>143</v>
      </c>
      <c r="L23" s="22">
        <v>73</v>
      </c>
      <c r="M23" s="23">
        <v>70</v>
      </c>
    </row>
    <row r="24" spans="1:13" ht="20.100000000000001" customHeight="1">
      <c r="A24" s="16" t="s">
        <v>31</v>
      </c>
      <c r="B24" s="17">
        <v>1123</v>
      </c>
      <c r="C24" s="18">
        <v>546</v>
      </c>
      <c r="D24" s="19">
        <v>577</v>
      </c>
      <c r="E24" s="17">
        <v>19</v>
      </c>
      <c r="F24" s="18">
        <v>14</v>
      </c>
      <c r="G24" s="19">
        <v>5</v>
      </c>
      <c r="H24" s="17">
        <v>3261</v>
      </c>
      <c r="I24" s="18">
        <v>1695</v>
      </c>
      <c r="J24" s="19">
        <v>1566</v>
      </c>
      <c r="K24" s="17">
        <v>2119</v>
      </c>
      <c r="L24" s="18">
        <v>1135</v>
      </c>
      <c r="M24" s="19">
        <v>984</v>
      </c>
    </row>
    <row r="25" spans="1:13">
      <c r="A25" s="20" t="s">
        <v>32</v>
      </c>
      <c r="B25" s="21">
        <v>-1</v>
      </c>
      <c r="C25" s="22">
        <v>-4</v>
      </c>
      <c r="D25" s="23">
        <v>3</v>
      </c>
      <c r="E25" s="21">
        <v>2</v>
      </c>
      <c r="F25" s="22">
        <v>2</v>
      </c>
      <c r="G25" s="23">
        <v>0</v>
      </c>
      <c r="H25" s="21">
        <v>231</v>
      </c>
      <c r="I25" s="22">
        <v>120</v>
      </c>
      <c r="J25" s="23">
        <v>111</v>
      </c>
      <c r="K25" s="21">
        <v>230</v>
      </c>
      <c r="L25" s="22">
        <v>122</v>
      </c>
      <c r="M25" s="23">
        <v>108</v>
      </c>
    </row>
    <row r="26" spans="1:13">
      <c r="A26" s="20" t="s">
        <v>33</v>
      </c>
      <c r="B26" s="21">
        <v>46</v>
      </c>
      <c r="C26" s="22">
        <v>34</v>
      </c>
      <c r="D26" s="23">
        <v>12</v>
      </c>
      <c r="E26" s="21">
        <v>3</v>
      </c>
      <c r="F26" s="22">
        <v>2</v>
      </c>
      <c r="G26" s="23">
        <v>1</v>
      </c>
      <c r="H26" s="21">
        <v>287</v>
      </c>
      <c r="I26" s="22">
        <v>155</v>
      </c>
      <c r="J26" s="23">
        <v>132</v>
      </c>
      <c r="K26" s="21">
        <v>238</v>
      </c>
      <c r="L26" s="22">
        <v>119</v>
      </c>
      <c r="M26" s="23">
        <v>119</v>
      </c>
    </row>
    <row r="27" spans="1:13">
      <c r="A27" s="20" t="s">
        <v>34</v>
      </c>
      <c r="B27" s="21">
        <v>23</v>
      </c>
      <c r="C27" s="22">
        <v>12</v>
      </c>
      <c r="D27" s="23">
        <v>11</v>
      </c>
      <c r="E27" s="21">
        <v>5</v>
      </c>
      <c r="F27" s="22">
        <v>3</v>
      </c>
      <c r="G27" s="23">
        <v>2</v>
      </c>
      <c r="H27" s="21">
        <v>241</v>
      </c>
      <c r="I27" s="22">
        <v>114</v>
      </c>
      <c r="J27" s="23">
        <v>127</v>
      </c>
      <c r="K27" s="21">
        <v>213</v>
      </c>
      <c r="L27" s="22">
        <v>99</v>
      </c>
      <c r="M27" s="23">
        <v>114</v>
      </c>
    </row>
    <row r="28" spans="1:13">
      <c r="A28" s="20" t="s">
        <v>35</v>
      </c>
      <c r="B28" s="21">
        <v>385</v>
      </c>
      <c r="C28" s="22">
        <v>198</v>
      </c>
      <c r="D28" s="23">
        <v>187</v>
      </c>
      <c r="E28" s="21">
        <v>0</v>
      </c>
      <c r="F28" s="22">
        <v>0</v>
      </c>
      <c r="G28" s="23">
        <v>0</v>
      </c>
      <c r="H28" s="21">
        <v>981</v>
      </c>
      <c r="I28" s="22">
        <v>514</v>
      </c>
      <c r="J28" s="23">
        <v>467</v>
      </c>
      <c r="K28" s="21">
        <v>596</v>
      </c>
      <c r="L28" s="22">
        <v>316</v>
      </c>
      <c r="M28" s="23">
        <v>280</v>
      </c>
    </row>
    <row r="29" spans="1:13">
      <c r="A29" s="20" t="s">
        <v>36</v>
      </c>
      <c r="B29" s="21">
        <v>670</v>
      </c>
      <c r="C29" s="22">
        <v>306</v>
      </c>
      <c r="D29" s="23">
        <v>364</v>
      </c>
      <c r="E29" s="21">
        <v>9</v>
      </c>
      <c r="F29" s="22">
        <v>7</v>
      </c>
      <c r="G29" s="23">
        <v>2</v>
      </c>
      <c r="H29" s="21">
        <v>1521</v>
      </c>
      <c r="I29" s="22">
        <v>792</v>
      </c>
      <c r="J29" s="23">
        <v>729</v>
      </c>
      <c r="K29" s="21">
        <v>842</v>
      </c>
      <c r="L29" s="22">
        <v>479</v>
      </c>
      <c r="M29" s="23">
        <v>363</v>
      </c>
    </row>
    <row r="30" spans="1:13" ht="20.100000000000001" customHeight="1">
      <c r="A30" s="16" t="s">
        <v>37</v>
      </c>
      <c r="B30" s="17">
        <v>1822</v>
      </c>
      <c r="C30" s="18">
        <v>1159</v>
      </c>
      <c r="D30" s="19">
        <v>663</v>
      </c>
      <c r="E30" s="17">
        <v>28</v>
      </c>
      <c r="F30" s="18">
        <v>23</v>
      </c>
      <c r="G30" s="19">
        <v>5</v>
      </c>
      <c r="H30" s="17">
        <v>14180</v>
      </c>
      <c r="I30" s="18">
        <v>7582</v>
      </c>
      <c r="J30" s="19">
        <v>6598</v>
      </c>
      <c r="K30" s="17">
        <v>12330</v>
      </c>
      <c r="L30" s="18">
        <v>6400</v>
      </c>
      <c r="M30" s="19">
        <v>5930</v>
      </c>
    </row>
    <row r="31" spans="1:13">
      <c r="A31" s="20" t="s">
        <v>38</v>
      </c>
      <c r="B31" s="21">
        <v>453</v>
      </c>
      <c r="C31" s="22">
        <v>285</v>
      </c>
      <c r="D31" s="23">
        <v>168</v>
      </c>
      <c r="E31" s="21">
        <v>6</v>
      </c>
      <c r="F31" s="22">
        <v>5</v>
      </c>
      <c r="G31" s="23">
        <v>1</v>
      </c>
      <c r="H31" s="21">
        <v>1751</v>
      </c>
      <c r="I31" s="22">
        <v>923</v>
      </c>
      <c r="J31" s="23">
        <v>828</v>
      </c>
      <c r="K31" s="21">
        <v>1292</v>
      </c>
      <c r="L31" s="22">
        <v>633</v>
      </c>
      <c r="M31" s="23">
        <v>659</v>
      </c>
    </row>
    <row r="32" spans="1:13">
      <c r="A32" s="20" t="s">
        <v>39</v>
      </c>
      <c r="B32" s="21">
        <v>484</v>
      </c>
      <c r="C32" s="22">
        <v>276</v>
      </c>
      <c r="D32" s="23">
        <v>208</v>
      </c>
      <c r="E32" s="21">
        <v>9</v>
      </c>
      <c r="F32" s="22">
        <v>7</v>
      </c>
      <c r="G32" s="23">
        <v>2</v>
      </c>
      <c r="H32" s="21">
        <v>2223</v>
      </c>
      <c r="I32" s="22">
        <v>1120</v>
      </c>
      <c r="J32" s="23">
        <v>1103</v>
      </c>
      <c r="K32" s="21">
        <v>1730</v>
      </c>
      <c r="L32" s="22">
        <v>837</v>
      </c>
      <c r="M32" s="23">
        <v>893</v>
      </c>
    </row>
    <row r="33" spans="1:13">
      <c r="A33" s="20" t="s">
        <v>40</v>
      </c>
      <c r="B33" s="21">
        <v>383</v>
      </c>
      <c r="C33" s="22">
        <v>272</v>
      </c>
      <c r="D33" s="23">
        <v>111</v>
      </c>
      <c r="E33" s="21">
        <v>5</v>
      </c>
      <c r="F33" s="22">
        <v>3</v>
      </c>
      <c r="G33" s="23">
        <v>2</v>
      </c>
      <c r="H33" s="21">
        <v>3138</v>
      </c>
      <c r="I33" s="22">
        <v>1682</v>
      </c>
      <c r="J33" s="23">
        <v>1456</v>
      </c>
      <c r="K33" s="21">
        <v>2750</v>
      </c>
      <c r="L33" s="22">
        <v>1407</v>
      </c>
      <c r="M33" s="23">
        <v>1343</v>
      </c>
    </row>
    <row r="34" spans="1:13">
      <c r="A34" s="20" t="s">
        <v>41</v>
      </c>
      <c r="B34" s="21">
        <v>171</v>
      </c>
      <c r="C34" s="22">
        <v>51</v>
      </c>
      <c r="D34" s="23">
        <v>120</v>
      </c>
      <c r="E34" s="21">
        <v>4</v>
      </c>
      <c r="F34" s="22">
        <v>4</v>
      </c>
      <c r="G34" s="23">
        <v>0</v>
      </c>
      <c r="H34" s="21">
        <v>3595</v>
      </c>
      <c r="I34" s="22">
        <v>1906</v>
      </c>
      <c r="J34" s="23">
        <v>1689</v>
      </c>
      <c r="K34" s="21">
        <v>3420</v>
      </c>
      <c r="L34" s="22">
        <v>1851</v>
      </c>
      <c r="M34" s="23">
        <v>1569</v>
      </c>
    </row>
    <row r="35" spans="1:13">
      <c r="A35" s="20" t="s">
        <v>42</v>
      </c>
      <c r="B35" s="21">
        <v>331</v>
      </c>
      <c r="C35" s="22">
        <v>275</v>
      </c>
      <c r="D35" s="23">
        <v>56</v>
      </c>
      <c r="E35" s="21">
        <v>4</v>
      </c>
      <c r="F35" s="22">
        <v>4</v>
      </c>
      <c r="G35" s="23">
        <v>0</v>
      </c>
      <c r="H35" s="21">
        <v>3473</v>
      </c>
      <c r="I35" s="22">
        <v>1951</v>
      </c>
      <c r="J35" s="23">
        <v>1522</v>
      </c>
      <c r="K35" s="21">
        <v>3138</v>
      </c>
      <c r="L35" s="22">
        <v>1672</v>
      </c>
      <c r="M35" s="23">
        <v>1466</v>
      </c>
    </row>
    <row r="36" spans="1:13" ht="20.100000000000001" customHeight="1">
      <c r="A36" s="16" t="s">
        <v>43</v>
      </c>
      <c r="B36" s="17">
        <v>820</v>
      </c>
      <c r="C36" s="18">
        <v>646</v>
      </c>
      <c r="D36" s="19">
        <v>174</v>
      </c>
      <c r="E36" s="17">
        <v>30</v>
      </c>
      <c r="F36" s="18">
        <v>28</v>
      </c>
      <c r="G36" s="19">
        <v>2</v>
      </c>
      <c r="H36" s="17">
        <v>16163</v>
      </c>
      <c r="I36" s="18">
        <v>8932</v>
      </c>
      <c r="J36" s="19">
        <v>7231</v>
      </c>
      <c r="K36" s="17">
        <v>15313</v>
      </c>
      <c r="L36" s="18">
        <v>8258</v>
      </c>
      <c r="M36" s="19">
        <v>7055</v>
      </c>
    </row>
    <row r="37" spans="1:13">
      <c r="A37" s="20" t="s">
        <v>44</v>
      </c>
      <c r="B37" s="21">
        <v>256</v>
      </c>
      <c r="C37" s="22">
        <v>188</v>
      </c>
      <c r="D37" s="23">
        <v>68</v>
      </c>
      <c r="E37" s="21">
        <v>7</v>
      </c>
      <c r="F37" s="22">
        <v>6</v>
      </c>
      <c r="G37" s="23">
        <v>1</v>
      </c>
      <c r="H37" s="21">
        <v>3717</v>
      </c>
      <c r="I37" s="22">
        <v>2066</v>
      </c>
      <c r="J37" s="23">
        <v>1651</v>
      </c>
      <c r="K37" s="21">
        <v>3454</v>
      </c>
      <c r="L37" s="22">
        <v>1872</v>
      </c>
      <c r="M37" s="23">
        <v>1582</v>
      </c>
    </row>
    <row r="38" spans="1:13">
      <c r="A38" s="20" t="s">
        <v>45</v>
      </c>
      <c r="B38" s="21">
        <v>209</v>
      </c>
      <c r="C38" s="22">
        <v>139</v>
      </c>
      <c r="D38" s="23">
        <v>70</v>
      </c>
      <c r="E38" s="21">
        <v>5</v>
      </c>
      <c r="F38" s="22">
        <v>5</v>
      </c>
      <c r="G38" s="23">
        <v>0</v>
      </c>
      <c r="H38" s="21">
        <v>3489</v>
      </c>
      <c r="I38" s="22">
        <v>1873</v>
      </c>
      <c r="J38" s="23">
        <v>1616</v>
      </c>
      <c r="K38" s="21">
        <v>3275</v>
      </c>
      <c r="L38" s="22">
        <v>1729</v>
      </c>
      <c r="M38" s="23">
        <v>1546</v>
      </c>
    </row>
    <row r="39" spans="1:13">
      <c r="A39" s="20" t="s">
        <v>46</v>
      </c>
      <c r="B39" s="21">
        <v>181</v>
      </c>
      <c r="C39" s="22">
        <v>190</v>
      </c>
      <c r="D39" s="23">
        <v>-9</v>
      </c>
      <c r="E39" s="21">
        <v>8</v>
      </c>
      <c r="F39" s="22">
        <v>8</v>
      </c>
      <c r="G39" s="23">
        <v>0</v>
      </c>
      <c r="H39" s="21">
        <v>3305</v>
      </c>
      <c r="I39" s="22">
        <v>1836</v>
      </c>
      <c r="J39" s="23">
        <v>1469</v>
      </c>
      <c r="K39" s="21">
        <v>3116</v>
      </c>
      <c r="L39" s="22">
        <v>1638</v>
      </c>
      <c r="M39" s="23">
        <v>1478</v>
      </c>
    </row>
    <row r="40" spans="1:13">
      <c r="A40" s="20" t="s">
        <v>47</v>
      </c>
      <c r="B40" s="21">
        <v>86</v>
      </c>
      <c r="C40" s="22">
        <v>79</v>
      </c>
      <c r="D40" s="23">
        <v>7</v>
      </c>
      <c r="E40" s="21">
        <v>6</v>
      </c>
      <c r="F40" s="22">
        <v>5</v>
      </c>
      <c r="G40" s="23">
        <v>1</v>
      </c>
      <c r="H40" s="21">
        <v>2915</v>
      </c>
      <c r="I40" s="22">
        <v>1632</v>
      </c>
      <c r="J40" s="23">
        <v>1283</v>
      </c>
      <c r="K40" s="21">
        <v>2823</v>
      </c>
      <c r="L40" s="22">
        <v>1548</v>
      </c>
      <c r="M40" s="23">
        <v>1275</v>
      </c>
    </row>
    <row r="41" spans="1:13">
      <c r="A41" s="20" t="s">
        <v>48</v>
      </c>
      <c r="B41" s="21">
        <v>88</v>
      </c>
      <c r="C41" s="22">
        <v>50</v>
      </c>
      <c r="D41" s="23">
        <v>38</v>
      </c>
      <c r="E41" s="21">
        <v>4</v>
      </c>
      <c r="F41" s="22">
        <v>4</v>
      </c>
      <c r="G41" s="23">
        <v>0</v>
      </c>
      <c r="H41" s="21">
        <v>2737</v>
      </c>
      <c r="I41" s="22">
        <v>1525</v>
      </c>
      <c r="J41" s="23">
        <v>1212</v>
      </c>
      <c r="K41" s="21">
        <v>2645</v>
      </c>
      <c r="L41" s="22">
        <v>1471</v>
      </c>
      <c r="M41" s="23">
        <v>1174</v>
      </c>
    </row>
    <row r="42" spans="1:13" ht="20.100000000000001" customHeight="1">
      <c r="A42" s="16" t="s">
        <v>49</v>
      </c>
      <c r="B42" s="17">
        <v>492</v>
      </c>
      <c r="C42" s="18">
        <v>356</v>
      </c>
      <c r="D42" s="19">
        <v>136</v>
      </c>
      <c r="E42" s="17">
        <v>46</v>
      </c>
      <c r="F42" s="18">
        <v>32</v>
      </c>
      <c r="G42" s="19">
        <v>14</v>
      </c>
      <c r="H42" s="17">
        <v>10943</v>
      </c>
      <c r="I42" s="18">
        <v>6182</v>
      </c>
      <c r="J42" s="19">
        <v>4761</v>
      </c>
      <c r="K42" s="17">
        <v>10405</v>
      </c>
      <c r="L42" s="18">
        <v>5794</v>
      </c>
      <c r="M42" s="19">
        <v>4611</v>
      </c>
    </row>
    <row r="43" spans="1:13">
      <c r="A43" s="20" t="s">
        <v>50</v>
      </c>
      <c r="B43" s="21">
        <v>102</v>
      </c>
      <c r="C43" s="22">
        <v>67</v>
      </c>
      <c r="D43" s="23">
        <v>35</v>
      </c>
      <c r="E43" s="21">
        <v>6</v>
      </c>
      <c r="F43" s="22">
        <v>4</v>
      </c>
      <c r="G43" s="23">
        <v>2</v>
      </c>
      <c r="H43" s="21">
        <v>2649</v>
      </c>
      <c r="I43" s="22">
        <v>1462</v>
      </c>
      <c r="J43" s="23">
        <v>1187</v>
      </c>
      <c r="K43" s="21">
        <v>2541</v>
      </c>
      <c r="L43" s="22">
        <v>1391</v>
      </c>
      <c r="M43" s="23">
        <v>1150</v>
      </c>
    </row>
    <row r="44" spans="1:13">
      <c r="A44" s="20" t="s">
        <v>51</v>
      </c>
      <c r="B44" s="21">
        <v>157</v>
      </c>
      <c r="C44" s="22">
        <v>84</v>
      </c>
      <c r="D44" s="23">
        <v>73</v>
      </c>
      <c r="E44" s="21">
        <v>10</v>
      </c>
      <c r="F44" s="22">
        <v>6</v>
      </c>
      <c r="G44" s="23">
        <v>4</v>
      </c>
      <c r="H44" s="21">
        <v>2431</v>
      </c>
      <c r="I44" s="22">
        <v>1349</v>
      </c>
      <c r="J44" s="23">
        <v>1082</v>
      </c>
      <c r="K44" s="21">
        <v>2264</v>
      </c>
      <c r="L44" s="22">
        <v>1259</v>
      </c>
      <c r="M44" s="23">
        <v>1005</v>
      </c>
    </row>
    <row r="45" spans="1:13">
      <c r="A45" s="20" t="s">
        <v>52</v>
      </c>
      <c r="B45" s="21">
        <v>46</v>
      </c>
      <c r="C45" s="22">
        <v>83</v>
      </c>
      <c r="D45" s="23">
        <v>-37</v>
      </c>
      <c r="E45" s="21">
        <v>8</v>
      </c>
      <c r="F45" s="22">
        <v>5</v>
      </c>
      <c r="G45" s="23">
        <v>3</v>
      </c>
      <c r="H45" s="21">
        <v>2090</v>
      </c>
      <c r="I45" s="22">
        <v>1192</v>
      </c>
      <c r="J45" s="23">
        <v>898</v>
      </c>
      <c r="K45" s="21">
        <v>2036</v>
      </c>
      <c r="L45" s="22">
        <v>1104</v>
      </c>
      <c r="M45" s="23">
        <v>932</v>
      </c>
    </row>
    <row r="46" spans="1:13">
      <c r="A46" s="20" t="s">
        <v>53</v>
      </c>
      <c r="B46" s="21">
        <v>161</v>
      </c>
      <c r="C46" s="22">
        <v>69</v>
      </c>
      <c r="D46" s="23">
        <v>92</v>
      </c>
      <c r="E46" s="21">
        <v>11</v>
      </c>
      <c r="F46" s="22">
        <v>8</v>
      </c>
      <c r="G46" s="23">
        <v>3</v>
      </c>
      <c r="H46" s="21">
        <v>1966</v>
      </c>
      <c r="I46" s="22">
        <v>1108</v>
      </c>
      <c r="J46" s="23">
        <v>858</v>
      </c>
      <c r="K46" s="21">
        <v>1794</v>
      </c>
      <c r="L46" s="22">
        <v>1031</v>
      </c>
      <c r="M46" s="23">
        <v>763</v>
      </c>
    </row>
    <row r="47" spans="1:13">
      <c r="A47" s="20" t="s">
        <v>54</v>
      </c>
      <c r="B47" s="21">
        <v>26</v>
      </c>
      <c r="C47" s="22">
        <v>53</v>
      </c>
      <c r="D47" s="23">
        <v>-27</v>
      </c>
      <c r="E47" s="21">
        <v>11</v>
      </c>
      <c r="F47" s="22">
        <v>9</v>
      </c>
      <c r="G47" s="23">
        <v>2</v>
      </c>
      <c r="H47" s="21">
        <v>1807</v>
      </c>
      <c r="I47" s="22">
        <v>1071</v>
      </c>
      <c r="J47" s="23">
        <v>736</v>
      </c>
      <c r="K47" s="21">
        <v>1770</v>
      </c>
      <c r="L47" s="22">
        <v>1009</v>
      </c>
      <c r="M47" s="23">
        <v>761</v>
      </c>
    </row>
    <row r="48" spans="1:13" ht="20.100000000000001" customHeight="1">
      <c r="A48" s="16" t="s">
        <v>55</v>
      </c>
      <c r="B48" s="17">
        <v>168</v>
      </c>
      <c r="C48" s="18">
        <v>101</v>
      </c>
      <c r="D48" s="19">
        <v>67</v>
      </c>
      <c r="E48" s="17">
        <v>57</v>
      </c>
      <c r="F48" s="18">
        <v>37</v>
      </c>
      <c r="G48" s="19">
        <v>20</v>
      </c>
      <c r="H48" s="17">
        <v>7033</v>
      </c>
      <c r="I48" s="18">
        <v>4141</v>
      </c>
      <c r="J48" s="19">
        <v>2892</v>
      </c>
      <c r="K48" s="17">
        <v>6808</v>
      </c>
      <c r="L48" s="18">
        <v>4003</v>
      </c>
      <c r="M48" s="19">
        <v>2805</v>
      </c>
    </row>
    <row r="49" spans="1:13">
      <c r="A49" s="20" t="s">
        <v>56</v>
      </c>
      <c r="B49" s="21">
        <v>-11</v>
      </c>
      <c r="C49" s="22">
        <v>-30</v>
      </c>
      <c r="D49" s="23">
        <v>19</v>
      </c>
      <c r="E49" s="21">
        <v>15</v>
      </c>
      <c r="F49" s="22">
        <v>8</v>
      </c>
      <c r="G49" s="23">
        <v>7</v>
      </c>
      <c r="H49" s="21">
        <v>1671</v>
      </c>
      <c r="I49" s="22">
        <v>965</v>
      </c>
      <c r="J49" s="23">
        <v>706</v>
      </c>
      <c r="K49" s="21">
        <v>1667</v>
      </c>
      <c r="L49" s="22">
        <v>987</v>
      </c>
      <c r="M49" s="23">
        <v>680</v>
      </c>
    </row>
    <row r="50" spans="1:13">
      <c r="A50" s="20" t="s">
        <v>57</v>
      </c>
      <c r="B50" s="21">
        <v>52</v>
      </c>
      <c r="C50" s="22">
        <v>34</v>
      </c>
      <c r="D50" s="23">
        <v>18</v>
      </c>
      <c r="E50" s="21">
        <v>7</v>
      </c>
      <c r="F50" s="22">
        <v>4</v>
      </c>
      <c r="G50" s="23">
        <v>3</v>
      </c>
      <c r="H50" s="21">
        <v>1542</v>
      </c>
      <c r="I50" s="22">
        <v>892</v>
      </c>
      <c r="J50" s="23">
        <v>650</v>
      </c>
      <c r="K50" s="21">
        <v>1483</v>
      </c>
      <c r="L50" s="22">
        <v>854</v>
      </c>
      <c r="M50" s="23">
        <v>629</v>
      </c>
    </row>
    <row r="51" spans="1:13">
      <c r="A51" s="20" t="s">
        <v>58</v>
      </c>
      <c r="B51" s="21">
        <v>11</v>
      </c>
      <c r="C51" s="22">
        <v>12</v>
      </c>
      <c r="D51" s="23">
        <v>-1</v>
      </c>
      <c r="E51" s="21">
        <v>10</v>
      </c>
      <c r="F51" s="22">
        <v>8</v>
      </c>
      <c r="G51" s="23">
        <v>2</v>
      </c>
      <c r="H51" s="21">
        <v>1377</v>
      </c>
      <c r="I51" s="22">
        <v>809</v>
      </c>
      <c r="J51" s="23">
        <v>568</v>
      </c>
      <c r="K51" s="21">
        <v>1356</v>
      </c>
      <c r="L51" s="22">
        <v>789</v>
      </c>
      <c r="M51" s="23">
        <v>567</v>
      </c>
    </row>
    <row r="52" spans="1:13">
      <c r="A52" s="20" t="s">
        <v>59</v>
      </c>
      <c r="B52" s="21">
        <v>42</v>
      </c>
      <c r="C52" s="22">
        <v>33</v>
      </c>
      <c r="D52" s="23">
        <v>9</v>
      </c>
      <c r="E52" s="21">
        <v>13</v>
      </c>
      <c r="F52" s="22">
        <v>8</v>
      </c>
      <c r="G52" s="23">
        <v>5</v>
      </c>
      <c r="H52" s="21">
        <v>1241</v>
      </c>
      <c r="I52" s="22">
        <v>752</v>
      </c>
      <c r="J52" s="23">
        <v>489</v>
      </c>
      <c r="K52" s="21">
        <v>1186</v>
      </c>
      <c r="L52" s="22">
        <v>711</v>
      </c>
      <c r="M52" s="23">
        <v>475</v>
      </c>
    </row>
    <row r="53" spans="1:13">
      <c r="A53" s="20" t="s">
        <v>60</v>
      </c>
      <c r="B53" s="21">
        <v>74</v>
      </c>
      <c r="C53" s="22">
        <v>52</v>
      </c>
      <c r="D53" s="23">
        <v>22</v>
      </c>
      <c r="E53" s="21">
        <v>12</v>
      </c>
      <c r="F53" s="22">
        <v>9</v>
      </c>
      <c r="G53" s="23">
        <v>3</v>
      </c>
      <c r="H53" s="21">
        <v>1202</v>
      </c>
      <c r="I53" s="22">
        <v>723</v>
      </c>
      <c r="J53" s="23">
        <v>479</v>
      </c>
      <c r="K53" s="21">
        <v>1116</v>
      </c>
      <c r="L53" s="22">
        <v>662</v>
      </c>
      <c r="M53" s="23">
        <v>454</v>
      </c>
    </row>
    <row r="54" spans="1:13" ht="20.100000000000001" customHeight="1">
      <c r="A54" s="16" t="s">
        <v>61</v>
      </c>
      <c r="B54" s="17">
        <v>145</v>
      </c>
      <c r="C54" s="18">
        <v>81</v>
      </c>
      <c r="D54" s="19">
        <v>64</v>
      </c>
      <c r="E54" s="17">
        <v>113</v>
      </c>
      <c r="F54" s="18">
        <v>75</v>
      </c>
      <c r="G54" s="19">
        <v>38</v>
      </c>
      <c r="H54" s="17">
        <v>4918</v>
      </c>
      <c r="I54" s="18">
        <v>2937</v>
      </c>
      <c r="J54" s="19">
        <v>1981</v>
      </c>
      <c r="K54" s="17">
        <v>4660</v>
      </c>
      <c r="L54" s="18">
        <v>2781</v>
      </c>
      <c r="M54" s="19">
        <v>1879</v>
      </c>
    </row>
    <row r="55" spans="1:13">
      <c r="A55" s="20" t="s">
        <v>62</v>
      </c>
      <c r="B55" s="21">
        <v>124</v>
      </c>
      <c r="C55" s="22">
        <v>59</v>
      </c>
      <c r="D55" s="23">
        <v>65</v>
      </c>
      <c r="E55" s="21">
        <v>22</v>
      </c>
      <c r="F55" s="22">
        <v>17</v>
      </c>
      <c r="G55" s="23">
        <v>5</v>
      </c>
      <c r="H55" s="21">
        <v>1112</v>
      </c>
      <c r="I55" s="22">
        <v>639</v>
      </c>
      <c r="J55" s="23">
        <v>473</v>
      </c>
      <c r="K55" s="21">
        <v>966</v>
      </c>
      <c r="L55" s="22">
        <v>563</v>
      </c>
      <c r="M55" s="23">
        <v>403</v>
      </c>
    </row>
    <row r="56" spans="1:13">
      <c r="A56" s="20" t="s">
        <v>63</v>
      </c>
      <c r="B56" s="21">
        <v>26</v>
      </c>
      <c r="C56" s="22">
        <v>4</v>
      </c>
      <c r="D56" s="23">
        <v>22</v>
      </c>
      <c r="E56" s="21">
        <v>17</v>
      </c>
      <c r="F56" s="22">
        <v>13</v>
      </c>
      <c r="G56" s="23">
        <v>4</v>
      </c>
      <c r="H56" s="21">
        <v>1038</v>
      </c>
      <c r="I56" s="22">
        <v>616</v>
      </c>
      <c r="J56" s="23">
        <v>422</v>
      </c>
      <c r="K56" s="21">
        <v>995</v>
      </c>
      <c r="L56" s="22">
        <v>599</v>
      </c>
      <c r="M56" s="23">
        <v>396</v>
      </c>
    </row>
    <row r="57" spans="1:13">
      <c r="A57" s="20" t="s">
        <v>64</v>
      </c>
      <c r="B57" s="21">
        <v>5</v>
      </c>
      <c r="C57" s="22">
        <v>16</v>
      </c>
      <c r="D57" s="23">
        <v>-11</v>
      </c>
      <c r="E57" s="21">
        <v>18</v>
      </c>
      <c r="F57" s="22">
        <v>9</v>
      </c>
      <c r="G57" s="23">
        <v>9</v>
      </c>
      <c r="H57" s="21">
        <v>943</v>
      </c>
      <c r="I57" s="22">
        <v>551</v>
      </c>
      <c r="J57" s="23">
        <v>392</v>
      </c>
      <c r="K57" s="21">
        <v>920</v>
      </c>
      <c r="L57" s="22">
        <v>526</v>
      </c>
      <c r="M57" s="23">
        <v>394</v>
      </c>
    </row>
    <row r="58" spans="1:13">
      <c r="A58" s="20" t="s">
        <v>65</v>
      </c>
      <c r="B58" s="21">
        <v>30</v>
      </c>
      <c r="C58" s="22">
        <v>29</v>
      </c>
      <c r="D58" s="23">
        <v>1</v>
      </c>
      <c r="E58" s="21">
        <v>26</v>
      </c>
      <c r="F58" s="22">
        <v>15</v>
      </c>
      <c r="G58" s="23">
        <v>11</v>
      </c>
      <c r="H58" s="21">
        <v>943</v>
      </c>
      <c r="I58" s="22">
        <v>595</v>
      </c>
      <c r="J58" s="23">
        <v>348</v>
      </c>
      <c r="K58" s="21">
        <v>887</v>
      </c>
      <c r="L58" s="22">
        <v>551</v>
      </c>
      <c r="M58" s="23">
        <v>336</v>
      </c>
    </row>
    <row r="59" spans="1:13">
      <c r="A59" s="20" t="s">
        <v>66</v>
      </c>
      <c r="B59" s="21">
        <v>-40</v>
      </c>
      <c r="C59" s="22">
        <v>-27</v>
      </c>
      <c r="D59" s="23">
        <v>-13</v>
      </c>
      <c r="E59" s="21">
        <v>30</v>
      </c>
      <c r="F59" s="22">
        <v>21</v>
      </c>
      <c r="G59" s="23">
        <v>9</v>
      </c>
      <c r="H59" s="21">
        <v>882</v>
      </c>
      <c r="I59" s="22">
        <v>536</v>
      </c>
      <c r="J59" s="23">
        <v>346</v>
      </c>
      <c r="K59" s="21">
        <v>892</v>
      </c>
      <c r="L59" s="22">
        <v>542</v>
      </c>
      <c r="M59" s="23">
        <v>350</v>
      </c>
    </row>
    <row r="60" spans="1:13" ht="20.100000000000001" customHeight="1">
      <c r="A60" s="16" t="s">
        <v>67</v>
      </c>
      <c r="B60" s="17">
        <v>17</v>
      </c>
      <c r="C60" s="18">
        <v>-26</v>
      </c>
      <c r="D60" s="19">
        <v>43</v>
      </c>
      <c r="E60" s="17">
        <v>201</v>
      </c>
      <c r="F60" s="18">
        <v>134</v>
      </c>
      <c r="G60" s="19">
        <v>67</v>
      </c>
      <c r="H60" s="17">
        <v>4104</v>
      </c>
      <c r="I60" s="18">
        <v>2441</v>
      </c>
      <c r="J60" s="19">
        <v>1663</v>
      </c>
      <c r="K60" s="17">
        <v>3886</v>
      </c>
      <c r="L60" s="18">
        <v>2333</v>
      </c>
      <c r="M60" s="19">
        <v>1553</v>
      </c>
    </row>
    <row r="61" spans="1:13">
      <c r="A61" s="20" t="s">
        <v>68</v>
      </c>
      <c r="B61" s="21">
        <v>20</v>
      </c>
      <c r="C61" s="22">
        <v>8</v>
      </c>
      <c r="D61" s="23">
        <v>12</v>
      </c>
      <c r="E61" s="21">
        <v>38</v>
      </c>
      <c r="F61" s="22">
        <v>24</v>
      </c>
      <c r="G61" s="23">
        <v>14</v>
      </c>
      <c r="H61" s="21">
        <v>836</v>
      </c>
      <c r="I61" s="22">
        <v>525</v>
      </c>
      <c r="J61" s="23">
        <v>311</v>
      </c>
      <c r="K61" s="21">
        <v>778</v>
      </c>
      <c r="L61" s="22">
        <v>493</v>
      </c>
      <c r="M61" s="23">
        <v>285</v>
      </c>
    </row>
    <row r="62" spans="1:13">
      <c r="A62" s="20" t="s">
        <v>69</v>
      </c>
      <c r="B62" s="21">
        <v>26</v>
      </c>
      <c r="C62" s="22">
        <v>36</v>
      </c>
      <c r="D62" s="23">
        <v>-10</v>
      </c>
      <c r="E62" s="21">
        <v>31</v>
      </c>
      <c r="F62" s="22">
        <v>20</v>
      </c>
      <c r="G62" s="23">
        <v>11</v>
      </c>
      <c r="H62" s="21">
        <v>883</v>
      </c>
      <c r="I62" s="22">
        <v>530</v>
      </c>
      <c r="J62" s="23">
        <v>353</v>
      </c>
      <c r="K62" s="21">
        <v>826</v>
      </c>
      <c r="L62" s="22">
        <v>474</v>
      </c>
      <c r="M62" s="23">
        <v>352</v>
      </c>
    </row>
    <row r="63" spans="1:13">
      <c r="A63" s="20" t="s">
        <v>70</v>
      </c>
      <c r="B63" s="21">
        <v>41</v>
      </c>
      <c r="C63" s="22">
        <v>21</v>
      </c>
      <c r="D63" s="23">
        <v>20</v>
      </c>
      <c r="E63" s="21">
        <v>36</v>
      </c>
      <c r="F63" s="22">
        <v>23</v>
      </c>
      <c r="G63" s="23">
        <v>13</v>
      </c>
      <c r="H63" s="21">
        <v>857</v>
      </c>
      <c r="I63" s="22">
        <v>497</v>
      </c>
      <c r="J63" s="23">
        <v>360</v>
      </c>
      <c r="K63" s="21">
        <v>780</v>
      </c>
      <c r="L63" s="22">
        <v>453</v>
      </c>
      <c r="M63" s="23">
        <v>327</v>
      </c>
    </row>
    <row r="64" spans="1:13">
      <c r="A64" s="20" t="s">
        <v>71</v>
      </c>
      <c r="B64" s="21">
        <v>-35</v>
      </c>
      <c r="C64" s="22">
        <v>-45</v>
      </c>
      <c r="D64" s="23">
        <v>10</v>
      </c>
      <c r="E64" s="21">
        <v>43</v>
      </c>
      <c r="F64" s="22">
        <v>30</v>
      </c>
      <c r="G64" s="23">
        <v>13</v>
      </c>
      <c r="H64" s="21">
        <v>783</v>
      </c>
      <c r="I64" s="22">
        <v>457</v>
      </c>
      <c r="J64" s="23">
        <v>326</v>
      </c>
      <c r="K64" s="21">
        <v>775</v>
      </c>
      <c r="L64" s="22">
        <v>472</v>
      </c>
      <c r="M64" s="23">
        <v>303</v>
      </c>
    </row>
    <row r="65" spans="1:13">
      <c r="A65" s="24" t="s">
        <v>72</v>
      </c>
      <c r="B65" s="25">
        <v>-35</v>
      </c>
      <c r="C65" s="26">
        <v>-46</v>
      </c>
      <c r="D65" s="27">
        <v>11</v>
      </c>
      <c r="E65" s="25">
        <v>53</v>
      </c>
      <c r="F65" s="26">
        <v>37</v>
      </c>
      <c r="G65" s="27">
        <v>16</v>
      </c>
      <c r="H65" s="25">
        <v>745</v>
      </c>
      <c r="I65" s="26">
        <v>432</v>
      </c>
      <c r="J65" s="27">
        <v>313</v>
      </c>
      <c r="K65" s="25">
        <v>727</v>
      </c>
      <c r="L65" s="26">
        <v>441</v>
      </c>
      <c r="M65" s="27">
        <v>286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13">
        <v>10688</v>
      </c>
      <c r="C69" s="14">
        <v>5423</v>
      </c>
      <c r="D69" s="15">
        <v>5265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17">
        <v>10688</v>
      </c>
      <c r="C70" s="18">
        <v>5423</v>
      </c>
      <c r="D70" s="19">
        <v>5265</v>
      </c>
    </row>
    <row r="71" spans="1:13">
      <c r="A71" s="24" t="s">
        <v>14</v>
      </c>
      <c r="B71" s="25">
        <v>10688</v>
      </c>
      <c r="C71" s="26">
        <v>5423</v>
      </c>
      <c r="D71" s="27">
        <v>5265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4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128</v>
      </c>
      <c r="C77" s="18">
        <v>-133</v>
      </c>
      <c r="D77" s="19">
        <v>5</v>
      </c>
      <c r="E77" s="17">
        <v>242</v>
      </c>
      <c r="F77" s="18">
        <v>166</v>
      </c>
      <c r="G77" s="19">
        <v>76</v>
      </c>
      <c r="H77" s="17">
        <v>2998</v>
      </c>
      <c r="I77" s="18">
        <v>1732</v>
      </c>
      <c r="J77" s="19">
        <v>1266</v>
      </c>
      <c r="K77" s="17">
        <v>2884</v>
      </c>
      <c r="L77" s="18">
        <v>1699</v>
      </c>
      <c r="M77" s="19">
        <v>1185</v>
      </c>
    </row>
    <row r="78" spans="1:13">
      <c r="A78" s="40" t="s">
        <v>81</v>
      </c>
      <c r="B78" s="21">
        <v>-4</v>
      </c>
      <c r="C78" s="22">
        <v>-9</v>
      </c>
      <c r="D78" s="23">
        <v>5</v>
      </c>
      <c r="E78" s="21">
        <v>42</v>
      </c>
      <c r="F78" s="22">
        <v>31</v>
      </c>
      <c r="G78" s="23">
        <v>11</v>
      </c>
      <c r="H78" s="21">
        <v>716</v>
      </c>
      <c r="I78" s="22">
        <v>423</v>
      </c>
      <c r="J78" s="23">
        <v>293</v>
      </c>
      <c r="K78" s="21">
        <v>678</v>
      </c>
      <c r="L78" s="22">
        <v>401</v>
      </c>
      <c r="M78" s="23">
        <v>277</v>
      </c>
    </row>
    <row r="79" spans="1:13">
      <c r="A79" s="40" t="s">
        <v>82</v>
      </c>
      <c r="B79" s="21">
        <v>-44</v>
      </c>
      <c r="C79" s="22">
        <v>-53</v>
      </c>
      <c r="D79" s="23">
        <v>9</v>
      </c>
      <c r="E79" s="21">
        <v>53</v>
      </c>
      <c r="F79" s="22">
        <v>39</v>
      </c>
      <c r="G79" s="23">
        <v>14</v>
      </c>
      <c r="H79" s="21">
        <v>662</v>
      </c>
      <c r="I79" s="22">
        <v>379</v>
      </c>
      <c r="J79" s="23">
        <v>283</v>
      </c>
      <c r="K79" s="21">
        <v>653</v>
      </c>
      <c r="L79" s="22">
        <v>393</v>
      </c>
      <c r="M79" s="23">
        <v>260</v>
      </c>
    </row>
    <row r="80" spans="1:13">
      <c r="A80" s="40" t="s">
        <v>83</v>
      </c>
      <c r="B80" s="21">
        <v>5</v>
      </c>
      <c r="C80" s="22">
        <v>1</v>
      </c>
      <c r="D80" s="23">
        <v>4</v>
      </c>
      <c r="E80" s="21">
        <v>45</v>
      </c>
      <c r="F80" s="22">
        <v>30</v>
      </c>
      <c r="G80" s="23">
        <v>15</v>
      </c>
      <c r="H80" s="21">
        <v>606</v>
      </c>
      <c r="I80" s="22">
        <v>367</v>
      </c>
      <c r="J80" s="23">
        <v>239</v>
      </c>
      <c r="K80" s="21">
        <v>556</v>
      </c>
      <c r="L80" s="22">
        <v>336</v>
      </c>
      <c r="M80" s="23">
        <v>220</v>
      </c>
    </row>
    <row r="81" spans="1:13">
      <c r="A81" s="40" t="s">
        <v>84</v>
      </c>
      <c r="B81" s="21">
        <v>-27</v>
      </c>
      <c r="C81" s="22">
        <v>-14</v>
      </c>
      <c r="D81" s="23">
        <v>-13</v>
      </c>
      <c r="E81" s="21">
        <v>47</v>
      </c>
      <c r="F81" s="22">
        <v>27</v>
      </c>
      <c r="G81" s="23">
        <v>20</v>
      </c>
      <c r="H81" s="21">
        <v>483</v>
      </c>
      <c r="I81" s="22">
        <v>277</v>
      </c>
      <c r="J81" s="23">
        <v>206</v>
      </c>
      <c r="K81" s="21">
        <v>463</v>
      </c>
      <c r="L81" s="22">
        <v>264</v>
      </c>
      <c r="M81" s="23">
        <v>199</v>
      </c>
    </row>
    <row r="82" spans="1:13">
      <c r="A82" s="40" t="s">
        <v>85</v>
      </c>
      <c r="B82" s="21">
        <v>-58</v>
      </c>
      <c r="C82" s="22">
        <v>-58</v>
      </c>
      <c r="D82" s="23">
        <v>0</v>
      </c>
      <c r="E82" s="21">
        <v>55</v>
      </c>
      <c r="F82" s="22">
        <v>39</v>
      </c>
      <c r="G82" s="23">
        <v>16</v>
      </c>
      <c r="H82" s="21">
        <v>531</v>
      </c>
      <c r="I82" s="22">
        <v>286</v>
      </c>
      <c r="J82" s="23">
        <v>245</v>
      </c>
      <c r="K82" s="21">
        <v>534</v>
      </c>
      <c r="L82" s="22">
        <v>305</v>
      </c>
      <c r="M82" s="23">
        <v>229</v>
      </c>
    </row>
    <row r="83" spans="1:13" ht="19.5" customHeight="1">
      <c r="A83" s="34" t="s">
        <v>86</v>
      </c>
      <c r="B83" s="17">
        <v>-293</v>
      </c>
      <c r="C83" s="18">
        <v>-212</v>
      </c>
      <c r="D83" s="19">
        <v>-81</v>
      </c>
      <c r="E83" s="17">
        <v>337</v>
      </c>
      <c r="F83" s="18">
        <v>240</v>
      </c>
      <c r="G83" s="19">
        <v>97</v>
      </c>
      <c r="H83" s="17">
        <v>2039</v>
      </c>
      <c r="I83" s="18">
        <v>1168</v>
      </c>
      <c r="J83" s="19">
        <v>871</v>
      </c>
      <c r="K83" s="17">
        <v>1995</v>
      </c>
      <c r="L83" s="18">
        <v>1140</v>
      </c>
      <c r="M83" s="19">
        <v>855</v>
      </c>
    </row>
    <row r="84" spans="1:13">
      <c r="A84" s="40" t="s">
        <v>87</v>
      </c>
      <c r="B84" s="21">
        <v>-77</v>
      </c>
      <c r="C84" s="22">
        <v>-41</v>
      </c>
      <c r="D84" s="23">
        <v>-36</v>
      </c>
      <c r="E84" s="21">
        <v>66</v>
      </c>
      <c r="F84" s="22">
        <v>47</v>
      </c>
      <c r="G84" s="23">
        <v>19</v>
      </c>
      <c r="H84" s="21">
        <v>480</v>
      </c>
      <c r="I84" s="22">
        <v>273</v>
      </c>
      <c r="J84" s="23">
        <v>207</v>
      </c>
      <c r="K84" s="21">
        <v>491</v>
      </c>
      <c r="L84" s="22">
        <v>267</v>
      </c>
      <c r="M84" s="23">
        <v>224</v>
      </c>
    </row>
    <row r="85" spans="1:13">
      <c r="A85" s="40" t="s">
        <v>88</v>
      </c>
      <c r="B85" s="21">
        <v>-26</v>
      </c>
      <c r="C85" s="22">
        <v>-14</v>
      </c>
      <c r="D85" s="23">
        <v>-12</v>
      </c>
      <c r="E85" s="21">
        <v>59</v>
      </c>
      <c r="F85" s="22">
        <v>37</v>
      </c>
      <c r="G85" s="23">
        <v>22</v>
      </c>
      <c r="H85" s="21">
        <v>452</v>
      </c>
      <c r="I85" s="22">
        <v>255</v>
      </c>
      <c r="J85" s="23">
        <v>197</v>
      </c>
      <c r="K85" s="21">
        <v>419</v>
      </c>
      <c r="L85" s="22">
        <v>232</v>
      </c>
      <c r="M85" s="23">
        <v>187</v>
      </c>
    </row>
    <row r="86" spans="1:13">
      <c r="A86" s="40" t="s">
        <v>89</v>
      </c>
      <c r="B86" s="21">
        <v>-137</v>
      </c>
      <c r="C86" s="22">
        <v>-108</v>
      </c>
      <c r="D86" s="23">
        <v>-29</v>
      </c>
      <c r="E86" s="21">
        <v>71</v>
      </c>
      <c r="F86" s="22">
        <v>59</v>
      </c>
      <c r="G86" s="23">
        <v>12</v>
      </c>
      <c r="H86" s="21">
        <v>350</v>
      </c>
      <c r="I86" s="22">
        <v>200</v>
      </c>
      <c r="J86" s="23">
        <v>150</v>
      </c>
      <c r="K86" s="21">
        <v>416</v>
      </c>
      <c r="L86" s="22">
        <v>249</v>
      </c>
      <c r="M86" s="23">
        <v>167</v>
      </c>
    </row>
    <row r="87" spans="1:13">
      <c r="A87" s="40" t="s">
        <v>90</v>
      </c>
      <c r="B87" s="21">
        <v>-12</v>
      </c>
      <c r="C87" s="22">
        <v>-19</v>
      </c>
      <c r="D87" s="23">
        <v>7</v>
      </c>
      <c r="E87" s="21">
        <v>71</v>
      </c>
      <c r="F87" s="22">
        <v>50</v>
      </c>
      <c r="G87" s="23">
        <v>21</v>
      </c>
      <c r="H87" s="21">
        <v>407</v>
      </c>
      <c r="I87" s="22">
        <v>237</v>
      </c>
      <c r="J87" s="23">
        <v>170</v>
      </c>
      <c r="K87" s="21">
        <v>348</v>
      </c>
      <c r="L87" s="22">
        <v>206</v>
      </c>
      <c r="M87" s="23">
        <v>142</v>
      </c>
    </row>
    <row r="88" spans="1:13">
      <c r="A88" s="40" t="s">
        <v>91</v>
      </c>
      <c r="B88" s="21">
        <v>-41</v>
      </c>
      <c r="C88" s="22">
        <v>-30</v>
      </c>
      <c r="D88" s="23">
        <v>-11</v>
      </c>
      <c r="E88" s="21">
        <v>70</v>
      </c>
      <c r="F88" s="22">
        <v>47</v>
      </c>
      <c r="G88" s="23">
        <v>23</v>
      </c>
      <c r="H88" s="21">
        <v>350</v>
      </c>
      <c r="I88" s="22">
        <v>203</v>
      </c>
      <c r="J88" s="23">
        <v>147</v>
      </c>
      <c r="K88" s="21">
        <v>321</v>
      </c>
      <c r="L88" s="22">
        <v>186</v>
      </c>
      <c r="M88" s="23">
        <v>135</v>
      </c>
    </row>
    <row r="89" spans="1:13" ht="19.5" customHeight="1">
      <c r="A89" s="34" t="s">
        <v>92</v>
      </c>
      <c r="B89" s="17">
        <v>-540</v>
      </c>
      <c r="C89" s="18">
        <v>-380</v>
      </c>
      <c r="D89" s="19">
        <v>-160</v>
      </c>
      <c r="E89" s="17">
        <v>523</v>
      </c>
      <c r="F89" s="18">
        <v>363</v>
      </c>
      <c r="G89" s="19">
        <v>160</v>
      </c>
      <c r="H89" s="17">
        <v>1469</v>
      </c>
      <c r="I89" s="18">
        <v>854</v>
      </c>
      <c r="J89" s="19">
        <v>615</v>
      </c>
      <c r="K89" s="17">
        <v>1486</v>
      </c>
      <c r="L89" s="18">
        <v>871</v>
      </c>
      <c r="M89" s="19">
        <v>615</v>
      </c>
    </row>
    <row r="90" spans="1:13">
      <c r="A90" s="40" t="s">
        <v>93</v>
      </c>
      <c r="B90" s="21">
        <v>-106</v>
      </c>
      <c r="C90" s="22">
        <v>-52</v>
      </c>
      <c r="D90" s="23">
        <v>-54</v>
      </c>
      <c r="E90" s="21">
        <v>90</v>
      </c>
      <c r="F90" s="22">
        <v>64</v>
      </c>
      <c r="G90" s="23">
        <v>26</v>
      </c>
      <c r="H90" s="21">
        <v>369</v>
      </c>
      <c r="I90" s="22">
        <v>239</v>
      </c>
      <c r="J90" s="23">
        <v>130</v>
      </c>
      <c r="K90" s="21">
        <v>385</v>
      </c>
      <c r="L90" s="22">
        <v>227</v>
      </c>
      <c r="M90" s="23">
        <v>158</v>
      </c>
    </row>
    <row r="91" spans="1:13">
      <c r="A91" s="40" t="s">
        <v>94</v>
      </c>
      <c r="B91" s="21">
        <v>-104</v>
      </c>
      <c r="C91" s="22">
        <v>-69</v>
      </c>
      <c r="D91" s="23">
        <v>-35</v>
      </c>
      <c r="E91" s="21">
        <v>104</v>
      </c>
      <c r="F91" s="22">
        <v>74</v>
      </c>
      <c r="G91" s="23">
        <v>30</v>
      </c>
      <c r="H91" s="21">
        <v>296</v>
      </c>
      <c r="I91" s="22">
        <v>171</v>
      </c>
      <c r="J91" s="23">
        <v>125</v>
      </c>
      <c r="K91" s="21">
        <v>296</v>
      </c>
      <c r="L91" s="22">
        <v>166</v>
      </c>
      <c r="M91" s="23">
        <v>130</v>
      </c>
    </row>
    <row r="92" spans="1:13">
      <c r="A92" s="40" t="s">
        <v>95</v>
      </c>
      <c r="B92" s="21">
        <v>-107</v>
      </c>
      <c r="C92" s="22">
        <v>-79</v>
      </c>
      <c r="D92" s="23">
        <v>-28</v>
      </c>
      <c r="E92" s="21">
        <v>87</v>
      </c>
      <c r="F92" s="22">
        <v>57</v>
      </c>
      <c r="G92" s="23">
        <v>30</v>
      </c>
      <c r="H92" s="21">
        <v>266</v>
      </c>
      <c r="I92" s="22">
        <v>147</v>
      </c>
      <c r="J92" s="23">
        <v>119</v>
      </c>
      <c r="K92" s="21">
        <v>286</v>
      </c>
      <c r="L92" s="22">
        <v>169</v>
      </c>
      <c r="M92" s="23">
        <v>117</v>
      </c>
    </row>
    <row r="93" spans="1:13">
      <c r="A93" s="40" t="s">
        <v>96</v>
      </c>
      <c r="B93" s="21">
        <v>-111</v>
      </c>
      <c r="C93" s="22">
        <v>-89</v>
      </c>
      <c r="D93" s="23">
        <v>-22</v>
      </c>
      <c r="E93" s="21">
        <v>111</v>
      </c>
      <c r="F93" s="22">
        <v>79</v>
      </c>
      <c r="G93" s="23">
        <v>32</v>
      </c>
      <c r="H93" s="21">
        <v>260</v>
      </c>
      <c r="I93" s="22">
        <v>146</v>
      </c>
      <c r="J93" s="23">
        <v>114</v>
      </c>
      <c r="K93" s="21">
        <v>260</v>
      </c>
      <c r="L93" s="22">
        <v>156</v>
      </c>
      <c r="M93" s="23">
        <v>104</v>
      </c>
    </row>
    <row r="94" spans="1:13">
      <c r="A94" s="40" t="s">
        <v>97</v>
      </c>
      <c r="B94" s="21">
        <v>-112</v>
      </c>
      <c r="C94" s="22">
        <v>-91</v>
      </c>
      <c r="D94" s="23">
        <v>-21</v>
      </c>
      <c r="E94" s="21">
        <v>131</v>
      </c>
      <c r="F94" s="22">
        <v>89</v>
      </c>
      <c r="G94" s="23">
        <v>42</v>
      </c>
      <c r="H94" s="21">
        <v>278</v>
      </c>
      <c r="I94" s="22">
        <v>151</v>
      </c>
      <c r="J94" s="23">
        <v>127</v>
      </c>
      <c r="K94" s="21">
        <v>259</v>
      </c>
      <c r="L94" s="22">
        <v>153</v>
      </c>
      <c r="M94" s="23">
        <v>106</v>
      </c>
    </row>
    <row r="95" spans="1:13" ht="19.5" customHeight="1">
      <c r="A95" s="34" t="s">
        <v>98</v>
      </c>
      <c r="B95" s="17">
        <v>-834</v>
      </c>
      <c r="C95" s="18">
        <v>-603</v>
      </c>
      <c r="D95" s="19">
        <v>-231</v>
      </c>
      <c r="E95" s="17">
        <v>895</v>
      </c>
      <c r="F95" s="18">
        <v>616</v>
      </c>
      <c r="G95" s="19">
        <v>279</v>
      </c>
      <c r="H95" s="17">
        <v>1281</v>
      </c>
      <c r="I95" s="18">
        <v>684</v>
      </c>
      <c r="J95" s="19">
        <v>597</v>
      </c>
      <c r="K95" s="17">
        <v>1220</v>
      </c>
      <c r="L95" s="18">
        <v>671</v>
      </c>
      <c r="M95" s="19">
        <v>549</v>
      </c>
    </row>
    <row r="96" spans="1:13">
      <c r="A96" s="40" t="s">
        <v>99</v>
      </c>
      <c r="B96" s="21">
        <v>-84</v>
      </c>
      <c r="C96" s="22">
        <v>-67</v>
      </c>
      <c r="D96" s="23">
        <v>-17</v>
      </c>
      <c r="E96" s="21">
        <v>112</v>
      </c>
      <c r="F96" s="22">
        <v>75</v>
      </c>
      <c r="G96" s="23">
        <v>37</v>
      </c>
      <c r="H96" s="21">
        <v>279</v>
      </c>
      <c r="I96" s="22">
        <v>158</v>
      </c>
      <c r="J96" s="23">
        <v>121</v>
      </c>
      <c r="K96" s="21">
        <v>251</v>
      </c>
      <c r="L96" s="22">
        <v>150</v>
      </c>
      <c r="M96" s="23">
        <v>101</v>
      </c>
    </row>
    <row r="97" spans="1:13">
      <c r="A97" s="40" t="s">
        <v>100</v>
      </c>
      <c r="B97" s="21">
        <v>-138</v>
      </c>
      <c r="C97" s="22">
        <v>-75</v>
      </c>
      <c r="D97" s="23">
        <v>-63</v>
      </c>
      <c r="E97" s="21">
        <v>135</v>
      </c>
      <c r="F97" s="22">
        <v>89</v>
      </c>
      <c r="G97" s="23">
        <v>46</v>
      </c>
      <c r="H97" s="21">
        <v>229</v>
      </c>
      <c r="I97" s="22">
        <v>134</v>
      </c>
      <c r="J97" s="23">
        <v>95</v>
      </c>
      <c r="K97" s="21">
        <v>232</v>
      </c>
      <c r="L97" s="22">
        <v>120</v>
      </c>
      <c r="M97" s="23">
        <v>112</v>
      </c>
    </row>
    <row r="98" spans="1:13">
      <c r="A98" s="40" t="s">
        <v>101</v>
      </c>
      <c r="B98" s="21">
        <v>-180</v>
      </c>
      <c r="C98" s="22">
        <v>-144</v>
      </c>
      <c r="D98" s="23">
        <v>-36</v>
      </c>
      <c r="E98" s="21">
        <v>199</v>
      </c>
      <c r="F98" s="22">
        <v>133</v>
      </c>
      <c r="G98" s="23">
        <v>66</v>
      </c>
      <c r="H98" s="21">
        <v>240</v>
      </c>
      <c r="I98" s="22">
        <v>116</v>
      </c>
      <c r="J98" s="23">
        <v>124</v>
      </c>
      <c r="K98" s="21">
        <v>221</v>
      </c>
      <c r="L98" s="22">
        <v>127</v>
      </c>
      <c r="M98" s="23">
        <v>94</v>
      </c>
    </row>
    <row r="99" spans="1:13">
      <c r="A99" s="40" t="s">
        <v>102</v>
      </c>
      <c r="B99" s="21">
        <v>-203</v>
      </c>
      <c r="C99" s="22">
        <v>-158</v>
      </c>
      <c r="D99" s="23">
        <v>-45</v>
      </c>
      <c r="E99" s="21">
        <v>218</v>
      </c>
      <c r="F99" s="22">
        <v>163</v>
      </c>
      <c r="G99" s="23">
        <v>55</v>
      </c>
      <c r="H99" s="21">
        <v>259</v>
      </c>
      <c r="I99" s="22">
        <v>139</v>
      </c>
      <c r="J99" s="23">
        <v>120</v>
      </c>
      <c r="K99" s="21">
        <v>244</v>
      </c>
      <c r="L99" s="22">
        <v>134</v>
      </c>
      <c r="M99" s="23">
        <v>110</v>
      </c>
    </row>
    <row r="100" spans="1:13">
      <c r="A100" s="40" t="s">
        <v>103</v>
      </c>
      <c r="B100" s="21">
        <v>-229</v>
      </c>
      <c r="C100" s="22">
        <v>-159</v>
      </c>
      <c r="D100" s="23">
        <v>-70</v>
      </c>
      <c r="E100" s="21">
        <v>231</v>
      </c>
      <c r="F100" s="22">
        <v>156</v>
      </c>
      <c r="G100" s="23">
        <v>75</v>
      </c>
      <c r="H100" s="21">
        <v>274</v>
      </c>
      <c r="I100" s="22">
        <v>137</v>
      </c>
      <c r="J100" s="23">
        <v>137</v>
      </c>
      <c r="K100" s="21">
        <v>272</v>
      </c>
      <c r="L100" s="22">
        <v>140</v>
      </c>
      <c r="M100" s="23">
        <v>132</v>
      </c>
    </row>
    <row r="101" spans="1:13" ht="19.5" customHeight="1">
      <c r="A101" s="34" t="s">
        <v>104</v>
      </c>
      <c r="B101" s="17">
        <v>-1287</v>
      </c>
      <c r="C101" s="18">
        <v>-888</v>
      </c>
      <c r="D101" s="19">
        <v>-399</v>
      </c>
      <c r="E101" s="17">
        <v>1464</v>
      </c>
      <c r="F101" s="18">
        <v>976</v>
      </c>
      <c r="G101" s="19">
        <v>488</v>
      </c>
      <c r="H101" s="17">
        <v>1130</v>
      </c>
      <c r="I101" s="18">
        <v>551</v>
      </c>
      <c r="J101" s="19">
        <v>579</v>
      </c>
      <c r="K101" s="17">
        <v>953</v>
      </c>
      <c r="L101" s="18">
        <v>463</v>
      </c>
      <c r="M101" s="19">
        <v>490</v>
      </c>
    </row>
    <row r="102" spans="1:13">
      <c r="A102" s="40" t="s">
        <v>105</v>
      </c>
      <c r="B102" s="21">
        <v>-252</v>
      </c>
      <c r="C102" s="22">
        <v>-170</v>
      </c>
      <c r="D102" s="23">
        <v>-82</v>
      </c>
      <c r="E102" s="21">
        <v>289</v>
      </c>
      <c r="F102" s="22">
        <v>190</v>
      </c>
      <c r="G102" s="23">
        <v>99</v>
      </c>
      <c r="H102" s="21">
        <v>287</v>
      </c>
      <c r="I102" s="22">
        <v>146</v>
      </c>
      <c r="J102" s="23">
        <v>141</v>
      </c>
      <c r="K102" s="21">
        <v>250</v>
      </c>
      <c r="L102" s="22">
        <v>126</v>
      </c>
      <c r="M102" s="23">
        <v>124</v>
      </c>
    </row>
    <row r="103" spans="1:13">
      <c r="A103" s="40" t="s">
        <v>106</v>
      </c>
      <c r="B103" s="21">
        <v>-308</v>
      </c>
      <c r="C103" s="22">
        <v>-196</v>
      </c>
      <c r="D103" s="23">
        <v>-112</v>
      </c>
      <c r="E103" s="21">
        <v>342</v>
      </c>
      <c r="F103" s="22">
        <v>224</v>
      </c>
      <c r="G103" s="23">
        <v>118</v>
      </c>
      <c r="H103" s="21">
        <v>269</v>
      </c>
      <c r="I103" s="22">
        <v>136</v>
      </c>
      <c r="J103" s="23">
        <v>133</v>
      </c>
      <c r="K103" s="21">
        <v>235</v>
      </c>
      <c r="L103" s="22">
        <v>108</v>
      </c>
      <c r="M103" s="23">
        <v>127</v>
      </c>
    </row>
    <row r="104" spans="1:13">
      <c r="A104" s="40" t="s">
        <v>107</v>
      </c>
      <c r="B104" s="21">
        <v>-263</v>
      </c>
      <c r="C104" s="22">
        <v>-195</v>
      </c>
      <c r="D104" s="23">
        <v>-68</v>
      </c>
      <c r="E104" s="21">
        <v>309</v>
      </c>
      <c r="F104" s="22">
        <v>211</v>
      </c>
      <c r="G104" s="23">
        <v>98</v>
      </c>
      <c r="H104" s="21">
        <v>247</v>
      </c>
      <c r="I104" s="22">
        <v>117</v>
      </c>
      <c r="J104" s="23">
        <v>130</v>
      </c>
      <c r="K104" s="21">
        <v>201</v>
      </c>
      <c r="L104" s="22">
        <v>101</v>
      </c>
      <c r="M104" s="23">
        <v>100</v>
      </c>
    </row>
    <row r="105" spans="1:13">
      <c r="A105" s="40" t="s">
        <v>108</v>
      </c>
      <c r="B105" s="21">
        <v>-204</v>
      </c>
      <c r="C105" s="22">
        <v>-138</v>
      </c>
      <c r="D105" s="23">
        <v>-66</v>
      </c>
      <c r="E105" s="21">
        <v>242</v>
      </c>
      <c r="F105" s="22">
        <v>158</v>
      </c>
      <c r="G105" s="23">
        <v>84</v>
      </c>
      <c r="H105" s="21">
        <v>163</v>
      </c>
      <c r="I105" s="22">
        <v>80</v>
      </c>
      <c r="J105" s="23">
        <v>83</v>
      </c>
      <c r="K105" s="21">
        <v>125</v>
      </c>
      <c r="L105" s="22">
        <v>60</v>
      </c>
      <c r="M105" s="23">
        <v>65</v>
      </c>
    </row>
    <row r="106" spans="1:13">
      <c r="A106" s="40" t="s">
        <v>109</v>
      </c>
      <c r="B106" s="21">
        <v>-260</v>
      </c>
      <c r="C106" s="22">
        <v>-189</v>
      </c>
      <c r="D106" s="23">
        <v>-71</v>
      </c>
      <c r="E106" s="21">
        <v>282</v>
      </c>
      <c r="F106" s="22">
        <v>193</v>
      </c>
      <c r="G106" s="23">
        <v>89</v>
      </c>
      <c r="H106" s="21">
        <v>164</v>
      </c>
      <c r="I106" s="22">
        <v>72</v>
      </c>
      <c r="J106" s="23">
        <v>92</v>
      </c>
      <c r="K106" s="21">
        <v>142</v>
      </c>
      <c r="L106" s="22">
        <v>68</v>
      </c>
      <c r="M106" s="23">
        <v>74</v>
      </c>
    </row>
    <row r="107" spans="1:13" ht="19.5" customHeight="1">
      <c r="A107" s="34" t="s">
        <v>110</v>
      </c>
      <c r="B107" s="17">
        <v>-1987</v>
      </c>
      <c r="C107" s="18">
        <v>-1331</v>
      </c>
      <c r="D107" s="19">
        <v>-656</v>
      </c>
      <c r="E107" s="17">
        <v>2118</v>
      </c>
      <c r="F107" s="18">
        <v>1373</v>
      </c>
      <c r="G107" s="19">
        <v>745</v>
      </c>
      <c r="H107" s="17">
        <v>903</v>
      </c>
      <c r="I107" s="18">
        <v>397</v>
      </c>
      <c r="J107" s="19">
        <v>506</v>
      </c>
      <c r="K107" s="17">
        <v>772</v>
      </c>
      <c r="L107" s="18">
        <v>355</v>
      </c>
      <c r="M107" s="19">
        <v>417</v>
      </c>
    </row>
    <row r="108" spans="1:13">
      <c r="A108" s="40" t="s">
        <v>111</v>
      </c>
      <c r="B108" s="21">
        <v>-383</v>
      </c>
      <c r="C108" s="22">
        <v>-257</v>
      </c>
      <c r="D108" s="23">
        <v>-126</v>
      </c>
      <c r="E108" s="21">
        <v>383</v>
      </c>
      <c r="F108" s="22">
        <v>252</v>
      </c>
      <c r="G108" s="23">
        <v>131</v>
      </c>
      <c r="H108" s="21">
        <v>178</v>
      </c>
      <c r="I108" s="22">
        <v>75</v>
      </c>
      <c r="J108" s="23">
        <v>103</v>
      </c>
      <c r="K108" s="21">
        <v>178</v>
      </c>
      <c r="L108" s="22">
        <v>80</v>
      </c>
      <c r="M108" s="23">
        <v>98</v>
      </c>
    </row>
    <row r="109" spans="1:13">
      <c r="A109" s="40" t="s">
        <v>112</v>
      </c>
      <c r="B109" s="21">
        <v>-369</v>
      </c>
      <c r="C109" s="22">
        <v>-266</v>
      </c>
      <c r="D109" s="23">
        <v>-103</v>
      </c>
      <c r="E109" s="21">
        <v>409</v>
      </c>
      <c r="F109" s="22">
        <v>280</v>
      </c>
      <c r="G109" s="23">
        <v>129</v>
      </c>
      <c r="H109" s="21">
        <v>200</v>
      </c>
      <c r="I109" s="22">
        <v>101</v>
      </c>
      <c r="J109" s="23">
        <v>99</v>
      </c>
      <c r="K109" s="21">
        <v>160</v>
      </c>
      <c r="L109" s="22">
        <v>87</v>
      </c>
      <c r="M109" s="23">
        <v>73</v>
      </c>
    </row>
    <row r="110" spans="1:13">
      <c r="A110" s="40" t="s">
        <v>113</v>
      </c>
      <c r="B110" s="21">
        <v>-412</v>
      </c>
      <c r="C110" s="22">
        <v>-281</v>
      </c>
      <c r="D110" s="23">
        <v>-131</v>
      </c>
      <c r="E110" s="21">
        <v>420</v>
      </c>
      <c r="F110" s="22">
        <v>280</v>
      </c>
      <c r="G110" s="23">
        <v>140</v>
      </c>
      <c r="H110" s="21">
        <v>161</v>
      </c>
      <c r="I110" s="22">
        <v>63</v>
      </c>
      <c r="J110" s="23">
        <v>98</v>
      </c>
      <c r="K110" s="21">
        <v>153</v>
      </c>
      <c r="L110" s="22">
        <v>64</v>
      </c>
      <c r="M110" s="23">
        <v>89</v>
      </c>
    </row>
    <row r="111" spans="1:13">
      <c r="A111" s="40" t="s">
        <v>114</v>
      </c>
      <c r="B111" s="21">
        <v>-402</v>
      </c>
      <c r="C111" s="22">
        <v>-252</v>
      </c>
      <c r="D111" s="23">
        <v>-150</v>
      </c>
      <c r="E111" s="21">
        <v>446</v>
      </c>
      <c r="F111" s="22">
        <v>271</v>
      </c>
      <c r="G111" s="23">
        <v>175</v>
      </c>
      <c r="H111" s="21">
        <v>188</v>
      </c>
      <c r="I111" s="22">
        <v>83</v>
      </c>
      <c r="J111" s="23">
        <v>105</v>
      </c>
      <c r="K111" s="21">
        <v>144</v>
      </c>
      <c r="L111" s="22">
        <v>64</v>
      </c>
      <c r="M111" s="23">
        <v>80</v>
      </c>
    </row>
    <row r="112" spans="1:13">
      <c r="A112" s="40" t="s">
        <v>115</v>
      </c>
      <c r="B112" s="21">
        <v>-421</v>
      </c>
      <c r="C112" s="22">
        <v>-275</v>
      </c>
      <c r="D112" s="23">
        <v>-146</v>
      </c>
      <c r="E112" s="21">
        <v>460</v>
      </c>
      <c r="F112" s="22">
        <v>290</v>
      </c>
      <c r="G112" s="23">
        <v>170</v>
      </c>
      <c r="H112" s="21">
        <v>176</v>
      </c>
      <c r="I112" s="22">
        <v>75</v>
      </c>
      <c r="J112" s="23">
        <v>101</v>
      </c>
      <c r="K112" s="21">
        <v>137</v>
      </c>
      <c r="L112" s="22">
        <v>60</v>
      </c>
      <c r="M112" s="23">
        <v>77</v>
      </c>
    </row>
    <row r="113" spans="1:13" ht="19.5" customHeight="1">
      <c r="A113" s="34" t="s">
        <v>116</v>
      </c>
      <c r="B113" s="17">
        <v>-2253</v>
      </c>
      <c r="C113" s="18">
        <v>-1399</v>
      </c>
      <c r="D113" s="19">
        <v>-854</v>
      </c>
      <c r="E113" s="17">
        <v>2412</v>
      </c>
      <c r="F113" s="18">
        <v>1443</v>
      </c>
      <c r="G113" s="19">
        <v>969</v>
      </c>
      <c r="H113" s="17">
        <v>799</v>
      </c>
      <c r="I113" s="18">
        <v>273</v>
      </c>
      <c r="J113" s="19">
        <v>526</v>
      </c>
      <c r="K113" s="17">
        <v>640</v>
      </c>
      <c r="L113" s="18">
        <v>229</v>
      </c>
      <c r="M113" s="19">
        <v>411</v>
      </c>
    </row>
    <row r="114" spans="1:13">
      <c r="A114" s="40" t="s">
        <v>117</v>
      </c>
      <c r="B114" s="21">
        <v>-368</v>
      </c>
      <c r="C114" s="22">
        <v>-263</v>
      </c>
      <c r="D114" s="23">
        <v>-105</v>
      </c>
      <c r="E114" s="21">
        <v>394</v>
      </c>
      <c r="F114" s="22">
        <v>263</v>
      </c>
      <c r="G114" s="23">
        <v>131</v>
      </c>
      <c r="H114" s="21">
        <v>157</v>
      </c>
      <c r="I114" s="22">
        <v>55</v>
      </c>
      <c r="J114" s="23">
        <v>102</v>
      </c>
      <c r="K114" s="21">
        <v>131</v>
      </c>
      <c r="L114" s="22">
        <v>55</v>
      </c>
      <c r="M114" s="23">
        <v>76</v>
      </c>
    </row>
    <row r="115" spans="1:13">
      <c r="A115" s="40" t="s">
        <v>118</v>
      </c>
      <c r="B115" s="21">
        <v>-450</v>
      </c>
      <c r="C115" s="22">
        <v>-285</v>
      </c>
      <c r="D115" s="23">
        <v>-165</v>
      </c>
      <c r="E115" s="21">
        <v>483</v>
      </c>
      <c r="F115" s="22">
        <v>298</v>
      </c>
      <c r="G115" s="23">
        <v>185</v>
      </c>
      <c r="H115" s="21">
        <v>156</v>
      </c>
      <c r="I115" s="22">
        <v>51</v>
      </c>
      <c r="J115" s="23">
        <v>105</v>
      </c>
      <c r="K115" s="21">
        <v>123</v>
      </c>
      <c r="L115" s="22">
        <v>38</v>
      </c>
      <c r="M115" s="23">
        <v>85</v>
      </c>
    </row>
    <row r="116" spans="1:13">
      <c r="A116" s="40" t="s">
        <v>119</v>
      </c>
      <c r="B116" s="21">
        <v>-490</v>
      </c>
      <c r="C116" s="22">
        <v>-295</v>
      </c>
      <c r="D116" s="23">
        <v>-195</v>
      </c>
      <c r="E116" s="21">
        <v>527</v>
      </c>
      <c r="F116" s="22">
        <v>313</v>
      </c>
      <c r="G116" s="23">
        <v>214</v>
      </c>
      <c r="H116" s="21">
        <v>161</v>
      </c>
      <c r="I116" s="22">
        <v>65</v>
      </c>
      <c r="J116" s="23">
        <v>96</v>
      </c>
      <c r="K116" s="21">
        <v>124</v>
      </c>
      <c r="L116" s="22">
        <v>47</v>
      </c>
      <c r="M116" s="23">
        <v>77</v>
      </c>
    </row>
    <row r="117" spans="1:13">
      <c r="A117" s="40" t="s">
        <v>120</v>
      </c>
      <c r="B117" s="21">
        <v>-467</v>
      </c>
      <c r="C117" s="22">
        <v>-288</v>
      </c>
      <c r="D117" s="23">
        <v>-179</v>
      </c>
      <c r="E117" s="21">
        <v>493</v>
      </c>
      <c r="F117" s="22">
        <v>291</v>
      </c>
      <c r="G117" s="23">
        <v>202</v>
      </c>
      <c r="H117" s="21">
        <v>172</v>
      </c>
      <c r="I117" s="22">
        <v>52</v>
      </c>
      <c r="J117" s="23">
        <v>120</v>
      </c>
      <c r="K117" s="21">
        <v>146</v>
      </c>
      <c r="L117" s="22">
        <v>49</v>
      </c>
      <c r="M117" s="23">
        <v>97</v>
      </c>
    </row>
    <row r="118" spans="1:13">
      <c r="A118" s="40" t="s">
        <v>121</v>
      </c>
      <c r="B118" s="21">
        <v>-478</v>
      </c>
      <c r="C118" s="22">
        <v>-268</v>
      </c>
      <c r="D118" s="23">
        <v>-210</v>
      </c>
      <c r="E118" s="21">
        <v>515</v>
      </c>
      <c r="F118" s="22">
        <v>278</v>
      </c>
      <c r="G118" s="23">
        <v>237</v>
      </c>
      <c r="H118" s="21">
        <v>153</v>
      </c>
      <c r="I118" s="22">
        <v>50</v>
      </c>
      <c r="J118" s="23">
        <v>103</v>
      </c>
      <c r="K118" s="21">
        <v>116</v>
      </c>
      <c r="L118" s="22">
        <v>40</v>
      </c>
      <c r="M118" s="23">
        <v>76</v>
      </c>
    </row>
    <row r="119" spans="1:13" ht="19.5" customHeight="1">
      <c r="A119" s="34" t="s">
        <v>122</v>
      </c>
      <c r="B119" s="17">
        <v>-2291</v>
      </c>
      <c r="C119" s="18">
        <v>-1212</v>
      </c>
      <c r="D119" s="19">
        <v>-1079</v>
      </c>
      <c r="E119" s="17">
        <v>2487</v>
      </c>
      <c r="F119" s="18">
        <v>1240</v>
      </c>
      <c r="G119" s="19">
        <v>1247</v>
      </c>
      <c r="H119" s="17">
        <v>684</v>
      </c>
      <c r="I119" s="18">
        <v>193</v>
      </c>
      <c r="J119" s="19">
        <v>491</v>
      </c>
      <c r="K119" s="17">
        <v>488</v>
      </c>
      <c r="L119" s="18">
        <v>165</v>
      </c>
      <c r="M119" s="19">
        <v>323</v>
      </c>
    </row>
    <row r="120" spans="1:13">
      <c r="A120" s="40" t="s">
        <v>123</v>
      </c>
      <c r="B120" s="21">
        <v>-458</v>
      </c>
      <c r="C120" s="22">
        <v>-246</v>
      </c>
      <c r="D120" s="23">
        <v>-212</v>
      </c>
      <c r="E120" s="21">
        <v>510</v>
      </c>
      <c r="F120" s="22">
        <v>255</v>
      </c>
      <c r="G120" s="23">
        <v>255</v>
      </c>
      <c r="H120" s="21">
        <v>170</v>
      </c>
      <c r="I120" s="22">
        <v>55</v>
      </c>
      <c r="J120" s="23">
        <v>115</v>
      </c>
      <c r="K120" s="21">
        <v>118</v>
      </c>
      <c r="L120" s="22">
        <v>46</v>
      </c>
      <c r="M120" s="23">
        <v>72</v>
      </c>
    </row>
    <row r="121" spans="1:13">
      <c r="A121" s="40" t="s">
        <v>124</v>
      </c>
      <c r="B121" s="21">
        <v>-527</v>
      </c>
      <c r="C121" s="22">
        <v>-302</v>
      </c>
      <c r="D121" s="23">
        <v>-225</v>
      </c>
      <c r="E121" s="21">
        <v>549</v>
      </c>
      <c r="F121" s="22">
        <v>297</v>
      </c>
      <c r="G121" s="23">
        <v>252</v>
      </c>
      <c r="H121" s="21">
        <v>124</v>
      </c>
      <c r="I121" s="22">
        <v>34</v>
      </c>
      <c r="J121" s="23">
        <v>90</v>
      </c>
      <c r="K121" s="21">
        <v>102</v>
      </c>
      <c r="L121" s="22">
        <v>39</v>
      </c>
      <c r="M121" s="23">
        <v>63</v>
      </c>
    </row>
    <row r="122" spans="1:13">
      <c r="A122" s="40" t="s">
        <v>125</v>
      </c>
      <c r="B122" s="21">
        <v>-456</v>
      </c>
      <c r="C122" s="22">
        <v>-222</v>
      </c>
      <c r="D122" s="23">
        <v>-234</v>
      </c>
      <c r="E122" s="21">
        <v>495</v>
      </c>
      <c r="F122" s="22">
        <v>238</v>
      </c>
      <c r="G122" s="23">
        <v>257</v>
      </c>
      <c r="H122" s="21">
        <v>144</v>
      </c>
      <c r="I122" s="22">
        <v>46</v>
      </c>
      <c r="J122" s="23">
        <v>98</v>
      </c>
      <c r="K122" s="21">
        <v>105</v>
      </c>
      <c r="L122" s="22">
        <v>30</v>
      </c>
      <c r="M122" s="23">
        <v>75</v>
      </c>
    </row>
    <row r="123" spans="1:13">
      <c r="A123" s="40" t="s">
        <v>126</v>
      </c>
      <c r="B123" s="21">
        <v>-456</v>
      </c>
      <c r="C123" s="22">
        <v>-254</v>
      </c>
      <c r="D123" s="23">
        <v>-202</v>
      </c>
      <c r="E123" s="21">
        <v>498</v>
      </c>
      <c r="F123" s="22">
        <v>251</v>
      </c>
      <c r="G123" s="23">
        <v>247</v>
      </c>
      <c r="H123" s="21">
        <v>126</v>
      </c>
      <c r="I123" s="22">
        <v>27</v>
      </c>
      <c r="J123" s="23">
        <v>99</v>
      </c>
      <c r="K123" s="21">
        <v>84</v>
      </c>
      <c r="L123" s="22">
        <v>30</v>
      </c>
      <c r="M123" s="23">
        <v>54</v>
      </c>
    </row>
    <row r="124" spans="1:13">
      <c r="A124" s="40" t="s">
        <v>127</v>
      </c>
      <c r="B124" s="21">
        <v>-394</v>
      </c>
      <c r="C124" s="22">
        <v>-188</v>
      </c>
      <c r="D124" s="23">
        <v>-206</v>
      </c>
      <c r="E124" s="21">
        <v>435</v>
      </c>
      <c r="F124" s="22">
        <v>199</v>
      </c>
      <c r="G124" s="23">
        <v>236</v>
      </c>
      <c r="H124" s="21">
        <v>120</v>
      </c>
      <c r="I124" s="22">
        <v>31</v>
      </c>
      <c r="J124" s="23">
        <v>89</v>
      </c>
      <c r="K124" s="21">
        <v>79</v>
      </c>
      <c r="L124" s="22">
        <v>20</v>
      </c>
      <c r="M124" s="23">
        <v>59</v>
      </c>
    </row>
    <row r="125" spans="1:13" ht="19.5" customHeight="1">
      <c r="A125" s="34" t="s">
        <v>128</v>
      </c>
      <c r="B125" s="17">
        <v>-1797</v>
      </c>
      <c r="C125" s="18">
        <v>-700</v>
      </c>
      <c r="D125" s="19">
        <v>-1097</v>
      </c>
      <c r="E125" s="17">
        <v>1900</v>
      </c>
      <c r="F125" s="18">
        <v>721</v>
      </c>
      <c r="G125" s="19">
        <v>1179</v>
      </c>
      <c r="H125" s="17">
        <v>322</v>
      </c>
      <c r="I125" s="18">
        <v>82</v>
      </c>
      <c r="J125" s="19">
        <v>240</v>
      </c>
      <c r="K125" s="17">
        <v>219</v>
      </c>
      <c r="L125" s="18">
        <v>61</v>
      </c>
      <c r="M125" s="19">
        <v>158</v>
      </c>
    </row>
    <row r="126" spans="1:13">
      <c r="A126" s="40" t="s">
        <v>129</v>
      </c>
      <c r="B126" s="21">
        <v>-458</v>
      </c>
      <c r="C126" s="22">
        <v>-204</v>
      </c>
      <c r="D126" s="23">
        <v>-254</v>
      </c>
      <c r="E126" s="21">
        <v>465</v>
      </c>
      <c r="F126" s="22">
        <v>200</v>
      </c>
      <c r="G126" s="23">
        <v>265</v>
      </c>
      <c r="H126" s="21">
        <v>78</v>
      </c>
      <c r="I126" s="22">
        <v>18</v>
      </c>
      <c r="J126" s="23">
        <v>60</v>
      </c>
      <c r="K126" s="21">
        <v>71</v>
      </c>
      <c r="L126" s="22">
        <v>22</v>
      </c>
      <c r="M126" s="23">
        <v>49</v>
      </c>
    </row>
    <row r="127" spans="1:13">
      <c r="A127" s="40" t="s">
        <v>130</v>
      </c>
      <c r="B127" s="21">
        <v>-414</v>
      </c>
      <c r="C127" s="22">
        <v>-154</v>
      </c>
      <c r="D127" s="23">
        <v>-260</v>
      </c>
      <c r="E127" s="21">
        <v>453</v>
      </c>
      <c r="F127" s="22">
        <v>169</v>
      </c>
      <c r="G127" s="23">
        <v>284</v>
      </c>
      <c r="H127" s="21">
        <v>90</v>
      </c>
      <c r="I127" s="22">
        <v>28</v>
      </c>
      <c r="J127" s="23">
        <v>62</v>
      </c>
      <c r="K127" s="21">
        <v>51</v>
      </c>
      <c r="L127" s="22">
        <v>13</v>
      </c>
      <c r="M127" s="23">
        <v>38</v>
      </c>
    </row>
    <row r="128" spans="1:13">
      <c r="A128" s="40" t="s">
        <v>131</v>
      </c>
      <c r="B128" s="21">
        <v>-346</v>
      </c>
      <c r="C128" s="22">
        <v>-152</v>
      </c>
      <c r="D128" s="23">
        <v>-194</v>
      </c>
      <c r="E128" s="21">
        <v>363</v>
      </c>
      <c r="F128" s="22">
        <v>158</v>
      </c>
      <c r="G128" s="23">
        <v>205</v>
      </c>
      <c r="H128" s="21">
        <v>58</v>
      </c>
      <c r="I128" s="22">
        <v>18</v>
      </c>
      <c r="J128" s="23">
        <v>40</v>
      </c>
      <c r="K128" s="21">
        <v>41</v>
      </c>
      <c r="L128" s="22">
        <v>12</v>
      </c>
      <c r="M128" s="23">
        <v>29</v>
      </c>
    </row>
    <row r="129" spans="1:13">
      <c r="A129" s="40" t="s">
        <v>132</v>
      </c>
      <c r="B129" s="21">
        <v>-290</v>
      </c>
      <c r="C129" s="22">
        <v>-105</v>
      </c>
      <c r="D129" s="23">
        <v>-185</v>
      </c>
      <c r="E129" s="21">
        <v>313</v>
      </c>
      <c r="F129" s="22">
        <v>106</v>
      </c>
      <c r="G129" s="23">
        <v>207</v>
      </c>
      <c r="H129" s="21">
        <v>51</v>
      </c>
      <c r="I129" s="22">
        <v>10</v>
      </c>
      <c r="J129" s="23">
        <v>41</v>
      </c>
      <c r="K129" s="21">
        <v>28</v>
      </c>
      <c r="L129" s="22">
        <v>9</v>
      </c>
      <c r="M129" s="23">
        <v>19</v>
      </c>
    </row>
    <row r="130" spans="1:13">
      <c r="A130" s="40" t="s">
        <v>133</v>
      </c>
      <c r="B130" s="21">
        <v>-289</v>
      </c>
      <c r="C130" s="22">
        <v>-85</v>
      </c>
      <c r="D130" s="23">
        <v>-204</v>
      </c>
      <c r="E130" s="21">
        <v>306</v>
      </c>
      <c r="F130" s="22">
        <v>88</v>
      </c>
      <c r="G130" s="23">
        <v>218</v>
      </c>
      <c r="H130" s="21">
        <v>45</v>
      </c>
      <c r="I130" s="22">
        <v>8</v>
      </c>
      <c r="J130" s="23">
        <v>37</v>
      </c>
      <c r="K130" s="21">
        <v>28</v>
      </c>
      <c r="L130" s="22">
        <v>5</v>
      </c>
      <c r="M130" s="23">
        <v>23</v>
      </c>
    </row>
    <row r="131" spans="1:13" ht="19.5" customHeight="1">
      <c r="A131" s="34" t="s">
        <v>134</v>
      </c>
      <c r="B131" s="17">
        <v>-876</v>
      </c>
      <c r="C131" s="18">
        <v>-209</v>
      </c>
      <c r="D131" s="19">
        <v>-667</v>
      </c>
      <c r="E131" s="17">
        <v>910</v>
      </c>
      <c r="F131" s="18">
        <v>217</v>
      </c>
      <c r="G131" s="19">
        <v>693</v>
      </c>
      <c r="H131" s="17">
        <v>112</v>
      </c>
      <c r="I131" s="18">
        <v>22</v>
      </c>
      <c r="J131" s="19">
        <v>90</v>
      </c>
      <c r="K131" s="17">
        <v>78</v>
      </c>
      <c r="L131" s="18">
        <v>14</v>
      </c>
      <c r="M131" s="19">
        <v>64</v>
      </c>
    </row>
    <row r="132" spans="1:13">
      <c r="A132" s="40" t="s">
        <v>135</v>
      </c>
      <c r="B132" s="21">
        <v>-246</v>
      </c>
      <c r="C132" s="22">
        <v>-65</v>
      </c>
      <c r="D132" s="23">
        <v>-181</v>
      </c>
      <c r="E132" s="21">
        <v>257</v>
      </c>
      <c r="F132" s="22">
        <v>67</v>
      </c>
      <c r="G132" s="23">
        <v>190</v>
      </c>
      <c r="H132" s="21">
        <v>40</v>
      </c>
      <c r="I132" s="22">
        <v>8</v>
      </c>
      <c r="J132" s="23">
        <v>32</v>
      </c>
      <c r="K132" s="21">
        <v>29</v>
      </c>
      <c r="L132" s="22">
        <v>6</v>
      </c>
      <c r="M132" s="23">
        <v>23</v>
      </c>
    </row>
    <row r="133" spans="1:13">
      <c r="A133" s="40" t="s">
        <v>136</v>
      </c>
      <c r="B133" s="21">
        <v>-184</v>
      </c>
      <c r="C133" s="22">
        <v>-35</v>
      </c>
      <c r="D133" s="23">
        <v>-149</v>
      </c>
      <c r="E133" s="21">
        <v>203</v>
      </c>
      <c r="F133" s="22">
        <v>43</v>
      </c>
      <c r="G133" s="23">
        <v>160</v>
      </c>
      <c r="H133" s="21">
        <v>37</v>
      </c>
      <c r="I133" s="22">
        <v>11</v>
      </c>
      <c r="J133" s="23">
        <v>26</v>
      </c>
      <c r="K133" s="21">
        <v>18</v>
      </c>
      <c r="L133" s="22">
        <v>3</v>
      </c>
      <c r="M133" s="23">
        <v>15</v>
      </c>
    </row>
    <row r="134" spans="1:13">
      <c r="A134" s="40" t="s">
        <v>137</v>
      </c>
      <c r="B134" s="21">
        <v>-182</v>
      </c>
      <c r="C134" s="22">
        <v>-45</v>
      </c>
      <c r="D134" s="23">
        <v>-137</v>
      </c>
      <c r="E134" s="21">
        <v>186</v>
      </c>
      <c r="F134" s="22">
        <v>44</v>
      </c>
      <c r="G134" s="23">
        <v>142</v>
      </c>
      <c r="H134" s="21">
        <v>16</v>
      </c>
      <c r="I134" s="22">
        <v>2</v>
      </c>
      <c r="J134" s="23">
        <v>14</v>
      </c>
      <c r="K134" s="21">
        <v>12</v>
      </c>
      <c r="L134" s="22">
        <v>3</v>
      </c>
      <c r="M134" s="23">
        <v>9</v>
      </c>
    </row>
    <row r="135" spans="1:13">
      <c r="A135" s="40" t="s">
        <v>138</v>
      </c>
      <c r="B135" s="21">
        <v>-150</v>
      </c>
      <c r="C135" s="22">
        <v>-35</v>
      </c>
      <c r="D135" s="23">
        <v>-115</v>
      </c>
      <c r="E135" s="21">
        <v>145</v>
      </c>
      <c r="F135" s="22">
        <v>33</v>
      </c>
      <c r="G135" s="23">
        <v>112</v>
      </c>
      <c r="H135" s="21">
        <v>6</v>
      </c>
      <c r="I135" s="22">
        <v>0</v>
      </c>
      <c r="J135" s="23">
        <v>6</v>
      </c>
      <c r="K135" s="21">
        <v>11</v>
      </c>
      <c r="L135" s="22">
        <v>2</v>
      </c>
      <c r="M135" s="23">
        <v>9</v>
      </c>
    </row>
    <row r="136" spans="1:13">
      <c r="A136" s="40" t="s">
        <v>139</v>
      </c>
      <c r="B136" s="21">
        <v>-114</v>
      </c>
      <c r="C136" s="22">
        <v>-29</v>
      </c>
      <c r="D136" s="23">
        <v>-85</v>
      </c>
      <c r="E136" s="21">
        <v>119</v>
      </c>
      <c r="F136" s="22">
        <v>30</v>
      </c>
      <c r="G136" s="23">
        <v>89</v>
      </c>
      <c r="H136" s="21">
        <v>13</v>
      </c>
      <c r="I136" s="22">
        <v>1</v>
      </c>
      <c r="J136" s="23">
        <v>12</v>
      </c>
      <c r="K136" s="21">
        <v>8</v>
      </c>
      <c r="L136" s="22">
        <v>0</v>
      </c>
      <c r="M136" s="23">
        <v>8</v>
      </c>
    </row>
    <row r="137" spans="1:13" ht="19.5" customHeight="1">
      <c r="A137" s="41" t="s">
        <v>140</v>
      </c>
      <c r="B137" s="42">
        <v>-237</v>
      </c>
      <c r="C137" s="43">
        <v>-32</v>
      </c>
      <c r="D137" s="44">
        <v>-205</v>
      </c>
      <c r="E137" s="42">
        <v>242</v>
      </c>
      <c r="F137" s="43">
        <v>34</v>
      </c>
      <c r="G137" s="44">
        <v>208</v>
      </c>
      <c r="H137" s="42">
        <v>13</v>
      </c>
      <c r="I137" s="43">
        <v>3</v>
      </c>
      <c r="J137" s="44">
        <v>10</v>
      </c>
      <c r="K137" s="42">
        <v>8</v>
      </c>
      <c r="L137" s="43">
        <v>1</v>
      </c>
      <c r="M137" s="44">
        <v>7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9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78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80" t="s">
        <v>3</v>
      </c>
      <c r="B3" s="94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46" t="s">
        <v>9</v>
      </c>
      <c r="C4" s="10" t="s">
        <v>10</v>
      </c>
      <c r="D4" s="45" t="s">
        <v>11</v>
      </c>
      <c r="E4" s="45" t="s">
        <v>9</v>
      </c>
      <c r="F4" s="45" t="s">
        <v>10</v>
      </c>
      <c r="G4" s="45" t="s">
        <v>11</v>
      </c>
      <c r="H4" s="45" t="s">
        <v>9</v>
      </c>
      <c r="I4" s="45" t="s">
        <v>10</v>
      </c>
      <c r="J4" s="45" t="s">
        <v>11</v>
      </c>
      <c r="K4" s="45" t="s">
        <v>9</v>
      </c>
      <c r="L4" s="45" t="s">
        <v>10</v>
      </c>
      <c r="M4" s="10" t="s">
        <v>11</v>
      </c>
    </row>
    <row r="5" spans="1:13" ht="20.100000000000001" customHeight="1">
      <c r="A5" s="12" t="s">
        <v>12</v>
      </c>
      <c r="B5" s="18">
        <v>-67</v>
      </c>
      <c r="C5" s="18">
        <v>-213</v>
      </c>
      <c r="D5" s="15">
        <v>146</v>
      </c>
      <c r="E5" s="18">
        <v>6533</v>
      </c>
      <c r="F5" s="18">
        <v>3605</v>
      </c>
      <c r="G5" s="15">
        <v>2928</v>
      </c>
      <c r="H5" s="18">
        <v>35048</v>
      </c>
      <c r="I5" s="18">
        <v>18534</v>
      </c>
      <c r="J5" s="15">
        <v>16514</v>
      </c>
      <c r="K5" s="18">
        <v>33297</v>
      </c>
      <c r="L5" s="18">
        <v>17534</v>
      </c>
      <c r="M5" s="15">
        <v>15763</v>
      </c>
    </row>
    <row r="6" spans="1:13" ht="19.5" customHeight="1">
      <c r="A6" s="16" t="s">
        <v>13</v>
      </c>
      <c r="B6" s="18">
        <v>4720</v>
      </c>
      <c r="C6" s="18">
        <v>2407</v>
      </c>
      <c r="D6" s="19">
        <v>2313</v>
      </c>
      <c r="E6" s="18">
        <v>11</v>
      </c>
      <c r="F6" s="18">
        <v>6</v>
      </c>
      <c r="G6" s="19">
        <v>5</v>
      </c>
      <c r="H6" s="18">
        <v>1741</v>
      </c>
      <c r="I6" s="18">
        <v>888</v>
      </c>
      <c r="J6" s="19">
        <v>853</v>
      </c>
      <c r="K6" s="17">
        <v>1725</v>
      </c>
      <c r="L6" s="18">
        <v>867</v>
      </c>
      <c r="M6" s="19">
        <v>858</v>
      </c>
    </row>
    <row r="7" spans="1:13">
      <c r="A7" s="20" t="s">
        <v>14</v>
      </c>
      <c r="B7" s="21">
        <v>4737</v>
      </c>
      <c r="C7" s="22">
        <v>2424</v>
      </c>
      <c r="D7" s="22">
        <v>2313</v>
      </c>
      <c r="E7" s="21">
        <v>6</v>
      </c>
      <c r="F7" s="22">
        <v>4</v>
      </c>
      <c r="G7" s="23">
        <v>2</v>
      </c>
      <c r="H7" s="21">
        <v>317</v>
      </c>
      <c r="I7" s="22">
        <v>174</v>
      </c>
      <c r="J7" s="23">
        <v>143</v>
      </c>
      <c r="K7" s="21">
        <v>289</v>
      </c>
      <c r="L7" s="22">
        <v>138</v>
      </c>
      <c r="M7" s="23">
        <v>151</v>
      </c>
    </row>
    <row r="8" spans="1:13">
      <c r="A8" s="20" t="s">
        <v>15</v>
      </c>
      <c r="B8" s="81">
        <v>10</v>
      </c>
      <c r="C8" s="81">
        <v>-9</v>
      </c>
      <c r="D8" s="82">
        <v>19</v>
      </c>
      <c r="E8" s="81">
        <v>2</v>
      </c>
      <c r="F8" s="81">
        <v>1</v>
      </c>
      <c r="G8" s="82">
        <v>1</v>
      </c>
      <c r="H8" s="81">
        <v>497</v>
      </c>
      <c r="I8" s="81">
        <v>248</v>
      </c>
      <c r="J8" s="82">
        <v>249</v>
      </c>
      <c r="K8" s="81">
        <v>485</v>
      </c>
      <c r="L8" s="81">
        <v>256</v>
      </c>
      <c r="M8" s="82">
        <v>229</v>
      </c>
    </row>
    <row r="9" spans="1:13">
      <c r="A9" s="20" t="s">
        <v>16</v>
      </c>
      <c r="B9" s="81">
        <v>-8</v>
      </c>
      <c r="C9" s="81">
        <v>-9</v>
      </c>
      <c r="D9" s="82">
        <v>1</v>
      </c>
      <c r="E9" s="81">
        <v>1</v>
      </c>
      <c r="F9" s="81">
        <v>0</v>
      </c>
      <c r="G9" s="82">
        <v>1</v>
      </c>
      <c r="H9" s="81">
        <v>367</v>
      </c>
      <c r="I9" s="81">
        <v>187</v>
      </c>
      <c r="J9" s="82">
        <v>180</v>
      </c>
      <c r="K9" s="81">
        <v>374</v>
      </c>
      <c r="L9" s="81">
        <v>196</v>
      </c>
      <c r="M9" s="82">
        <v>178</v>
      </c>
    </row>
    <row r="10" spans="1:13">
      <c r="A10" s="20" t="s">
        <v>17</v>
      </c>
      <c r="B10" s="81">
        <v>3</v>
      </c>
      <c r="C10" s="81">
        <v>1</v>
      </c>
      <c r="D10" s="82">
        <v>2</v>
      </c>
      <c r="E10" s="81">
        <v>1</v>
      </c>
      <c r="F10" s="81">
        <v>1</v>
      </c>
      <c r="G10" s="82">
        <v>0</v>
      </c>
      <c r="H10" s="81">
        <v>320</v>
      </c>
      <c r="I10" s="81">
        <v>167</v>
      </c>
      <c r="J10" s="82">
        <v>153</v>
      </c>
      <c r="K10" s="81">
        <v>316</v>
      </c>
      <c r="L10" s="81">
        <v>165</v>
      </c>
      <c r="M10" s="82">
        <v>151</v>
      </c>
    </row>
    <row r="11" spans="1:13">
      <c r="A11" s="20" t="s">
        <v>18</v>
      </c>
      <c r="B11" s="81">
        <v>-22</v>
      </c>
      <c r="C11" s="81">
        <v>0</v>
      </c>
      <c r="D11" s="82">
        <v>-22</v>
      </c>
      <c r="E11" s="81">
        <v>1</v>
      </c>
      <c r="F11" s="81">
        <v>0</v>
      </c>
      <c r="G11" s="82">
        <v>1</v>
      </c>
      <c r="H11" s="81">
        <v>240</v>
      </c>
      <c r="I11" s="81">
        <v>112</v>
      </c>
      <c r="J11" s="82">
        <v>128</v>
      </c>
      <c r="K11" s="81">
        <v>261</v>
      </c>
      <c r="L11" s="81">
        <v>112</v>
      </c>
      <c r="M11" s="82">
        <v>149</v>
      </c>
    </row>
    <row r="12" spans="1:13" ht="20.100000000000001" customHeight="1">
      <c r="A12" s="16" t="s">
        <v>19</v>
      </c>
      <c r="B12" s="18">
        <v>-47</v>
      </c>
      <c r="C12" s="18">
        <v>-26</v>
      </c>
      <c r="D12" s="19">
        <v>-21</v>
      </c>
      <c r="E12" s="18">
        <v>2</v>
      </c>
      <c r="F12" s="18">
        <v>2</v>
      </c>
      <c r="G12" s="19">
        <v>0</v>
      </c>
      <c r="H12" s="18">
        <v>841</v>
      </c>
      <c r="I12" s="18">
        <v>418</v>
      </c>
      <c r="J12" s="19">
        <v>423</v>
      </c>
      <c r="K12" s="18">
        <v>886</v>
      </c>
      <c r="L12" s="18">
        <v>442</v>
      </c>
      <c r="M12" s="19">
        <v>444</v>
      </c>
    </row>
    <row r="13" spans="1:13">
      <c r="A13" s="20" t="s">
        <v>20</v>
      </c>
      <c r="B13" s="81">
        <v>-19</v>
      </c>
      <c r="C13" s="81">
        <v>-10</v>
      </c>
      <c r="D13" s="82">
        <v>-9</v>
      </c>
      <c r="E13" s="81">
        <v>0</v>
      </c>
      <c r="F13" s="81">
        <v>0</v>
      </c>
      <c r="G13" s="82">
        <v>0</v>
      </c>
      <c r="H13" s="81">
        <v>219</v>
      </c>
      <c r="I13" s="81">
        <v>106</v>
      </c>
      <c r="J13" s="82">
        <v>113</v>
      </c>
      <c r="K13" s="81">
        <v>238</v>
      </c>
      <c r="L13" s="81">
        <v>116</v>
      </c>
      <c r="M13" s="82">
        <v>122</v>
      </c>
    </row>
    <row r="14" spans="1:13">
      <c r="A14" s="20" t="s">
        <v>21</v>
      </c>
      <c r="B14" s="81">
        <v>-24</v>
      </c>
      <c r="C14" s="81">
        <v>-11</v>
      </c>
      <c r="D14" s="82">
        <v>-13</v>
      </c>
      <c r="E14" s="81">
        <v>0</v>
      </c>
      <c r="F14" s="81">
        <v>0</v>
      </c>
      <c r="G14" s="82">
        <v>0</v>
      </c>
      <c r="H14" s="81">
        <v>196</v>
      </c>
      <c r="I14" s="81">
        <v>101</v>
      </c>
      <c r="J14" s="82">
        <v>95</v>
      </c>
      <c r="K14" s="81">
        <v>220</v>
      </c>
      <c r="L14" s="81">
        <v>112</v>
      </c>
      <c r="M14" s="82">
        <v>108</v>
      </c>
    </row>
    <row r="15" spans="1:13">
      <c r="A15" s="20" t="s">
        <v>22</v>
      </c>
      <c r="B15" s="81">
        <v>-3</v>
      </c>
      <c r="C15" s="81">
        <v>2</v>
      </c>
      <c r="D15" s="82">
        <v>-5</v>
      </c>
      <c r="E15" s="81">
        <v>0</v>
      </c>
      <c r="F15" s="81">
        <v>0</v>
      </c>
      <c r="G15" s="82">
        <v>0</v>
      </c>
      <c r="H15" s="81">
        <v>176</v>
      </c>
      <c r="I15" s="81">
        <v>84</v>
      </c>
      <c r="J15" s="82">
        <v>92</v>
      </c>
      <c r="K15" s="81">
        <v>179</v>
      </c>
      <c r="L15" s="81">
        <v>82</v>
      </c>
      <c r="M15" s="82">
        <v>97</v>
      </c>
    </row>
    <row r="16" spans="1:13">
      <c r="A16" s="20" t="s">
        <v>23</v>
      </c>
      <c r="B16" s="81">
        <v>-8</v>
      </c>
      <c r="C16" s="81">
        <v>-10</v>
      </c>
      <c r="D16" s="82">
        <v>2</v>
      </c>
      <c r="E16" s="81">
        <v>2</v>
      </c>
      <c r="F16" s="81">
        <v>2</v>
      </c>
      <c r="G16" s="82">
        <v>0</v>
      </c>
      <c r="H16" s="81">
        <v>115</v>
      </c>
      <c r="I16" s="81">
        <v>56</v>
      </c>
      <c r="J16" s="82">
        <v>59</v>
      </c>
      <c r="K16" s="81">
        <v>121</v>
      </c>
      <c r="L16" s="81">
        <v>64</v>
      </c>
      <c r="M16" s="82">
        <v>57</v>
      </c>
    </row>
    <row r="17" spans="1:13">
      <c r="A17" s="20" t="s">
        <v>24</v>
      </c>
      <c r="B17" s="81">
        <v>7</v>
      </c>
      <c r="C17" s="81">
        <v>3</v>
      </c>
      <c r="D17" s="82">
        <v>4</v>
      </c>
      <c r="E17" s="81">
        <v>0</v>
      </c>
      <c r="F17" s="81">
        <v>0</v>
      </c>
      <c r="G17" s="82">
        <v>0</v>
      </c>
      <c r="H17" s="81">
        <v>135</v>
      </c>
      <c r="I17" s="81">
        <v>71</v>
      </c>
      <c r="J17" s="82">
        <v>64</v>
      </c>
      <c r="K17" s="81">
        <v>128</v>
      </c>
      <c r="L17" s="81">
        <v>68</v>
      </c>
      <c r="M17" s="82">
        <v>60</v>
      </c>
    </row>
    <row r="18" spans="1:13" ht="20.100000000000001" customHeight="1">
      <c r="A18" s="16" t="s">
        <v>25</v>
      </c>
      <c r="B18" s="18">
        <v>38</v>
      </c>
      <c r="C18" s="18">
        <v>14</v>
      </c>
      <c r="D18" s="19">
        <v>24</v>
      </c>
      <c r="E18" s="18">
        <v>4</v>
      </c>
      <c r="F18" s="18">
        <v>2</v>
      </c>
      <c r="G18" s="19">
        <v>2</v>
      </c>
      <c r="H18" s="18">
        <v>470</v>
      </c>
      <c r="I18" s="18">
        <v>222</v>
      </c>
      <c r="J18" s="19">
        <v>248</v>
      </c>
      <c r="K18" s="18">
        <v>428</v>
      </c>
      <c r="L18" s="18">
        <v>206</v>
      </c>
      <c r="M18" s="19">
        <v>222</v>
      </c>
    </row>
    <row r="19" spans="1:13">
      <c r="A19" s="20" t="s">
        <v>26</v>
      </c>
      <c r="B19" s="81">
        <v>6</v>
      </c>
      <c r="C19" s="81">
        <v>3</v>
      </c>
      <c r="D19" s="82">
        <v>3</v>
      </c>
      <c r="E19" s="81">
        <v>1</v>
      </c>
      <c r="F19" s="81">
        <v>1</v>
      </c>
      <c r="G19" s="82">
        <v>0</v>
      </c>
      <c r="H19" s="81">
        <v>100</v>
      </c>
      <c r="I19" s="81">
        <v>50</v>
      </c>
      <c r="J19" s="82">
        <v>50</v>
      </c>
      <c r="K19" s="81">
        <v>93</v>
      </c>
      <c r="L19" s="81">
        <v>46</v>
      </c>
      <c r="M19" s="82">
        <v>47</v>
      </c>
    </row>
    <row r="20" spans="1:13">
      <c r="A20" s="20" t="s">
        <v>27</v>
      </c>
      <c r="B20" s="81">
        <v>18</v>
      </c>
      <c r="C20" s="81">
        <v>13</v>
      </c>
      <c r="D20" s="82">
        <v>5</v>
      </c>
      <c r="E20" s="81">
        <v>1</v>
      </c>
      <c r="F20" s="81">
        <v>0</v>
      </c>
      <c r="G20" s="82">
        <v>1</v>
      </c>
      <c r="H20" s="81">
        <v>117</v>
      </c>
      <c r="I20" s="81">
        <v>60</v>
      </c>
      <c r="J20" s="82">
        <v>57</v>
      </c>
      <c r="K20" s="81">
        <v>98</v>
      </c>
      <c r="L20" s="81">
        <v>47</v>
      </c>
      <c r="M20" s="82">
        <v>51</v>
      </c>
    </row>
    <row r="21" spans="1:13">
      <c r="A21" s="20" t="s">
        <v>28</v>
      </c>
      <c r="B21" s="81">
        <v>-5</v>
      </c>
      <c r="C21" s="81">
        <v>-4</v>
      </c>
      <c r="D21" s="82">
        <v>-1</v>
      </c>
      <c r="E21" s="81">
        <v>1</v>
      </c>
      <c r="F21" s="81">
        <v>1</v>
      </c>
      <c r="G21" s="82">
        <v>0</v>
      </c>
      <c r="H21" s="81">
        <v>84</v>
      </c>
      <c r="I21" s="81">
        <v>44</v>
      </c>
      <c r="J21" s="82">
        <v>40</v>
      </c>
      <c r="K21" s="81">
        <v>88</v>
      </c>
      <c r="L21" s="81">
        <v>47</v>
      </c>
      <c r="M21" s="82">
        <v>41</v>
      </c>
    </row>
    <row r="22" spans="1:13">
      <c r="A22" s="20" t="s">
        <v>29</v>
      </c>
      <c r="B22" s="81">
        <v>30</v>
      </c>
      <c r="C22" s="81">
        <v>12</v>
      </c>
      <c r="D22" s="82">
        <v>18</v>
      </c>
      <c r="E22" s="81">
        <v>1</v>
      </c>
      <c r="F22" s="81">
        <v>0</v>
      </c>
      <c r="G22" s="82">
        <v>1</v>
      </c>
      <c r="H22" s="81">
        <v>120</v>
      </c>
      <c r="I22" s="81">
        <v>49</v>
      </c>
      <c r="J22" s="82">
        <v>71</v>
      </c>
      <c r="K22" s="81">
        <v>89</v>
      </c>
      <c r="L22" s="81">
        <v>37</v>
      </c>
      <c r="M22" s="82">
        <v>52</v>
      </c>
    </row>
    <row r="23" spans="1:13">
      <c r="A23" s="20" t="s">
        <v>30</v>
      </c>
      <c r="B23" s="81">
        <v>-11</v>
      </c>
      <c r="C23" s="81">
        <v>-10</v>
      </c>
      <c r="D23" s="82">
        <v>-1</v>
      </c>
      <c r="E23" s="81">
        <v>0</v>
      </c>
      <c r="F23" s="81">
        <v>0</v>
      </c>
      <c r="G23" s="82">
        <v>0</v>
      </c>
      <c r="H23" s="81">
        <v>49</v>
      </c>
      <c r="I23" s="81">
        <v>19</v>
      </c>
      <c r="J23" s="82">
        <v>30</v>
      </c>
      <c r="K23" s="81">
        <v>60</v>
      </c>
      <c r="L23" s="81">
        <v>29</v>
      </c>
      <c r="M23" s="82">
        <v>31</v>
      </c>
    </row>
    <row r="24" spans="1:13" ht="20.100000000000001" customHeight="1">
      <c r="A24" s="16" t="s">
        <v>31</v>
      </c>
      <c r="B24" s="18">
        <v>613</v>
      </c>
      <c r="C24" s="18">
        <v>263</v>
      </c>
      <c r="D24" s="19">
        <v>350</v>
      </c>
      <c r="E24" s="18">
        <v>6</v>
      </c>
      <c r="F24" s="18">
        <v>5</v>
      </c>
      <c r="G24" s="19">
        <v>1</v>
      </c>
      <c r="H24" s="18">
        <v>1445</v>
      </c>
      <c r="I24" s="18">
        <v>693</v>
      </c>
      <c r="J24" s="19">
        <v>752</v>
      </c>
      <c r="K24" s="18">
        <v>826</v>
      </c>
      <c r="L24" s="18">
        <v>425</v>
      </c>
      <c r="M24" s="19">
        <v>401</v>
      </c>
    </row>
    <row r="25" spans="1:13">
      <c r="A25" s="20" t="s">
        <v>32</v>
      </c>
      <c r="B25" s="81">
        <v>16</v>
      </c>
      <c r="C25" s="81">
        <v>8</v>
      </c>
      <c r="D25" s="82">
        <v>8</v>
      </c>
      <c r="E25" s="81">
        <v>1</v>
      </c>
      <c r="F25" s="81">
        <v>1</v>
      </c>
      <c r="G25" s="82">
        <v>0</v>
      </c>
      <c r="H25" s="81">
        <v>87</v>
      </c>
      <c r="I25" s="81">
        <v>43</v>
      </c>
      <c r="J25" s="82">
        <v>44</v>
      </c>
      <c r="K25" s="81">
        <v>70</v>
      </c>
      <c r="L25" s="81">
        <v>34</v>
      </c>
      <c r="M25" s="82">
        <v>36</v>
      </c>
    </row>
    <row r="26" spans="1:13">
      <c r="A26" s="20" t="s">
        <v>33</v>
      </c>
      <c r="B26" s="81">
        <v>14</v>
      </c>
      <c r="C26" s="81">
        <v>18</v>
      </c>
      <c r="D26" s="82">
        <v>-4</v>
      </c>
      <c r="E26" s="81">
        <v>0</v>
      </c>
      <c r="F26" s="81">
        <v>0</v>
      </c>
      <c r="G26" s="82">
        <v>0</v>
      </c>
      <c r="H26" s="81">
        <v>137</v>
      </c>
      <c r="I26" s="81">
        <v>83</v>
      </c>
      <c r="J26" s="82">
        <v>54</v>
      </c>
      <c r="K26" s="81">
        <v>123</v>
      </c>
      <c r="L26" s="81">
        <v>65</v>
      </c>
      <c r="M26" s="82">
        <v>58</v>
      </c>
    </row>
    <row r="27" spans="1:13">
      <c r="A27" s="20" t="s">
        <v>34</v>
      </c>
      <c r="B27" s="81">
        <v>5</v>
      </c>
      <c r="C27" s="81">
        <v>2</v>
      </c>
      <c r="D27" s="82">
        <v>3</v>
      </c>
      <c r="E27" s="81">
        <v>1</v>
      </c>
      <c r="F27" s="81">
        <v>1</v>
      </c>
      <c r="G27" s="82">
        <v>0</v>
      </c>
      <c r="H27" s="81">
        <v>91</v>
      </c>
      <c r="I27" s="81">
        <v>43</v>
      </c>
      <c r="J27" s="82">
        <v>48</v>
      </c>
      <c r="K27" s="81">
        <v>85</v>
      </c>
      <c r="L27" s="81">
        <v>40</v>
      </c>
      <c r="M27" s="82">
        <v>45</v>
      </c>
    </row>
    <row r="28" spans="1:13">
      <c r="A28" s="20" t="s">
        <v>35</v>
      </c>
      <c r="B28" s="81">
        <v>92</v>
      </c>
      <c r="C28" s="81">
        <v>29</v>
      </c>
      <c r="D28" s="82">
        <v>63</v>
      </c>
      <c r="E28" s="81">
        <v>0</v>
      </c>
      <c r="F28" s="81">
        <v>0</v>
      </c>
      <c r="G28" s="82">
        <v>0</v>
      </c>
      <c r="H28" s="81">
        <v>260</v>
      </c>
      <c r="I28" s="81">
        <v>105</v>
      </c>
      <c r="J28" s="82">
        <v>155</v>
      </c>
      <c r="K28" s="81">
        <v>168</v>
      </c>
      <c r="L28" s="81">
        <v>76</v>
      </c>
      <c r="M28" s="82">
        <v>92</v>
      </c>
    </row>
    <row r="29" spans="1:13">
      <c r="A29" s="20" t="s">
        <v>36</v>
      </c>
      <c r="B29" s="81">
        <v>486</v>
      </c>
      <c r="C29" s="81">
        <v>206</v>
      </c>
      <c r="D29" s="82">
        <v>280</v>
      </c>
      <c r="E29" s="81">
        <v>4</v>
      </c>
      <c r="F29" s="81">
        <v>3</v>
      </c>
      <c r="G29" s="82">
        <v>1</v>
      </c>
      <c r="H29" s="81">
        <v>870</v>
      </c>
      <c r="I29" s="81">
        <v>419</v>
      </c>
      <c r="J29" s="82">
        <v>451</v>
      </c>
      <c r="K29" s="81">
        <v>380</v>
      </c>
      <c r="L29" s="81">
        <v>210</v>
      </c>
      <c r="M29" s="82">
        <v>170</v>
      </c>
    </row>
    <row r="30" spans="1:13" ht="20.100000000000001" customHeight="1">
      <c r="A30" s="16" t="s">
        <v>37</v>
      </c>
      <c r="B30" s="18">
        <v>863</v>
      </c>
      <c r="C30" s="18">
        <v>434</v>
      </c>
      <c r="D30" s="19">
        <v>429</v>
      </c>
      <c r="E30" s="18">
        <v>9</v>
      </c>
      <c r="F30" s="18">
        <v>7</v>
      </c>
      <c r="G30" s="19">
        <v>2</v>
      </c>
      <c r="H30" s="18">
        <v>6584</v>
      </c>
      <c r="I30" s="18">
        <v>3318</v>
      </c>
      <c r="J30" s="19">
        <v>3266</v>
      </c>
      <c r="K30" s="18">
        <v>5712</v>
      </c>
      <c r="L30" s="18">
        <v>2877</v>
      </c>
      <c r="M30" s="19">
        <v>2835</v>
      </c>
    </row>
    <row r="31" spans="1:13">
      <c r="A31" s="20" t="s">
        <v>38</v>
      </c>
      <c r="B31" s="81">
        <v>230</v>
      </c>
      <c r="C31" s="81">
        <v>131</v>
      </c>
      <c r="D31" s="82">
        <v>99</v>
      </c>
      <c r="E31" s="81">
        <v>1</v>
      </c>
      <c r="F31" s="81">
        <v>0</v>
      </c>
      <c r="G31" s="82">
        <v>1</v>
      </c>
      <c r="H31" s="81">
        <v>764</v>
      </c>
      <c r="I31" s="81">
        <v>383</v>
      </c>
      <c r="J31" s="82">
        <v>381</v>
      </c>
      <c r="K31" s="81">
        <v>533</v>
      </c>
      <c r="L31" s="81">
        <v>252</v>
      </c>
      <c r="M31" s="82">
        <v>281</v>
      </c>
    </row>
    <row r="32" spans="1:13">
      <c r="A32" s="20" t="s">
        <v>39</v>
      </c>
      <c r="B32" s="81">
        <v>326</v>
      </c>
      <c r="C32" s="81">
        <v>170</v>
      </c>
      <c r="D32" s="82">
        <v>156</v>
      </c>
      <c r="E32" s="81">
        <v>6</v>
      </c>
      <c r="F32" s="81">
        <v>5</v>
      </c>
      <c r="G32" s="82">
        <v>1</v>
      </c>
      <c r="H32" s="81">
        <v>1173</v>
      </c>
      <c r="I32" s="81">
        <v>564</v>
      </c>
      <c r="J32" s="82">
        <v>609</v>
      </c>
      <c r="K32" s="81">
        <v>841</v>
      </c>
      <c r="L32" s="81">
        <v>389</v>
      </c>
      <c r="M32" s="82">
        <v>452</v>
      </c>
    </row>
    <row r="33" spans="1:13">
      <c r="A33" s="20" t="s">
        <v>40</v>
      </c>
      <c r="B33" s="81">
        <v>153</v>
      </c>
      <c r="C33" s="81">
        <v>92</v>
      </c>
      <c r="D33" s="82">
        <v>61</v>
      </c>
      <c r="E33" s="81">
        <v>0</v>
      </c>
      <c r="F33" s="81">
        <v>0</v>
      </c>
      <c r="G33" s="82">
        <v>0</v>
      </c>
      <c r="H33" s="81">
        <v>1238</v>
      </c>
      <c r="I33" s="81">
        <v>613</v>
      </c>
      <c r="J33" s="82">
        <v>625</v>
      </c>
      <c r="K33" s="81">
        <v>1085</v>
      </c>
      <c r="L33" s="81">
        <v>521</v>
      </c>
      <c r="M33" s="82">
        <v>564</v>
      </c>
    </row>
    <row r="34" spans="1:13">
      <c r="A34" s="20" t="s">
        <v>41</v>
      </c>
      <c r="B34" s="81">
        <v>96</v>
      </c>
      <c r="C34" s="81">
        <v>8</v>
      </c>
      <c r="D34" s="82">
        <v>88</v>
      </c>
      <c r="E34" s="81">
        <v>2</v>
      </c>
      <c r="F34" s="81">
        <v>2</v>
      </c>
      <c r="G34" s="82">
        <v>0</v>
      </c>
      <c r="H34" s="81">
        <v>1870</v>
      </c>
      <c r="I34" s="81">
        <v>941</v>
      </c>
      <c r="J34" s="82">
        <v>929</v>
      </c>
      <c r="K34" s="81">
        <v>1772</v>
      </c>
      <c r="L34" s="81">
        <v>931</v>
      </c>
      <c r="M34" s="82">
        <v>841</v>
      </c>
    </row>
    <row r="35" spans="1:13">
      <c r="A35" s="20" t="s">
        <v>42</v>
      </c>
      <c r="B35" s="81">
        <v>58</v>
      </c>
      <c r="C35" s="81">
        <v>33</v>
      </c>
      <c r="D35" s="82">
        <v>25</v>
      </c>
      <c r="E35" s="81">
        <v>0</v>
      </c>
      <c r="F35" s="81">
        <v>0</v>
      </c>
      <c r="G35" s="82">
        <v>0</v>
      </c>
      <c r="H35" s="81">
        <v>1539</v>
      </c>
      <c r="I35" s="81">
        <v>817</v>
      </c>
      <c r="J35" s="82">
        <v>722</v>
      </c>
      <c r="K35" s="81">
        <v>1481</v>
      </c>
      <c r="L35" s="81">
        <v>784</v>
      </c>
      <c r="M35" s="82">
        <v>697</v>
      </c>
    </row>
    <row r="36" spans="1:13" ht="20.100000000000001" customHeight="1">
      <c r="A36" s="16" t="s">
        <v>43</v>
      </c>
      <c r="B36" s="18">
        <v>-241</v>
      </c>
      <c r="C36" s="18">
        <v>69</v>
      </c>
      <c r="D36" s="19">
        <v>-310</v>
      </c>
      <c r="E36" s="18">
        <v>8</v>
      </c>
      <c r="F36" s="18">
        <v>6</v>
      </c>
      <c r="G36" s="19">
        <v>2</v>
      </c>
      <c r="H36" s="18">
        <v>7056</v>
      </c>
      <c r="I36" s="18">
        <v>3815</v>
      </c>
      <c r="J36" s="19">
        <v>3241</v>
      </c>
      <c r="K36" s="18">
        <v>7289</v>
      </c>
      <c r="L36" s="18">
        <v>3740</v>
      </c>
      <c r="M36" s="19">
        <v>3549</v>
      </c>
    </row>
    <row r="37" spans="1:13">
      <c r="A37" s="20" t="s">
        <v>44</v>
      </c>
      <c r="B37" s="81">
        <v>-23</v>
      </c>
      <c r="C37" s="81">
        <v>31</v>
      </c>
      <c r="D37" s="82">
        <v>-54</v>
      </c>
      <c r="E37" s="81">
        <v>3</v>
      </c>
      <c r="F37" s="81">
        <v>2</v>
      </c>
      <c r="G37" s="82">
        <v>1</v>
      </c>
      <c r="H37" s="81">
        <v>1653</v>
      </c>
      <c r="I37" s="81">
        <v>901</v>
      </c>
      <c r="J37" s="82">
        <v>752</v>
      </c>
      <c r="K37" s="81">
        <v>1673</v>
      </c>
      <c r="L37" s="81">
        <v>868</v>
      </c>
      <c r="M37" s="82">
        <v>805</v>
      </c>
    </row>
    <row r="38" spans="1:13">
      <c r="A38" s="20" t="s">
        <v>45</v>
      </c>
      <c r="B38" s="81">
        <v>2</v>
      </c>
      <c r="C38" s="81">
        <v>29</v>
      </c>
      <c r="D38" s="82">
        <v>-27</v>
      </c>
      <c r="E38" s="81">
        <v>2</v>
      </c>
      <c r="F38" s="81">
        <v>2</v>
      </c>
      <c r="G38" s="82">
        <v>0</v>
      </c>
      <c r="H38" s="81">
        <v>1556</v>
      </c>
      <c r="I38" s="81">
        <v>809</v>
      </c>
      <c r="J38" s="82">
        <v>747</v>
      </c>
      <c r="K38" s="81">
        <v>1552</v>
      </c>
      <c r="L38" s="81">
        <v>778</v>
      </c>
      <c r="M38" s="82">
        <v>774</v>
      </c>
    </row>
    <row r="39" spans="1:13">
      <c r="A39" s="20" t="s">
        <v>46</v>
      </c>
      <c r="B39" s="81">
        <v>-72</v>
      </c>
      <c r="C39" s="81">
        <v>18</v>
      </c>
      <c r="D39" s="82">
        <v>-90</v>
      </c>
      <c r="E39" s="81">
        <v>0</v>
      </c>
      <c r="F39" s="81">
        <v>0</v>
      </c>
      <c r="G39" s="82">
        <v>0</v>
      </c>
      <c r="H39" s="81">
        <v>1436</v>
      </c>
      <c r="I39" s="81">
        <v>771</v>
      </c>
      <c r="J39" s="82">
        <v>665</v>
      </c>
      <c r="K39" s="81">
        <v>1508</v>
      </c>
      <c r="L39" s="81">
        <v>753</v>
      </c>
      <c r="M39" s="82">
        <v>755</v>
      </c>
    </row>
    <row r="40" spans="1:13">
      <c r="A40" s="20" t="s">
        <v>47</v>
      </c>
      <c r="B40" s="81">
        <v>-38</v>
      </c>
      <c r="C40" s="81">
        <v>20</v>
      </c>
      <c r="D40" s="82">
        <v>-58</v>
      </c>
      <c r="E40" s="81">
        <v>2</v>
      </c>
      <c r="F40" s="81">
        <v>1</v>
      </c>
      <c r="G40" s="82">
        <v>1</v>
      </c>
      <c r="H40" s="81">
        <v>1287</v>
      </c>
      <c r="I40" s="81">
        <v>706</v>
      </c>
      <c r="J40" s="82">
        <v>581</v>
      </c>
      <c r="K40" s="81">
        <v>1323</v>
      </c>
      <c r="L40" s="81">
        <v>685</v>
      </c>
      <c r="M40" s="82">
        <v>638</v>
      </c>
    </row>
    <row r="41" spans="1:13">
      <c r="A41" s="20" t="s">
        <v>48</v>
      </c>
      <c r="B41" s="81">
        <v>-110</v>
      </c>
      <c r="C41" s="81">
        <v>-29</v>
      </c>
      <c r="D41" s="82">
        <v>-81</v>
      </c>
      <c r="E41" s="81">
        <v>1</v>
      </c>
      <c r="F41" s="81">
        <v>1</v>
      </c>
      <c r="G41" s="82">
        <v>0</v>
      </c>
      <c r="H41" s="81">
        <v>1124</v>
      </c>
      <c r="I41" s="81">
        <v>628</v>
      </c>
      <c r="J41" s="82">
        <v>496</v>
      </c>
      <c r="K41" s="81">
        <v>1233</v>
      </c>
      <c r="L41" s="81">
        <v>656</v>
      </c>
      <c r="M41" s="82">
        <v>577</v>
      </c>
    </row>
    <row r="42" spans="1:13" ht="20.100000000000001" customHeight="1">
      <c r="A42" s="16" t="s">
        <v>49</v>
      </c>
      <c r="B42" s="18">
        <v>-223</v>
      </c>
      <c r="C42" s="18">
        <v>-40</v>
      </c>
      <c r="D42" s="19">
        <v>-183</v>
      </c>
      <c r="E42" s="18">
        <v>18</v>
      </c>
      <c r="F42" s="18">
        <v>13</v>
      </c>
      <c r="G42" s="19">
        <v>5</v>
      </c>
      <c r="H42" s="18">
        <v>4577</v>
      </c>
      <c r="I42" s="18">
        <v>2511</v>
      </c>
      <c r="J42" s="19">
        <v>2066</v>
      </c>
      <c r="K42" s="18">
        <v>4782</v>
      </c>
      <c r="L42" s="18">
        <v>2538</v>
      </c>
      <c r="M42" s="19">
        <v>2244</v>
      </c>
    </row>
    <row r="43" spans="1:13">
      <c r="A43" s="20" t="s">
        <v>50</v>
      </c>
      <c r="B43" s="81">
        <v>-36</v>
      </c>
      <c r="C43" s="81">
        <v>-11</v>
      </c>
      <c r="D43" s="82">
        <v>-25</v>
      </c>
      <c r="E43" s="81">
        <v>2</v>
      </c>
      <c r="F43" s="81">
        <v>2</v>
      </c>
      <c r="G43" s="82">
        <v>0</v>
      </c>
      <c r="H43" s="81">
        <v>1102</v>
      </c>
      <c r="I43" s="81">
        <v>578</v>
      </c>
      <c r="J43" s="82">
        <v>524</v>
      </c>
      <c r="K43" s="81">
        <v>1136</v>
      </c>
      <c r="L43" s="81">
        <v>587</v>
      </c>
      <c r="M43" s="82">
        <v>549</v>
      </c>
    </row>
    <row r="44" spans="1:13">
      <c r="A44" s="20" t="s">
        <v>51</v>
      </c>
      <c r="B44" s="81">
        <v>-82</v>
      </c>
      <c r="C44" s="81">
        <v>-32</v>
      </c>
      <c r="D44" s="82">
        <v>-50</v>
      </c>
      <c r="E44" s="81">
        <v>1</v>
      </c>
      <c r="F44" s="81">
        <v>0</v>
      </c>
      <c r="G44" s="82">
        <v>1</v>
      </c>
      <c r="H44" s="81">
        <v>977</v>
      </c>
      <c r="I44" s="81">
        <v>548</v>
      </c>
      <c r="J44" s="82">
        <v>429</v>
      </c>
      <c r="K44" s="81">
        <v>1058</v>
      </c>
      <c r="L44" s="81">
        <v>580</v>
      </c>
      <c r="M44" s="82">
        <v>478</v>
      </c>
    </row>
    <row r="45" spans="1:13">
      <c r="A45" s="20" t="s">
        <v>52</v>
      </c>
      <c r="B45" s="81">
        <v>-28</v>
      </c>
      <c r="C45" s="81">
        <v>18</v>
      </c>
      <c r="D45" s="82">
        <v>-46</v>
      </c>
      <c r="E45" s="81">
        <v>2</v>
      </c>
      <c r="F45" s="81">
        <v>1</v>
      </c>
      <c r="G45" s="82">
        <v>1</v>
      </c>
      <c r="H45" s="81">
        <v>906</v>
      </c>
      <c r="I45" s="81">
        <v>491</v>
      </c>
      <c r="J45" s="82">
        <v>415</v>
      </c>
      <c r="K45" s="81">
        <v>932</v>
      </c>
      <c r="L45" s="81">
        <v>472</v>
      </c>
      <c r="M45" s="82">
        <v>460</v>
      </c>
    </row>
    <row r="46" spans="1:13">
      <c r="A46" s="20" t="s">
        <v>53</v>
      </c>
      <c r="B46" s="81">
        <v>-39</v>
      </c>
      <c r="C46" s="81">
        <v>-17</v>
      </c>
      <c r="D46" s="82">
        <v>-22</v>
      </c>
      <c r="E46" s="81">
        <v>6</v>
      </c>
      <c r="F46" s="81">
        <v>5</v>
      </c>
      <c r="G46" s="82">
        <v>1</v>
      </c>
      <c r="H46" s="81">
        <v>828</v>
      </c>
      <c r="I46" s="81">
        <v>457</v>
      </c>
      <c r="J46" s="82">
        <v>371</v>
      </c>
      <c r="K46" s="81">
        <v>861</v>
      </c>
      <c r="L46" s="81">
        <v>469</v>
      </c>
      <c r="M46" s="82">
        <v>392</v>
      </c>
    </row>
    <row r="47" spans="1:13">
      <c r="A47" s="20" t="s">
        <v>54</v>
      </c>
      <c r="B47" s="81">
        <v>-38</v>
      </c>
      <c r="C47" s="81">
        <v>2</v>
      </c>
      <c r="D47" s="82">
        <v>-40</v>
      </c>
      <c r="E47" s="81">
        <v>7</v>
      </c>
      <c r="F47" s="81">
        <v>5</v>
      </c>
      <c r="G47" s="82">
        <v>2</v>
      </c>
      <c r="H47" s="81">
        <v>764</v>
      </c>
      <c r="I47" s="81">
        <v>437</v>
      </c>
      <c r="J47" s="82">
        <v>327</v>
      </c>
      <c r="K47" s="81">
        <v>795</v>
      </c>
      <c r="L47" s="81">
        <v>430</v>
      </c>
      <c r="M47" s="82">
        <v>365</v>
      </c>
    </row>
    <row r="48" spans="1:13" ht="20.100000000000001" customHeight="1">
      <c r="A48" s="16" t="s">
        <v>55</v>
      </c>
      <c r="B48" s="18">
        <v>25</v>
      </c>
      <c r="C48" s="18">
        <v>-14</v>
      </c>
      <c r="D48" s="19">
        <v>39</v>
      </c>
      <c r="E48" s="18">
        <v>27</v>
      </c>
      <c r="F48" s="18">
        <v>20</v>
      </c>
      <c r="G48" s="19">
        <v>7</v>
      </c>
      <c r="H48" s="18">
        <v>3024</v>
      </c>
      <c r="I48" s="18">
        <v>1718</v>
      </c>
      <c r="J48" s="19">
        <v>1306</v>
      </c>
      <c r="K48" s="18">
        <v>2972</v>
      </c>
      <c r="L48" s="18">
        <v>1712</v>
      </c>
      <c r="M48" s="19">
        <v>1260</v>
      </c>
    </row>
    <row r="49" spans="1:13">
      <c r="A49" s="20" t="s">
        <v>56</v>
      </c>
      <c r="B49" s="81">
        <v>-4</v>
      </c>
      <c r="C49" s="81">
        <v>-26</v>
      </c>
      <c r="D49" s="82">
        <v>22</v>
      </c>
      <c r="E49" s="81">
        <v>6</v>
      </c>
      <c r="F49" s="81">
        <v>4</v>
      </c>
      <c r="G49" s="82">
        <v>2</v>
      </c>
      <c r="H49" s="81">
        <v>710</v>
      </c>
      <c r="I49" s="81">
        <v>383</v>
      </c>
      <c r="J49" s="82">
        <v>327</v>
      </c>
      <c r="K49" s="81">
        <v>708</v>
      </c>
      <c r="L49" s="81">
        <v>405</v>
      </c>
      <c r="M49" s="82">
        <v>303</v>
      </c>
    </row>
    <row r="50" spans="1:13">
      <c r="A50" s="20" t="s">
        <v>57</v>
      </c>
      <c r="B50" s="81">
        <v>10</v>
      </c>
      <c r="C50" s="81">
        <v>8</v>
      </c>
      <c r="D50" s="82">
        <v>2</v>
      </c>
      <c r="E50" s="81">
        <v>1</v>
      </c>
      <c r="F50" s="81">
        <v>1</v>
      </c>
      <c r="G50" s="82">
        <v>0</v>
      </c>
      <c r="H50" s="81">
        <v>674</v>
      </c>
      <c r="I50" s="81">
        <v>381</v>
      </c>
      <c r="J50" s="82">
        <v>293</v>
      </c>
      <c r="K50" s="81">
        <v>663</v>
      </c>
      <c r="L50" s="81">
        <v>372</v>
      </c>
      <c r="M50" s="82">
        <v>291</v>
      </c>
    </row>
    <row r="51" spans="1:13">
      <c r="A51" s="20" t="s">
        <v>58</v>
      </c>
      <c r="B51" s="81">
        <v>-9</v>
      </c>
      <c r="C51" s="81">
        <v>-16</v>
      </c>
      <c r="D51" s="82">
        <v>7</v>
      </c>
      <c r="E51" s="81">
        <v>6</v>
      </c>
      <c r="F51" s="81">
        <v>5</v>
      </c>
      <c r="G51" s="82">
        <v>1</v>
      </c>
      <c r="H51" s="81">
        <v>583</v>
      </c>
      <c r="I51" s="81">
        <v>335</v>
      </c>
      <c r="J51" s="82">
        <v>248</v>
      </c>
      <c r="K51" s="81">
        <v>586</v>
      </c>
      <c r="L51" s="81">
        <v>346</v>
      </c>
      <c r="M51" s="82">
        <v>240</v>
      </c>
    </row>
    <row r="52" spans="1:13">
      <c r="A52" s="20" t="s">
        <v>59</v>
      </c>
      <c r="B52" s="81">
        <v>14</v>
      </c>
      <c r="C52" s="81">
        <v>15</v>
      </c>
      <c r="D52" s="82">
        <v>-1</v>
      </c>
      <c r="E52" s="81">
        <v>4</v>
      </c>
      <c r="F52" s="81">
        <v>3</v>
      </c>
      <c r="G52" s="82">
        <v>1</v>
      </c>
      <c r="H52" s="81">
        <v>554</v>
      </c>
      <c r="I52" s="81">
        <v>330</v>
      </c>
      <c r="J52" s="82">
        <v>224</v>
      </c>
      <c r="K52" s="81">
        <v>536</v>
      </c>
      <c r="L52" s="81">
        <v>312</v>
      </c>
      <c r="M52" s="82">
        <v>224</v>
      </c>
    </row>
    <row r="53" spans="1:13">
      <c r="A53" s="20" t="s">
        <v>60</v>
      </c>
      <c r="B53" s="81">
        <v>14</v>
      </c>
      <c r="C53" s="81">
        <v>5</v>
      </c>
      <c r="D53" s="82">
        <v>9</v>
      </c>
      <c r="E53" s="81">
        <v>10</v>
      </c>
      <c r="F53" s="81">
        <v>7</v>
      </c>
      <c r="G53" s="82">
        <v>3</v>
      </c>
      <c r="H53" s="81">
        <v>503</v>
      </c>
      <c r="I53" s="81">
        <v>289</v>
      </c>
      <c r="J53" s="82">
        <v>214</v>
      </c>
      <c r="K53" s="81">
        <v>479</v>
      </c>
      <c r="L53" s="81">
        <v>277</v>
      </c>
      <c r="M53" s="82">
        <v>202</v>
      </c>
    </row>
    <row r="54" spans="1:13" ht="20.100000000000001" customHeight="1">
      <c r="A54" s="16" t="s">
        <v>61</v>
      </c>
      <c r="B54" s="18">
        <v>27</v>
      </c>
      <c r="C54" s="18">
        <v>0</v>
      </c>
      <c r="D54" s="19">
        <v>27</v>
      </c>
      <c r="E54" s="18">
        <v>49</v>
      </c>
      <c r="F54" s="18">
        <v>29</v>
      </c>
      <c r="G54" s="19">
        <v>20</v>
      </c>
      <c r="H54" s="18">
        <v>2074</v>
      </c>
      <c r="I54" s="18">
        <v>1195</v>
      </c>
      <c r="J54" s="19">
        <v>879</v>
      </c>
      <c r="K54" s="18">
        <v>1998</v>
      </c>
      <c r="L54" s="18">
        <v>1166</v>
      </c>
      <c r="M54" s="19">
        <v>832</v>
      </c>
    </row>
    <row r="55" spans="1:13">
      <c r="A55" s="20" t="s">
        <v>62</v>
      </c>
      <c r="B55" s="81">
        <v>57</v>
      </c>
      <c r="C55" s="81">
        <v>23</v>
      </c>
      <c r="D55" s="82">
        <v>34</v>
      </c>
      <c r="E55" s="81">
        <v>8</v>
      </c>
      <c r="F55" s="81">
        <v>5</v>
      </c>
      <c r="G55" s="82">
        <v>3</v>
      </c>
      <c r="H55" s="81">
        <v>467</v>
      </c>
      <c r="I55" s="81">
        <v>258</v>
      </c>
      <c r="J55" s="82">
        <v>209</v>
      </c>
      <c r="K55" s="81">
        <v>402</v>
      </c>
      <c r="L55" s="81">
        <v>230</v>
      </c>
      <c r="M55" s="82">
        <v>172</v>
      </c>
    </row>
    <row r="56" spans="1:13">
      <c r="A56" s="20" t="s">
        <v>63</v>
      </c>
      <c r="B56" s="81">
        <v>-15</v>
      </c>
      <c r="C56" s="81">
        <v>-20</v>
      </c>
      <c r="D56" s="82">
        <v>5</v>
      </c>
      <c r="E56" s="81">
        <v>7</v>
      </c>
      <c r="F56" s="81">
        <v>4</v>
      </c>
      <c r="G56" s="82">
        <v>3</v>
      </c>
      <c r="H56" s="81">
        <v>428</v>
      </c>
      <c r="I56" s="81">
        <v>241</v>
      </c>
      <c r="J56" s="82">
        <v>187</v>
      </c>
      <c r="K56" s="81">
        <v>436</v>
      </c>
      <c r="L56" s="81">
        <v>257</v>
      </c>
      <c r="M56" s="82">
        <v>179</v>
      </c>
    </row>
    <row r="57" spans="1:13">
      <c r="A57" s="20" t="s">
        <v>64</v>
      </c>
      <c r="B57" s="81">
        <v>15</v>
      </c>
      <c r="C57" s="81">
        <v>20</v>
      </c>
      <c r="D57" s="82">
        <v>-5</v>
      </c>
      <c r="E57" s="81">
        <v>7</v>
      </c>
      <c r="F57" s="81">
        <v>4</v>
      </c>
      <c r="G57" s="82">
        <v>3</v>
      </c>
      <c r="H57" s="81">
        <v>409</v>
      </c>
      <c r="I57" s="81">
        <v>242</v>
      </c>
      <c r="J57" s="82">
        <v>167</v>
      </c>
      <c r="K57" s="81">
        <v>387</v>
      </c>
      <c r="L57" s="81">
        <v>218</v>
      </c>
      <c r="M57" s="82">
        <v>169</v>
      </c>
    </row>
    <row r="58" spans="1:13">
      <c r="A58" s="20" t="s">
        <v>65</v>
      </c>
      <c r="B58" s="81">
        <v>-13</v>
      </c>
      <c r="C58" s="81">
        <v>-8</v>
      </c>
      <c r="D58" s="82">
        <v>-5</v>
      </c>
      <c r="E58" s="81">
        <v>10</v>
      </c>
      <c r="F58" s="81">
        <v>5</v>
      </c>
      <c r="G58" s="82">
        <v>5</v>
      </c>
      <c r="H58" s="81">
        <v>391</v>
      </c>
      <c r="I58" s="81">
        <v>236</v>
      </c>
      <c r="J58" s="82">
        <v>155</v>
      </c>
      <c r="K58" s="81">
        <v>394</v>
      </c>
      <c r="L58" s="81">
        <v>239</v>
      </c>
      <c r="M58" s="82">
        <v>155</v>
      </c>
    </row>
    <row r="59" spans="1:13">
      <c r="A59" s="20" t="s">
        <v>66</v>
      </c>
      <c r="B59" s="81">
        <v>-17</v>
      </c>
      <c r="C59" s="81">
        <v>-15</v>
      </c>
      <c r="D59" s="82">
        <v>-2</v>
      </c>
      <c r="E59" s="81">
        <v>17</v>
      </c>
      <c r="F59" s="81">
        <v>11</v>
      </c>
      <c r="G59" s="82">
        <v>6</v>
      </c>
      <c r="H59" s="81">
        <v>379</v>
      </c>
      <c r="I59" s="81">
        <v>218</v>
      </c>
      <c r="J59" s="82">
        <v>161</v>
      </c>
      <c r="K59" s="81">
        <v>379</v>
      </c>
      <c r="L59" s="81">
        <v>222</v>
      </c>
      <c r="M59" s="82">
        <v>157</v>
      </c>
    </row>
    <row r="60" spans="1:13" ht="20.100000000000001" customHeight="1">
      <c r="A60" s="16" t="s">
        <v>67</v>
      </c>
      <c r="B60" s="18">
        <v>-80</v>
      </c>
      <c r="C60" s="18">
        <v>-37</v>
      </c>
      <c r="D60" s="19">
        <v>-43</v>
      </c>
      <c r="E60" s="18">
        <v>95</v>
      </c>
      <c r="F60" s="18">
        <v>59</v>
      </c>
      <c r="G60" s="19">
        <v>36</v>
      </c>
      <c r="H60" s="18">
        <v>1740</v>
      </c>
      <c r="I60" s="18">
        <v>1017</v>
      </c>
      <c r="J60" s="19">
        <v>723</v>
      </c>
      <c r="K60" s="18">
        <v>1725</v>
      </c>
      <c r="L60" s="18">
        <v>995</v>
      </c>
      <c r="M60" s="19">
        <v>730</v>
      </c>
    </row>
    <row r="61" spans="1:13">
      <c r="A61" s="20" t="s">
        <v>68</v>
      </c>
      <c r="B61" s="81">
        <v>12</v>
      </c>
      <c r="C61" s="81">
        <v>17</v>
      </c>
      <c r="D61" s="82">
        <v>-5</v>
      </c>
      <c r="E61" s="81">
        <v>18</v>
      </c>
      <c r="F61" s="81">
        <v>11</v>
      </c>
      <c r="G61" s="82">
        <v>7</v>
      </c>
      <c r="H61" s="81">
        <v>358</v>
      </c>
      <c r="I61" s="81">
        <v>236</v>
      </c>
      <c r="J61" s="82">
        <v>122</v>
      </c>
      <c r="K61" s="81">
        <v>328</v>
      </c>
      <c r="L61" s="81">
        <v>208</v>
      </c>
      <c r="M61" s="82">
        <v>120</v>
      </c>
    </row>
    <row r="62" spans="1:13">
      <c r="A62" s="20" t="s">
        <v>69</v>
      </c>
      <c r="B62" s="81">
        <v>-2</v>
      </c>
      <c r="C62" s="81">
        <v>2</v>
      </c>
      <c r="D62" s="82">
        <v>-4</v>
      </c>
      <c r="E62" s="81">
        <v>13</v>
      </c>
      <c r="F62" s="81">
        <v>7</v>
      </c>
      <c r="G62" s="82">
        <v>6</v>
      </c>
      <c r="H62" s="81">
        <v>391</v>
      </c>
      <c r="I62" s="81">
        <v>224</v>
      </c>
      <c r="J62" s="82">
        <v>167</v>
      </c>
      <c r="K62" s="81">
        <v>380</v>
      </c>
      <c r="L62" s="81">
        <v>215</v>
      </c>
      <c r="M62" s="82">
        <v>165</v>
      </c>
    </row>
    <row r="63" spans="1:13">
      <c r="A63" s="20" t="s">
        <v>70</v>
      </c>
      <c r="B63" s="81">
        <v>-14</v>
      </c>
      <c r="C63" s="81">
        <v>2</v>
      </c>
      <c r="D63" s="82">
        <v>-16</v>
      </c>
      <c r="E63" s="81">
        <v>16</v>
      </c>
      <c r="F63" s="81">
        <v>11</v>
      </c>
      <c r="G63" s="82">
        <v>5</v>
      </c>
      <c r="H63" s="81">
        <v>340</v>
      </c>
      <c r="I63" s="81">
        <v>200</v>
      </c>
      <c r="J63" s="82">
        <v>140</v>
      </c>
      <c r="K63" s="81">
        <v>338</v>
      </c>
      <c r="L63" s="81">
        <v>187</v>
      </c>
      <c r="M63" s="82">
        <v>151</v>
      </c>
    </row>
    <row r="64" spans="1:13">
      <c r="A64" s="20" t="s">
        <v>71</v>
      </c>
      <c r="B64" s="81">
        <v>-37</v>
      </c>
      <c r="C64" s="81">
        <v>-26</v>
      </c>
      <c r="D64" s="82">
        <v>-11</v>
      </c>
      <c r="E64" s="81">
        <v>21</v>
      </c>
      <c r="F64" s="81">
        <v>14</v>
      </c>
      <c r="G64" s="82">
        <v>7</v>
      </c>
      <c r="H64" s="81">
        <v>317</v>
      </c>
      <c r="I64" s="81">
        <v>176</v>
      </c>
      <c r="J64" s="82">
        <v>141</v>
      </c>
      <c r="K64" s="81">
        <v>333</v>
      </c>
      <c r="L64" s="81">
        <v>188</v>
      </c>
      <c r="M64" s="82">
        <v>145</v>
      </c>
    </row>
    <row r="65" spans="1:13">
      <c r="A65" s="24" t="s">
        <v>72</v>
      </c>
      <c r="B65" s="83">
        <v>-39</v>
      </c>
      <c r="C65" s="83">
        <v>-32</v>
      </c>
      <c r="D65" s="84">
        <v>-7</v>
      </c>
      <c r="E65" s="83">
        <v>27</v>
      </c>
      <c r="F65" s="83">
        <v>16</v>
      </c>
      <c r="G65" s="84">
        <v>11</v>
      </c>
      <c r="H65" s="83">
        <v>334</v>
      </c>
      <c r="I65" s="83">
        <v>181</v>
      </c>
      <c r="J65" s="84">
        <v>153</v>
      </c>
      <c r="K65" s="83">
        <v>346</v>
      </c>
      <c r="L65" s="83">
        <v>197</v>
      </c>
      <c r="M65" s="84">
        <v>14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45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12" t="s">
        <v>12</v>
      </c>
      <c r="B69" s="18">
        <v>4715</v>
      </c>
      <c r="C69" s="18">
        <v>2392</v>
      </c>
      <c r="D69" s="15">
        <v>232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16" t="s">
        <v>13</v>
      </c>
      <c r="B70" s="18">
        <v>4715</v>
      </c>
      <c r="C70" s="18">
        <v>2392</v>
      </c>
      <c r="D70" s="19">
        <v>2323</v>
      </c>
    </row>
    <row r="71" spans="1:13">
      <c r="A71" s="85" t="s">
        <v>14</v>
      </c>
      <c r="B71" s="86">
        <v>4715</v>
      </c>
      <c r="C71" s="83">
        <v>2392</v>
      </c>
      <c r="D71" s="84">
        <v>2323</v>
      </c>
      <c r="G71" s="31"/>
    </row>
    <row r="72" spans="1:13" ht="24" customHeight="1">
      <c r="A72" s="100" t="s">
        <v>74</v>
      </c>
      <c r="B72" s="100"/>
      <c r="C72" s="100"/>
      <c r="D72" s="100"/>
      <c r="E72" s="100"/>
      <c r="F72" s="100"/>
      <c r="G72" s="100"/>
      <c r="H72" s="100"/>
      <c r="I72" s="100"/>
      <c r="J72" s="100"/>
      <c r="K72" s="100"/>
      <c r="L72" s="100"/>
      <c r="M72" s="100"/>
    </row>
    <row r="73" spans="1:13" ht="18" customHeight="1">
      <c r="A73" s="4" t="s">
        <v>178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87"/>
      <c r="B76" s="98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16" t="s">
        <v>80</v>
      </c>
      <c r="B77" s="18">
        <v>-70</v>
      </c>
      <c r="C77" s="18">
        <v>-75</v>
      </c>
      <c r="D77" s="19">
        <v>5</v>
      </c>
      <c r="E77" s="18">
        <v>109</v>
      </c>
      <c r="F77" s="18">
        <v>79</v>
      </c>
      <c r="G77" s="19">
        <v>30</v>
      </c>
      <c r="H77" s="18">
        <v>1335</v>
      </c>
      <c r="I77" s="18">
        <v>734</v>
      </c>
      <c r="J77" s="19">
        <v>601</v>
      </c>
      <c r="K77" s="18">
        <v>1296</v>
      </c>
      <c r="L77" s="18">
        <v>730</v>
      </c>
      <c r="M77" s="19">
        <v>566</v>
      </c>
    </row>
    <row r="78" spans="1:13">
      <c r="A78" s="20" t="s">
        <v>81</v>
      </c>
      <c r="B78" s="81">
        <v>-15</v>
      </c>
      <c r="C78" s="81">
        <v>-24</v>
      </c>
      <c r="D78" s="82">
        <v>9</v>
      </c>
      <c r="E78" s="81">
        <v>16</v>
      </c>
      <c r="F78" s="81">
        <v>13</v>
      </c>
      <c r="G78" s="82">
        <v>3</v>
      </c>
      <c r="H78" s="81">
        <v>315</v>
      </c>
      <c r="I78" s="81">
        <v>176</v>
      </c>
      <c r="J78" s="82">
        <v>139</v>
      </c>
      <c r="K78" s="81">
        <v>314</v>
      </c>
      <c r="L78" s="81">
        <v>187</v>
      </c>
      <c r="M78" s="82">
        <v>127</v>
      </c>
    </row>
    <row r="79" spans="1:13">
      <c r="A79" s="20" t="s">
        <v>82</v>
      </c>
      <c r="B79" s="81">
        <v>-43</v>
      </c>
      <c r="C79" s="81">
        <v>-22</v>
      </c>
      <c r="D79" s="82">
        <v>-21</v>
      </c>
      <c r="E79" s="81">
        <v>26</v>
      </c>
      <c r="F79" s="81">
        <v>19</v>
      </c>
      <c r="G79" s="82">
        <v>7</v>
      </c>
      <c r="H79" s="81">
        <v>275</v>
      </c>
      <c r="I79" s="81">
        <v>155</v>
      </c>
      <c r="J79" s="82">
        <v>120</v>
      </c>
      <c r="K79" s="81">
        <v>292</v>
      </c>
      <c r="L79" s="81">
        <v>158</v>
      </c>
      <c r="M79" s="82">
        <v>134</v>
      </c>
    </row>
    <row r="80" spans="1:13">
      <c r="A80" s="20" t="s">
        <v>83</v>
      </c>
      <c r="B80" s="81">
        <v>0</v>
      </c>
      <c r="C80" s="81">
        <v>-10</v>
      </c>
      <c r="D80" s="82">
        <v>10</v>
      </c>
      <c r="E80" s="81">
        <v>21</v>
      </c>
      <c r="F80" s="81">
        <v>16</v>
      </c>
      <c r="G80" s="82">
        <v>5</v>
      </c>
      <c r="H80" s="81">
        <v>270</v>
      </c>
      <c r="I80" s="81">
        <v>157</v>
      </c>
      <c r="J80" s="82">
        <v>113</v>
      </c>
      <c r="K80" s="81">
        <v>249</v>
      </c>
      <c r="L80" s="81">
        <v>151</v>
      </c>
      <c r="M80" s="82">
        <v>98</v>
      </c>
    </row>
    <row r="81" spans="1:13">
      <c r="A81" s="20" t="s">
        <v>84</v>
      </c>
      <c r="B81" s="81">
        <v>21</v>
      </c>
      <c r="C81" s="81">
        <v>7</v>
      </c>
      <c r="D81" s="82">
        <v>14</v>
      </c>
      <c r="E81" s="81">
        <v>22</v>
      </c>
      <c r="F81" s="81">
        <v>13</v>
      </c>
      <c r="G81" s="82">
        <v>9</v>
      </c>
      <c r="H81" s="81">
        <v>219</v>
      </c>
      <c r="I81" s="81">
        <v>120</v>
      </c>
      <c r="J81" s="82">
        <v>99</v>
      </c>
      <c r="K81" s="81">
        <v>176</v>
      </c>
      <c r="L81" s="81">
        <v>100</v>
      </c>
      <c r="M81" s="82">
        <v>76</v>
      </c>
    </row>
    <row r="82" spans="1:13">
      <c r="A82" s="20" t="s">
        <v>85</v>
      </c>
      <c r="B82" s="81">
        <v>-33</v>
      </c>
      <c r="C82" s="81">
        <v>-26</v>
      </c>
      <c r="D82" s="82">
        <v>-7</v>
      </c>
      <c r="E82" s="81">
        <v>24</v>
      </c>
      <c r="F82" s="81">
        <v>18</v>
      </c>
      <c r="G82" s="82">
        <v>6</v>
      </c>
      <c r="H82" s="81">
        <v>256</v>
      </c>
      <c r="I82" s="81">
        <v>126</v>
      </c>
      <c r="J82" s="82">
        <v>130</v>
      </c>
      <c r="K82" s="81">
        <v>265</v>
      </c>
      <c r="L82" s="81">
        <v>134</v>
      </c>
      <c r="M82" s="82">
        <v>131</v>
      </c>
    </row>
    <row r="83" spans="1:13" ht="19.5" customHeight="1">
      <c r="A83" s="16" t="s">
        <v>86</v>
      </c>
      <c r="B83" s="18">
        <v>-154</v>
      </c>
      <c r="C83" s="18">
        <v>-100</v>
      </c>
      <c r="D83" s="19">
        <v>-54</v>
      </c>
      <c r="E83" s="18">
        <v>156</v>
      </c>
      <c r="F83" s="18">
        <v>109</v>
      </c>
      <c r="G83" s="19">
        <v>47</v>
      </c>
      <c r="H83" s="18">
        <v>920</v>
      </c>
      <c r="I83" s="18">
        <v>521</v>
      </c>
      <c r="J83" s="19">
        <v>399</v>
      </c>
      <c r="K83" s="18">
        <v>918</v>
      </c>
      <c r="L83" s="18">
        <v>512</v>
      </c>
      <c r="M83" s="19">
        <v>406</v>
      </c>
    </row>
    <row r="84" spans="1:13">
      <c r="A84" s="20" t="s">
        <v>87</v>
      </c>
      <c r="B84" s="81">
        <v>-43</v>
      </c>
      <c r="C84" s="81">
        <v>-21</v>
      </c>
      <c r="D84" s="82">
        <v>-22</v>
      </c>
      <c r="E84" s="81">
        <v>34</v>
      </c>
      <c r="F84" s="81">
        <v>21</v>
      </c>
      <c r="G84" s="82">
        <v>13</v>
      </c>
      <c r="H84" s="81">
        <v>206</v>
      </c>
      <c r="I84" s="81">
        <v>113</v>
      </c>
      <c r="J84" s="82">
        <v>93</v>
      </c>
      <c r="K84" s="81">
        <v>215</v>
      </c>
      <c r="L84" s="81">
        <v>113</v>
      </c>
      <c r="M84" s="82">
        <v>102</v>
      </c>
    </row>
    <row r="85" spans="1:13">
      <c r="A85" s="20" t="s">
        <v>88</v>
      </c>
      <c r="B85" s="81">
        <v>0</v>
      </c>
      <c r="C85" s="81">
        <v>6</v>
      </c>
      <c r="D85" s="82">
        <v>-6</v>
      </c>
      <c r="E85" s="81">
        <v>20</v>
      </c>
      <c r="F85" s="81">
        <v>12</v>
      </c>
      <c r="G85" s="82">
        <v>8</v>
      </c>
      <c r="H85" s="81">
        <v>204</v>
      </c>
      <c r="I85" s="81">
        <v>112</v>
      </c>
      <c r="J85" s="82">
        <v>92</v>
      </c>
      <c r="K85" s="81">
        <v>184</v>
      </c>
      <c r="L85" s="81">
        <v>94</v>
      </c>
      <c r="M85" s="82">
        <v>90</v>
      </c>
    </row>
    <row r="86" spans="1:13">
      <c r="A86" s="20" t="s">
        <v>89</v>
      </c>
      <c r="B86" s="81">
        <v>-65</v>
      </c>
      <c r="C86" s="81">
        <v>-51</v>
      </c>
      <c r="D86" s="82">
        <v>-14</v>
      </c>
      <c r="E86" s="81">
        <v>32</v>
      </c>
      <c r="F86" s="81">
        <v>28</v>
      </c>
      <c r="G86" s="82">
        <v>4</v>
      </c>
      <c r="H86" s="81">
        <v>175</v>
      </c>
      <c r="I86" s="81">
        <v>97</v>
      </c>
      <c r="J86" s="82">
        <v>78</v>
      </c>
      <c r="K86" s="81">
        <v>208</v>
      </c>
      <c r="L86" s="81">
        <v>120</v>
      </c>
      <c r="M86" s="82">
        <v>88</v>
      </c>
    </row>
    <row r="87" spans="1:13">
      <c r="A87" s="20" t="s">
        <v>90</v>
      </c>
      <c r="B87" s="81">
        <v>-8</v>
      </c>
      <c r="C87" s="81">
        <v>-8</v>
      </c>
      <c r="D87" s="82">
        <v>0</v>
      </c>
      <c r="E87" s="81">
        <v>38</v>
      </c>
      <c r="F87" s="81">
        <v>28</v>
      </c>
      <c r="G87" s="82">
        <v>10</v>
      </c>
      <c r="H87" s="81">
        <v>200</v>
      </c>
      <c r="I87" s="81">
        <v>124</v>
      </c>
      <c r="J87" s="82">
        <v>76</v>
      </c>
      <c r="K87" s="81">
        <v>170</v>
      </c>
      <c r="L87" s="81">
        <v>104</v>
      </c>
      <c r="M87" s="82">
        <v>66</v>
      </c>
    </row>
    <row r="88" spans="1:13">
      <c r="A88" s="20" t="s">
        <v>91</v>
      </c>
      <c r="B88" s="81">
        <v>-38</v>
      </c>
      <c r="C88" s="81">
        <v>-26</v>
      </c>
      <c r="D88" s="82">
        <v>-12</v>
      </c>
      <c r="E88" s="81">
        <v>32</v>
      </c>
      <c r="F88" s="81">
        <v>20</v>
      </c>
      <c r="G88" s="82">
        <v>12</v>
      </c>
      <c r="H88" s="81">
        <v>135</v>
      </c>
      <c r="I88" s="81">
        <v>75</v>
      </c>
      <c r="J88" s="82">
        <v>60</v>
      </c>
      <c r="K88" s="81">
        <v>141</v>
      </c>
      <c r="L88" s="81">
        <v>81</v>
      </c>
      <c r="M88" s="82">
        <v>60</v>
      </c>
    </row>
    <row r="89" spans="1:13" ht="19.5" customHeight="1">
      <c r="A89" s="16" t="s">
        <v>92</v>
      </c>
      <c r="B89" s="18">
        <v>-272</v>
      </c>
      <c r="C89" s="18">
        <v>-191</v>
      </c>
      <c r="D89" s="19">
        <v>-81</v>
      </c>
      <c r="E89" s="18">
        <v>244</v>
      </c>
      <c r="F89" s="18">
        <v>169</v>
      </c>
      <c r="G89" s="19">
        <v>75</v>
      </c>
      <c r="H89" s="18">
        <v>695</v>
      </c>
      <c r="I89" s="18">
        <v>400</v>
      </c>
      <c r="J89" s="19">
        <v>295</v>
      </c>
      <c r="K89" s="18">
        <v>723</v>
      </c>
      <c r="L89" s="18">
        <v>422</v>
      </c>
      <c r="M89" s="19">
        <v>301</v>
      </c>
    </row>
    <row r="90" spans="1:13">
      <c r="A90" s="20" t="s">
        <v>93</v>
      </c>
      <c r="B90" s="81">
        <v>-70</v>
      </c>
      <c r="C90" s="81">
        <v>-29</v>
      </c>
      <c r="D90" s="82">
        <v>-41</v>
      </c>
      <c r="E90" s="81">
        <v>46</v>
      </c>
      <c r="F90" s="81">
        <v>32</v>
      </c>
      <c r="G90" s="82">
        <v>14</v>
      </c>
      <c r="H90" s="81">
        <v>163</v>
      </c>
      <c r="I90" s="81">
        <v>107</v>
      </c>
      <c r="J90" s="82">
        <v>56</v>
      </c>
      <c r="K90" s="81">
        <v>187</v>
      </c>
      <c r="L90" s="81">
        <v>104</v>
      </c>
      <c r="M90" s="82">
        <v>83</v>
      </c>
    </row>
    <row r="91" spans="1:13">
      <c r="A91" s="20" t="s">
        <v>94</v>
      </c>
      <c r="B91" s="81">
        <v>-28</v>
      </c>
      <c r="C91" s="81">
        <v>-20</v>
      </c>
      <c r="D91" s="82">
        <v>-8</v>
      </c>
      <c r="E91" s="81">
        <v>54</v>
      </c>
      <c r="F91" s="81">
        <v>38</v>
      </c>
      <c r="G91" s="82">
        <v>16</v>
      </c>
      <c r="H91" s="81">
        <v>163</v>
      </c>
      <c r="I91" s="81">
        <v>100</v>
      </c>
      <c r="J91" s="82">
        <v>63</v>
      </c>
      <c r="K91" s="81">
        <v>137</v>
      </c>
      <c r="L91" s="81">
        <v>82</v>
      </c>
      <c r="M91" s="82">
        <v>55</v>
      </c>
    </row>
    <row r="92" spans="1:13">
      <c r="A92" s="20" t="s">
        <v>95</v>
      </c>
      <c r="B92" s="81">
        <v>-66</v>
      </c>
      <c r="C92" s="81">
        <v>-47</v>
      </c>
      <c r="D92" s="82">
        <v>-19</v>
      </c>
      <c r="E92" s="81">
        <v>42</v>
      </c>
      <c r="F92" s="81">
        <v>29</v>
      </c>
      <c r="G92" s="82">
        <v>13</v>
      </c>
      <c r="H92" s="81">
        <v>124</v>
      </c>
      <c r="I92" s="81">
        <v>63</v>
      </c>
      <c r="J92" s="82">
        <v>61</v>
      </c>
      <c r="K92" s="81">
        <v>148</v>
      </c>
      <c r="L92" s="81">
        <v>81</v>
      </c>
      <c r="M92" s="82">
        <v>67</v>
      </c>
    </row>
    <row r="93" spans="1:13">
      <c r="A93" s="20" t="s">
        <v>96</v>
      </c>
      <c r="B93" s="81">
        <v>-52</v>
      </c>
      <c r="C93" s="81">
        <v>-50</v>
      </c>
      <c r="D93" s="82">
        <v>-2</v>
      </c>
      <c r="E93" s="81">
        <v>49</v>
      </c>
      <c r="F93" s="81">
        <v>33</v>
      </c>
      <c r="G93" s="82">
        <v>16</v>
      </c>
      <c r="H93" s="81">
        <v>120</v>
      </c>
      <c r="I93" s="81">
        <v>66</v>
      </c>
      <c r="J93" s="82">
        <v>54</v>
      </c>
      <c r="K93" s="81">
        <v>123</v>
      </c>
      <c r="L93" s="81">
        <v>83</v>
      </c>
      <c r="M93" s="82">
        <v>40</v>
      </c>
    </row>
    <row r="94" spans="1:13">
      <c r="A94" s="20" t="s">
        <v>97</v>
      </c>
      <c r="B94" s="81">
        <v>-56</v>
      </c>
      <c r="C94" s="81">
        <v>-45</v>
      </c>
      <c r="D94" s="82">
        <v>-11</v>
      </c>
      <c r="E94" s="81">
        <v>53</v>
      </c>
      <c r="F94" s="81">
        <v>37</v>
      </c>
      <c r="G94" s="82">
        <v>16</v>
      </c>
      <c r="H94" s="81">
        <v>125</v>
      </c>
      <c r="I94" s="81">
        <v>64</v>
      </c>
      <c r="J94" s="82">
        <v>61</v>
      </c>
      <c r="K94" s="81">
        <v>128</v>
      </c>
      <c r="L94" s="81">
        <v>72</v>
      </c>
      <c r="M94" s="82">
        <v>56</v>
      </c>
    </row>
    <row r="95" spans="1:13" ht="19.5" customHeight="1">
      <c r="A95" s="16" t="s">
        <v>98</v>
      </c>
      <c r="B95" s="18">
        <v>-373</v>
      </c>
      <c r="C95" s="18">
        <v>-277</v>
      </c>
      <c r="D95" s="19">
        <v>-96</v>
      </c>
      <c r="E95" s="18">
        <v>387</v>
      </c>
      <c r="F95" s="18">
        <v>274</v>
      </c>
      <c r="G95" s="19">
        <v>113</v>
      </c>
      <c r="H95" s="18">
        <v>578</v>
      </c>
      <c r="I95" s="18">
        <v>304</v>
      </c>
      <c r="J95" s="19">
        <v>274</v>
      </c>
      <c r="K95" s="18">
        <v>564</v>
      </c>
      <c r="L95" s="18">
        <v>307</v>
      </c>
      <c r="M95" s="19">
        <v>257</v>
      </c>
    </row>
    <row r="96" spans="1:13">
      <c r="A96" s="20" t="s">
        <v>99</v>
      </c>
      <c r="B96" s="81">
        <v>-44</v>
      </c>
      <c r="C96" s="81">
        <v>-34</v>
      </c>
      <c r="D96" s="82">
        <v>-10</v>
      </c>
      <c r="E96" s="81">
        <v>52</v>
      </c>
      <c r="F96" s="81">
        <v>36</v>
      </c>
      <c r="G96" s="82">
        <v>16</v>
      </c>
      <c r="H96" s="81">
        <v>129</v>
      </c>
      <c r="I96" s="81">
        <v>70</v>
      </c>
      <c r="J96" s="82">
        <v>59</v>
      </c>
      <c r="K96" s="81">
        <v>121</v>
      </c>
      <c r="L96" s="81">
        <v>68</v>
      </c>
      <c r="M96" s="82">
        <v>53</v>
      </c>
    </row>
    <row r="97" spans="1:13">
      <c r="A97" s="20" t="s">
        <v>100</v>
      </c>
      <c r="B97" s="81">
        <v>-55</v>
      </c>
      <c r="C97" s="81">
        <v>-43</v>
      </c>
      <c r="D97" s="82">
        <v>-12</v>
      </c>
      <c r="E97" s="81">
        <v>65</v>
      </c>
      <c r="F97" s="81">
        <v>43</v>
      </c>
      <c r="G97" s="82">
        <v>22</v>
      </c>
      <c r="H97" s="81">
        <v>112</v>
      </c>
      <c r="I97" s="81">
        <v>61</v>
      </c>
      <c r="J97" s="82">
        <v>51</v>
      </c>
      <c r="K97" s="81">
        <v>102</v>
      </c>
      <c r="L97" s="81">
        <v>61</v>
      </c>
      <c r="M97" s="82">
        <v>41</v>
      </c>
    </row>
    <row r="98" spans="1:13">
      <c r="A98" s="20" t="s">
        <v>101</v>
      </c>
      <c r="B98" s="81">
        <v>-81</v>
      </c>
      <c r="C98" s="81">
        <v>-68</v>
      </c>
      <c r="D98" s="82">
        <v>-13</v>
      </c>
      <c r="E98" s="81">
        <v>83</v>
      </c>
      <c r="F98" s="81">
        <v>57</v>
      </c>
      <c r="G98" s="82">
        <v>26</v>
      </c>
      <c r="H98" s="81">
        <v>108</v>
      </c>
      <c r="I98" s="81">
        <v>51</v>
      </c>
      <c r="J98" s="82">
        <v>57</v>
      </c>
      <c r="K98" s="81">
        <v>106</v>
      </c>
      <c r="L98" s="81">
        <v>62</v>
      </c>
      <c r="M98" s="82">
        <v>44</v>
      </c>
    </row>
    <row r="99" spans="1:13">
      <c r="A99" s="20" t="s">
        <v>102</v>
      </c>
      <c r="B99" s="81">
        <v>-92</v>
      </c>
      <c r="C99" s="81">
        <v>-61</v>
      </c>
      <c r="D99" s="82">
        <v>-31</v>
      </c>
      <c r="E99" s="81">
        <v>87</v>
      </c>
      <c r="F99" s="81">
        <v>64</v>
      </c>
      <c r="G99" s="82">
        <v>23</v>
      </c>
      <c r="H99" s="81">
        <v>112</v>
      </c>
      <c r="I99" s="81">
        <v>64</v>
      </c>
      <c r="J99" s="82">
        <v>48</v>
      </c>
      <c r="K99" s="81">
        <v>117</v>
      </c>
      <c r="L99" s="81">
        <v>61</v>
      </c>
      <c r="M99" s="82">
        <v>56</v>
      </c>
    </row>
    <row r="100" spans="1:13">
      <c r="A100" s="20" t="s">
        <v>103</v>
      </c>
      <c r="B100" s="81">
        <v>-101</v>
      </c>
      <c r="C100" s="81">
        <v>-71</v>
      </c>
      <c r="D100" s="82">
        <v>-30</v>
      </c>
      <c r="E100" s="81">
        <v>100</v>
      </c>
      <c r="F100" s="81">
        <v>74</v>
      </c>
      <c r="G100" s="82">
        <v>26</v>
      </c>
      <c r="H100" s="81">
        <v>117</v>
      </c>
      <c r="I100" s="81">
        <v>58</v>
      </c>
      <c r="J100" s="82">
        <v>59</v>
      </c>
      <c r="K100" s="81">
        <v>118</v>
      </c>
      <c r="L100" s="81">
        <v>55</v>
      </c>
      <c r="M100" s="82">
        <v>63</v>
      </c>
    </row>
    <row r="101" spans="1:13" ht="19.5" customHeight="1">
      <c r="A101" s="16" t="s">
        <v>104</v>
      </c>
      <c r="B101" s="18">
        <v>-567</v>
      </c>
      <c r="C101" s="18">
        <v>-401</v>
      </c>
      <c r="D101" s="19">
        <v>-166</v>
      </c>
      <c r="E101" s="18">
        <v>682</v>
      </c>
      <c r="F101" s="18">
        <v>453</v>
      </c>
      <c r="G101" s="19">
        <v>229</v>
      </c>
      <c r="H101" s="18">
        <v>537</v>
      </c>
      <c r="I101" s="18">
        <v>264</v>
      </c>
      <c r="J101" s="19">
        <v>273</v>
      </c>
      <c r="K101" s="18">
        <v>422</v>
      </c>
      <c r="L101" s="18">
        <v>212</v>
      </c>
      <c r="M101" s="19">
        <v>210</v>
      </c>
    </row>
    <row r="102" spans="1:13">
      <c r="A102" s="20" t="s">
        <v>105</v>
      </c>
      <c r="B102" s="81">
        <v>-122</v>
      </c>
      <c r="C102" s="81">
        <v>-87</v>
      </c>
      <c r="D102" s="82">
        <v>-35</v>
      </c>
      <c r="E102" s="81">
        <v>138</v>
      </c>
      <c r="F102" s="81">
        <v>87</v>
      </c>
      <c r="G102" s="82">
        <v>51</v>
      </c>
      <c r="H102" s="81">
        <v>128</v>
      </c>
      <c r="I102" s="81">
        <v>62</v>
      </c>
      <c r="J102" s="82">
        <v>66</v>
      </c>
      <c r="K102" s="81">
        <v>112</v>
      </c>
      <c r="L102" s="81">
        <v>62</v>
      </c>
      <c r="M102" s="82">
        <v>50</v>
      </c>
    </row>
    <row r="103" spans="1:13">
      <c r="A103" s="20" t="s">
        <v>106</v>
      </c>
      <c r="B103" s="81">
        <v>-126</v>
      </c>
      <c r="C103" s="81">
        <v>-87</v>
      </c>
      <c r="D103" s="82">
        <v>-39</v>
      </c>
      <c r="E103" s="81">
        <v>156</v>
      </c>
      <c r="F103" s="81">
        <v>104</v>
      </c>
      <c r="G103" s="82">
        <v>52</v>
      </c>
      <c r="H103" s="81">
        <v>125</v>
      </c>
      <c r="I103" s="81">
        <v>69</v>
      </c>
      <c r="J103" s="82">
        <v>56</v>
      </c>
      <c r="K103" s="81">
        <v>95</v>
      </c>
      <c r="L103" s="81">
        <v>52</v>
      </c>
      <c r="M103" s="82">
        <v>43</v>
      </c>
    </row>
    <row r="104" spans="1:13">
      <c r="A104" s="20" t="s">
        <v>107</v>
      </c>
      <c r="B104" s="81">
        <v>-114</v>
      </c>
      <c r="C104" s="81">
        <v>-80</v>
      </c>
      <c r="D104" s="82">
        <v>-34</v>
      </c>
      <c r="E104" s="81">
        <v>152</v>
      </c>
      <c r="F104" s="81">
        <v>104</v>
      </c>
      <c r="G104" s="82">
        <v>48</v>
      </c>
      <c r="H104" s="81">
        <v>130</v>
      </c>
      <c r="I104" s="81">
        <v>64</v>
      </c>
      <c r="J104" s="82">
        <v>66</v>
      </c>
      <c r="K104" s="81">
        <v>92</v>
      </c>
      <c r="L104" s="81">
        <v>40</v>
      </c>
      <c r="M104" s="82">
        <v>52</v>
      </c>
    </row>
    <row r="105" spans="1:13">
      <c r="A105" s="20" t="s">
        <v>108</v>
      </c>
      <c r="B105" s="81">
        <v>-84</v>
      </c>
      <c r="C105" s="81">
        <v>-63</v>
      </c>
      <c r="D105" s="82">
        <v>-21</v>
      </c>
      <c r="E105" s="81">
        <v>112</v>
      </c>
      <c r="F105" s="81">
        <v>78</v>
      </c>
      <c r="G105" s="82">
        <v>34</v>
      </c>
      <c r="H105" s="81">
        <v>77</v>
      </c>
      <c r="I105" s="81">
        <v>39</v>
      </c>
      <c r="J105" s="82">
        <v>38</v>
      </c>
      <c r="K105" s="81">
        <v>49</v>
      </c>
      <c r="L105" s="81">
        <v>24</v>
      </c>
      <c r="M105" s="82">
        <v>25</v>
      </c>
    </row>
    <row r="106" spans="1:13">
      <c r="A106" s="20" t="s">
        <v>109</v>
      </c>
      <c r="B106" s="81">
        <v>-121</v>
      </c>
      <c r="C106" s="81">
        <v>-84</v>
      </c>
      <c r="D106" s="82">
        <v>-37</v>
      </c>
      <c r="E106" s="81">
        <v>124</v>
      </c>
      <c r="F106" s="81">
        <v>80</v>
      </c>
      <c r="G106" s="82">
        <v>44</v>
      </c>
      <c r="H106" s="81">
        <v>77</v>
      </c>
      <c r="I106" s="81">
        <v>30</v>
      </c>
      <c r="J106" s="82">
        <v>47</v>
      </c>
      <c r="K106" s="81">
        <v>74</v>
      </c>
      <c r="L106" s="81">
        <v>34</v>
      </c>
      <c r="M106" s="82">
        <v>40</v>
      </c>
    </row>
    <row r="107" spans="1:13" ht="19.5" customHeight="1">
      <c r="A107" s="16" t="s">
        <v>110</v>
      </c>
      <c r="B107" s="18">
        <v>-878</v>
      </c>
      <c r="C107" s="18">
        <v>-601</v>
      </c>
      <c r="D107" s="19">
        <v>-277</v>
      </c>
      <c r="E107" s="18">
        <v>979</v>
      </c>
      <c r="F107" s="18">
        <v>632</v>
      </c>
      <c r="G107" s="19">
        <v>347</v>
      </c>
      <c r="H107" s="18">
        <v>455</v>
      </c>
      <c r="I107" s="18">
        <v>200</v>
      </c>
      <c r="J107" s="19">
        <v>255</v>
      </c>
      <c r="K107" s="18">
        <v>354</v>
      </c>
      <c r="L107" s="18">
        <v>169</v>
      </c>
      <c r="M107" s="19">
        <v>185</v>
      </c>
    </row>
    <row r="108" spans="1:13">
      <c r="A108" s="20" t="s">
        <v>111</v>
      </c>
      <c r="B108" s="81">
        <v>-156</v>
      </c>
      <c r="C108" s="81">
        <v>-102</v>
      </c>
      <c r="D108" s="82">
        <v>-54</v>
      </c>
      <c r="E108" s="81">
        <v>169</v>
      </c>
      <c r="F108" s="81">
        <v>109</v>
      </c>
      <c r="G108" s="82">
        <v>60</v>
      </c>
      <c r="H108" s="81">
        <v>97</v>
      </c>
      <c r="I108" s="81">
        <v>42</v>
      </c>
      <c r="J108" s="82">
        <v>55</v>
      </c>
      <c r="K108" s="81">
        <v>84</v>
      </c>
      <c r="L108" s="81">
        <v>35</v>
      </c>
      <c r="M108" s="82">
        <v>49</v>
      </c>
    </row>
    <row r="109" spans="1:13">
      <c r="A109" s="20" t="s">
        <v>112</v>
      </c>
      <c r="B109" s="81">
        <v>-158</v>
      </c>
      <c r="C109" s="81">
        <v>-117</v>
      </c>
      <c r="D109" s="82">
        <v>-41</v>
      </c>
      <c r="E109" s="81">
        <v>176</v>
      </c>
      <c r="F109" s="81">
        <v>116</v>
      </c>
      <c r="G109" s="82">
        <v>60</v>
      </c>
      <c r="H109" s="81">
        <v>93</v>
      </c>
      <c r="I109" s="81">
        <v>45</v>
      </c>
      <c r="J109" s="82">
        <v>48</v>
      </c>
      <c r="K109" s="81">
        <v>75</v>
      </c>
      <c r="L109" s="81">
        <v>46</v>
      </c>
      <c r="M109" s="82">
        <v>29</v>
      </c>
    </row>
    <row r="110" spans="1:13">
      <c r="A110" s="20" t="s">
        <v>113</v>
      </c>
      <c r="B110" s="81">
        <v>-173</v>
      </c>
      <c r="C110" s="81">
        <v>-123</v>
      </c>
      <c r="D110" s="82">
        <v>-50</v>
      </c>
      <c r="E110" s="81">
        <v>185</v>
      </c>
      <c r="F110" s="81">
        <v>124</v>
      </c>
      <c r="G110" s="82">
        <v>61</v>
      </c>
      <c r="H110" s="81">
        <v>78</v>
      </c>
      <c r="I110" s="81">
        <v>28</v>
      </c>
      <c r="J110" s="82">
        <v>50</v>
      </c>
      <c r="K110" s="81">
        <v>66</v>
      </c>
      <c r="L110" s="81">
        <v>27</v>
      </c>
      <c r="M110" s="82">
        <v>39</v>
      </c>
    </row>
    <row r="111" spans="1:13">
      <c r="A111" s="20" t="s">
        <v>114</v>
      </c>
      <c r="B111" s="81">
        <v>-206</v>
      </c>
      <c r="C111" s="81">
        <v>-129</v>
      </c>
      <c r="D111" s="82">
        <v>-77</v>
      </c>
      <c r="E111" s="81">
        <v>235</v>
      </c>
      <c r="F111" s="81">
        <v>140</v>
      </c>
      <c r="G111" s="82">
        <v>95</v>
      </c>
      <c r="H111" s="81">
        <v>92</v>
      </c>
      <c r="I111" s="81">
        <v>43</v>
      </c>
      <c r="J111" s="82">
        <v>49</v>
      </c>
      <c r="K111" s="81">
        <v>63</v>
      </c>
      <c r="L111" s="81">
        <v>32</v>
      </c>
      <c r="M111" s="82">
        <v>31</v>
      </c>
    </row>
    <row r="112" spans="1:13">
      <c r="A112" s="20" t="s">
        <v>115</v>
      </c>
      <c r="B112" s="81">
        <v>-185</v>
      </c>
      <c r="C112" s="81">
        <v>-130</v>
      </c>
      <c r="D112" s="82">
        <v>-55</v>
      </c>
      <c r="E112" s="81">
        <v>214</v>
      </c>
      <c r="F112" s="81">
        <v>143</v>
      </c>
      <c r="G112" s="82">
        <v>71</v>
      </c>
      <c r="H112" s="81">
        <v>95</v>
      </c>
      <c r="I112" s="81">
        <v>42</v>
      </c>
      <c r="J112" s="82">
        <v>53</v>
      </c>
      <c r="K112" s="81">
        <v>66</v>
      </c>
      <c r="L112" s="81">
        <v>29</v>
      </c>
      <c r="M112" s="82">
        <v>37</v>
      </c>
    </row>
    <row r="113" spans="1:13" ht="19.5" customHeight="1">
      <c r="A113" s="16" t="s">
        <v>116</v>
      </c>
      <c r="B113" s="18">
        <v>-958</v>
      </c>
      <c r="C113" s="18">
        <v>-601</v>
      </c>
      <c r="D113" s="19">
        <v>-357</v>
      </c>
      <c r="E113" s="18">
        <v>1064</v>
      </c>
      <c r="F113" s="18">
        <v>650</v>
      </c>
      <c r="G113" s="19">
        <v>414</v>
      </c>
      <c r="H113" s="18">
        <v>383</v>
      </c>
      <c r="I113" s="18">
        <v>147</v>
      </c>
      <c r="J113" s="19">
        <v>236</v>
      </c>
      <c r="K113" s="18">
        <v>277</v>
      </c>
      <c r="L113" s="18">
        <v>98</v>
      </c>
      <c r="M113" s="19">
        <v>179</v>
      </c>
    </row>
    <row r="114" spans="1:13">
      <c r="A114" s="20" t="s">
        <v>117</v>
      </c>
      <c r="B114" s="81">
        <v>-155</v>
      </c>
      <c r="C114" s="81">
        <v>-116</v>
      </c>
      <c r="D114" s="82">
        <v>-39</v>
      </c>
      <c r="E114" s="81">
        <v>171</v>
      </c>
      <c r="F114" s="81">
        <v>118</v>
      </c>
      <c r="G114" s="82">
        <v>53</v>
      </c>
      <c r="H114" s="81">
        <v>70</v>
      </c>
      <c r="I114" s="81">
        <v>26</v>
      </c>
      <c r="J114" s="82">
        <v>44</v>
      </c>
      <c r="K114" s="81">
        <v>54</v>
      </c>
      <c r="L114" s="81">
        <v>24</v>
      </c>
      <c r="M114" s="82">
        <v>30</v>
      </c>
    </row>
    <row r="115" spans="1:13">
      <c r="A115" s="20" t="s">
        <v>118</v>
      </c>
      <c r="B115" s="81">
        <v>-201</v>
      </c>
      <c r="C115" s="81">
        <v>-122</v>
      </c>
      <c r="D115" s="82">
        <v>-79</v>
      </c>
      <c r="E115" s="81">
        <v>207</v>
      </c>
      <c r="F115" s="81">
        <v>128</v>
      </c>
      <c r="G115" s="82">
        <v>79</v>
      </c>
      <c r="H115" s="81">
        <v>53</v>
      </c>
      <c r="I115" s="81">
        <v>20</v>
      </c>
      <c r="J115" s="82">
        <v>33</v>
      </c>
      <c r="K115" s="81">
        <v>47</v>
      </c>
      <c r="L115" s="81">
        <v>14</v>
      </c>
      <c r="M115" s="82">
        <v>33</v>
      </c>
    </row>
    <row r="116" spans="1:13">
      <c r="A116" s="20" t="s">
        <v>119</v>
      </c>
      <c r="B116" s="81">
        <v>-197</v>
      </c>
      <c r="C116" s="81">
        <v>-120</v>
      </c>
      <c r="D116" s="82">
        <v>-77</v>
      </c>
      <c r="E116" s="81">
        <v>223</v>
      </c>
      <c r="F116" s="81">
        <v>141</v>
      </c>
      <c r="G116" s="82">
        <v>82</v>
      </c>
      <c r="H116" s="81">
        <v>86</v>
      </c>
      <c r="I116" s="81">
        <v>39</v>
      </c>
      <c r="J116" s="82">
        <v>47</v>
      </c>
      <c r="K116" s="81">
        <v>60</v>
      </c>
      <c r="L116" s="81">
        <v>18</v>
      </c>
      <c r="M116" s="82">
        <v>42</v>
      </c>
    </row>
    <row r="117" spans="1:13">
      <c r="A117" s="20" t="s">
        <v>120</v>
      </c>
      <c r="B117" s="81">
        <v>-191</v>
      </c>
      <c r="C117" s="81">
        <v>-121</v>
      </c>
      <c r="D117" s="82">
        <v>-70</v>
      </c>
      <c r="E117" s="81">
        <v>219</v>
      </c>
      <c r="F117" s="81">
        <v>128</v>
      </c>
      <c r="G117" s="82">
        <v>91</v>
      </c>
      <c r="H117" s="81">
        <v>96</v>
      </c>
      <c r="I117" s="81">
        <v>32</v>
      </c>
      <c r="J117" s="82">
        <v>64</v>
      </c>
      <c r="K117" s="81">
        <v>68</v>
      </c>
      <c r="L117" s="81">
        <v>25</v>
      </c>
      <c r="M117" s="82">
        <v>43</v>
      </c>
    </row>
    <row r="118" spans="1:13">
      <c r="A118" s="20" t="s">
        <v>121</v>
      </c>
      <c r="B118" s="81">
        <v>-214</v>
      </c>
      <c r="C118" s="81">
        <v>-122</v>
      </c>
      <c r="D118" s="82">
        <v>-92</v>
      </c>
      <c r="E118" s="81">
        <v>244</v>
      </c>
      <c r="F118" s="81">
        <v>135</v>
      </c>
      <c r="G118" s="82">
        <v>109</v>
      </c>
      <c r="H118" s="81">
        <v>78</v>
      </c>
      <c r="I118" s="81">
        <v>30</v>
      </c>
      <c r="J118" s="82">
        <v>48</v>
      </c>
      <c r="K118" s="81">
        <v>48</v>
      </c>
      <c r="L118" s="81">
        <v>17</v>
      </c>
      <c r="M118" s="82">
        <v>31</v>
      </c>
    </row>
    <row r="119" spans="1:13" ht="19.5" customHeight="1">
      <c r="A119" s="16" t="s">
        <v>122</v>
      </c>
      <c r="B119" s="18">
        <v>-1091</v>
      </c>
      <c r="C119" s="18">
        <v>-585</v>
      </c>
      <c r="D119" s="19">
        <v>-506</v>
      </c>
      <c r="E119" s="18">
        <v>1207</v>
      </c>
      <c r="F119" s="18">
        <v>616</v>
      </c>
      <c r="G119" s="19">
        <v>591</v>
      </c>
      <c r="H119" s="18">
        <v>365</v>
      </c>
      <c r="I119" s="18">
        <v>109</v>
      </c>
      <c r="J119" s="19">
        <v>256</v>
      </c>
      <c r="K119" s="18">
        <v>249</v>
      </c>
      <c r="L119" s="18">
        <v>78</v>
      </c>
      <c r="M119" s="19">
        <v>171</v>
      </c>
    </row>
    <row r="120" spans="1:13">
      <c r="A120" s="20" t="s">
        <v>123</v>
      </c>
      <c r="B120" s="81">
        <v>-212</v>
      </c>
      <c r="C120" s="81">
        <v>-110</v>
      </c>
      <c r="D120" s="82">
        <v>-102</v>
      </c>
      <c r="E120" s="81">
        <v>234</v>
      </c>
      <c r="F120" s="81">
        <v>119</v>
      </c>
      <c r="G120" s="82">
        <v>115</v>
      </c>
      <c r="H120" s="81">
        <v>79</v>
      </c>
      <c r="I120" s="81">
        <v>26</v>
      </c>
      <c r="J120" s="82">
        <v>53</v>
      </c>
      <c r="K120" s="81">
        <v>57</v>
      </c>
      <c r="L120" s="81">
        <v>17</v>
      </c>
      <c r="M120" s="82">
        <v>40</v>
      </c>
    </row>
    <row r="121" spans="1:13">
      <c r="A121" s="20" t="s">
        <v>124</v>
      </c>
      <c r="B121" s="81">
        <v>-244</v>
      </c>
      <c r="C121" s="81">
        <v>-138</v>
      </c>
      <c r="D121" s="82">
        <v>-106</v>
      </c>
      <c r="E121" s="81">
        <v>259</v>
      </c>
      <c r="F121" s="81">
        <v>138</v>
      </c>
      <c r="G121" s="82">
        <v>121</v>
      </c>
      <c r="H121" s="81">
        <v>62</v>
      </c>
      <c r="I121" s="81">
        <v>17</v>
      </c>
      <c r="J121" s="82">
        <v>45</v>
      </c>
      <c r="K121" s="81">
        <v>47</v>
      </c>
      <c r="L121" s="81">
        <v>17</v>
      </c>
      <c r="M121" s="82">
        <v>30</v>
      </c>
    </row>
    <row r="122" spans="1:13">
      <c r="A122" s="20" t="s">
        <v>125</v>
      </c>
      <c r="B122" s="81">
        <v>-215</v>
      </c>
      <c r="C122" s="81">
        <v>-105</v>
      </c>
      <c r="D122" s="82">
        <v>-110</v>
      </c>
      <c r="E122" s="81">
        <v>243</v>
      </c>
      <c r="F122" s="81">
        <v>119</v>
      </c>
      <c r="G122" s="82">
        <v>124</v>
      </c>
      <c r="H122" s="81">
        <v>78</v>
      </c>
      <c r="I122" s="81">
        <v>28</v>
      </c>
      <c r="J122" s="82">
        <v>50</v>
      </c>
      <c r="K122" s="81">
        <v>50</v>
      </c>
      <c r="L122" s="81">
        <v>14</v>
      </c>
      <c r="M122" s="82">
        <v>36</v>
      </c>
    </row>
    <row r="123" spans="1:13">
      <c r="A123" s="20" t="s">
        <v>126</v>
      </c>
      <c r="B123" s="81">
        <v>-215</v>
      </c>
      <c r="C123" s="81">
        <v>-129</v>
      </c>
      <c r="D123" s="82">
        <v>-86</v>
      </c>
      <c r="E123" s="81">
        <v>242</v>
      </c>
      <c r="F123" s="81">
        <v>134</v>
      </c>
      <c r="G123" s="82">
        <v>108</v>
      </c>
      <c r="H123" s="81">
        <v>72</v>
      </c>
      <c r="I123" s="81">
        <v>18</v>
      </c>
      <c r="J123" s="82">
        <v>54</v>
      </c>
      <c r="K123" s="81">
        <v>45</v>
      </c>
      <c r="L123" s="81">
        <v>13</v>
      </c>
      <c r="M123" s="82">
        <v>32</v>
      </c>
    </row>
    <row r="124" spans="1:13">
      <c r="A124" s="20" t="s">
        <v>127</v>
      </c>
      <c r="B124" s="81">
        <v>-205</v>
      </c>
      <c r="C124" s="81">
        <v>-103</v>
      </c>
      <c r="D124" s="82">
        <v>-102</v>
      </c>
      <c r="E124" s="81">
        <v>229</v>
      </c>
      <c r="F124" s="81">
        <v>106</v>
      </c>
      <c r="G124" s="82">
        <v>123</v>
      </c>
      <c r="H124" s="81">
        <v>74</v>
      </c>
      <c r="I124" s="81">
        <v>20</v>
      </c>
      <c r="J124" s="82">
        <v>54</v>
      </c>
      <c r="K124" s="81">
        <v>50</v>
      </c>
      <c r="L124" s="81">
        <v>17</v>
      </c>
      <c r="M124" s="82">
        <v>33</v>
      </c>
    </row>
    <row r="125" spans="1:13" ht="19.5" customHeight="1">
      <c r="A125" s="16" t="s">
        <v>128</v>
      </c>
      <c r="B125" s="18">
        <v>-866</v>
      </c>
      <c r="C125" s="18">
        <v>-335</v>
      </c>
      <c r="D125" s="19">
        <v>-531</v>
      </c>
      <c r="E125" s="18">
        <v>916</v>
      </c>
      <c r="F125" s="18">
        <v>347</v>
      </c>
      <c r="G125" s="19">
        <v>569</v>
      </c>
      <c r="H125" s="18">
        <v>158</v>
      </c>
      <c r="I125" s="18">
        <v>41</v>
      </c>
      <c r="J125" s="19">
        <v>117</v>
      </c>
      <c r="K125" s="18">
        <v>108</v>
      </c>
      <c r="L125" s="18">
        <v>29</v>
      </c>
      <c r="M125" s="19">
        <v>79</v>
      </c>
    </row>
    <row r="126" spans="1:13">
      <c r="A126" s="20" t="s">
        <v>129</v>
      </c>
      <c r="B126" s="81">
        <v>-213</v>
      </c>
      <c r="C126" s="81">
        <v>-91</v>
      </c>
      <c r="D126" s="82">
        <v>-122</v>
      </c>
      <c r="E126" s="81">
        <v>215</v>
      </c>
      <c r="F126" s="81">
        <v>87</v>
      </c>
      <c r="G126" s="82">
        <v>128</v>
      </c>
      <c r="H126" s="81">
        <v>41</v>
      </c>
      <c r="I126" s="81">
        <v>8</v>
      </c>
      <c r="J126" s="82">
        <v>33</v>
      </c>
      <c r="K126" s="81">
        <v>39</v>
      </c>
      <c r="L126" s="81">
        <v>12</v>
      </c>
      <c r="M126" s="82">
        <v>27</v>
      </c>
    </row>
    <row r="127" spans="1:13">
      <c r="A127" s="20" t="s">
        <v>130</v>
      </c>
      <c r="B127" s="81">
        <v>-205</v>
      </c>
      <c r="C127" s="81">
        <v>-70</v>
      </c>
      <c r="D127" s="82">
        <v>-135</v>
      </c>
      <c r="E127" s="81">
        <v>227</v>
      </c>
      <c r="F127" s="81">
        <v>79</v>
      </c>
      <c r="G127" s="82">
        <v>148</v>
      </c>
      <c r="H127" s="81">
        <v>48</v>
      </c>
      <c r="I127" s="81">
        <v>15</v>
      </c>
      <c r="J127" s="82">
        <v>33</v>
      </c>
      <c r="K127" s="81">
        <v>26</v>
      </c>
      <c r="L127" s="81">
        <v>6</v>
      </c>
      <c r="M127" s="82">
        <v>20</v>
      </c>
    </row>
    <row r="128" spans="1:13">
      <c r="A128" s="20" t="s">
        <v>131</v>
      </c>
      <c r="B128" s="81">
        <v>-165</v>
      </c>
      <c r="C128" s="81">
        <v>-77</v>
      </c>
      <c r="D128" s="82">
        <v>-88</v>
      </c>
      <c r="E128" s="81">
        <v>176</v>
      </c>
      <c r="F128" s="81">
        <v>83</v>
      </c>
      <c r="G128" s="82">
        <v>93</v>
      </c>
      <c r="H128" s="81">
        <v>28</v>
      </c>
      <c r="I128" s="81">
        <v>10</v>
      </c>
      <c r="J128" s="82">
        <v>18</v>
      </c>
      <c r="K128" s="81">
        <v>17</v>
      </c>
      <c r="L128" s="81">
        <v>4</v>
      </c>
      <c r="M128" s="82">
        <v>13</v>
      </c>
    </row>
    <row r="129" spans="1:13">
      <c r="A129" s="20" t="s">
        <v>132</v>
      </c>
      <c r="B129" s="81">
        <v>-141</v>
      </c>
      <c r="C129" s="81">
        <v>-54</v>
      </c>
      <c r="D129" s="82">
        <v>-87</v>
      </c>
      <c r="E129" s="81">
        <v>147</v>
      </c>
      <c r="F129" s="81">
        <v>53</v>
      </c>
      <c r="G129" s="82">
        <v>94</v>
      </c>
      <c r="H129" s="81">
        <v>21</v>
      </c>
      <c r="I129" s="81">
        <v>5</v>
      </c>
      <c r="J129" s="82">
        <v>16</v>
      </c>
      <c r="K129" s="81">
        <v>15</v>
      </c>
      <c r="L129" s="81">
        <v>6</v>
      </c>
      <c r="M129" s="82">
        <v>9</v>
      </c>
    </row>
    <row r="130" spans="1:13">
      <c r="A130" s="20" t="s">
        <v>133</v>
      </c>
      <c r="B130" s="81">
        <v>-142</v>
      </c>
      <c r="C130" s="81">
        <v>-43</v>
      </c>
      <c r="D130" s="82">
        <v>-99</v>
      </c>
      <c r="E130" s="81">
        <v>151</v>
      </c>
      <c r="F130" s="81">
        <v>45</v>
      </c>
      <c r="G130" s="82">
        <v>106</v>
      </c>
      <c r="H130" s="81">
        <v>20</v>
      </c>
      <c r="I130" s="81">
        <v>3</v>
      </c>
      <c r="J130" s="82">
        <v>17</v>
      </c>
      <c r="K130" s="81">
        <v>11</v>
      </c>
      <c r="L130" s="81">
        <v>1</v>
      </c>
      <c r="M130" s="82">
        <v>10</v>
      </c>
    </row>
    <row r="131" spans="1:13" ht="19.5" customHeight="1">
      <c r="A131" s="16" t="s">
        <v>134</v>
      </c>
      <c r="B131" s="18">
        <v>-423</v>
      </c>
      <c r="C131" s="18">
        <v>-102</v>
      </c>
      <c r="D131" s="19">
        <v>-321</v>
      </c>
      <c r="E131" s="18">
        <v>447</v>
      </c>
      <c r="F131" s="18">
        <v>110</v>
      </c>
      <c r="G131" s="19">
        <v>337</v>
      </c>
      <c r="H131" s="18">
        <v>62</v>
      </c>
      <c r="I131" s="18">
        <v>16</v>
      </c>
      <c r="J131" s="19">
        <v>46</v>
      </c>
      <c r="K131" s="18">
        <v>38</v>
      </c>
      <c r="L131" s="18">
        <v>8</v>
      </c>
      <c r="M131" s="19">
        <v>30</v>
      </c>
    </row>
    <row r="132" spans="1:13">
      <c r="A132" s="20" t="s">
        <v>135</v>
      </c>
      <c r="B132" s="81">
        <v>-108</v>
      </c>
      <c r="C132" s="81">
        <v>-34</v>
      </c>
      <c r="D132" s="82">
        <v>-74</v>
      </c>
      <c r="E132" s="81">
        <v>121</v>
      </c>
      <c r="F132" s="81">
        <v>36</v>
      </c>
      <c r="G132" s="82">
        <v>85</v>
      </c>
      <c r="H132" s="81">
        <v>28</v>
      </c>
      <c r="I132" s="81">
        <v>6</v>
      </c>
      <c r="J132" s="82">
        <v>22</v>
      </c>
      <c r="K132" s="81">
        <v>15</v>
      </c>
      <c r="L132" s="81">
        <v>4</v>
      </c>
      <c r="M132" s="82">
        <v>11</v>
      </c>
    </row>
    <row r="133" spans="1:13">
      <c r="A133" s="20" t="s">
        <v>136</v>
      </c>
      <c r="B133" s="81">
        <v>-103</v>
      </c>
      <c r="C133" s="81">
        <v>-20</v>
      </c>
      <c r="D133" s="82">
        <v>-83</v>
      </c>
      <c r="E133" s="81">
        <v>113</v>
      </c>
      <c r="F133" s="81">
        <v>26</v>
      </c>
      <c r="G133" s="82">
        <v>87</v>
      </c>
      <c r="H133" s="81">
        <v>22</v>
      </c>
      <c r="I133" s="81">
        <v>9</v>
      </c>
      <c r="J133" s="82">
        <v>13</v>
      </c>
      <c r="K133" s="81">
        <v>12</v>
      </c>
      <c r="L133" s="81">
        <v>3</v>
      </c>
      <c r="M133" s="82">
        <v>9</v>
      </c>
    </row>
    <row r="134" spans="1:13">
      <c r="A134" s="20" t="s">
        <v>137</v>
      </c>
      <c r="B134" s="81">
        <v>-84</v>
      </c>
      <c r="C134" s="81">
        <v>-17</v>
      </c>
      <c r="D134" s="82">
        <v>-67</v>
      </c>
      <c r="E134" s="81">
        <v>84</v>
      </c>
      <c r="F134" s="81">
        <v>17</v>
      </c>
      <c r="G134" s="82">
        <v>67</v>
      </c>
      <c r="H134" s="81">
        <v>5</v>
      </c>
      <c r="I134" s="81">
        <v>1</v>
      </c>
      <c r="J134" s="82">
        <v>4</v>
      </c>
      <c r="K134" s="81">
        <v>5</v>
      </c>
      <c r="L134" s="81">
        <v>1</v>
      </c>
      <c r="M134" s="82">
        <v>4</v>
      </c>
    </row>
    <row r="135" spans="1:13">
      <c r="A135" s="20" t="s">
        <v>138</v>
      </c>
      <c r="B135" s="81">
        <v>-74</v>
      </c>
      <c r="C135" s="81">
        <v>-17</v>
      </c>
      <c r="D135" s="82">
        <v>-57</v>
      </c>
      <c r="E135" s="81">
        <v>74</v>
      </c>
      <c r="F135" s="81">
        <v>17</v>
      </c>
      <c r="G135" s="82">
        <v>57</v>
      </c>
      <c r="H135" s="81">
        <v>2</v>
      </c>
      <c r="I135" s="81">
        <v>0</v>
      </c>
      <c r="J135" s="82">
        <v>2</v>
      </c>
      <c r="K135" s="81">
        <v>2</v>
      </c>
      <c r="L135" s="81">
        <v>0</v>
      </c>
      <c r="M135" s="82">
        <v>2</v>
      </c>
    </row>
    <row r="136" spans="1:13">
      <c r="A136" s="20" t="s">
        <v>139</v>
      </c>
      <c r="B136" s="81">
        <v>-54</v>
      </c>
      <c r="C136" s="81">
        <v>-14</v>
      </c>
      <c r="D136" s="82">
        <v>-40</v>
      </c>
      <c r="E136" s="81">
        <v>55</v>
      </c>
      <c r="F136" s="81">
        <v>14</v>
      </c>
      <c r="G136" s="82">
        <v>41</v>
      </c>
      <c r="H136" s="81">
        <v>5</v>
      </c>
      <c r="I136" s="81">
        <v>0</v>
      </c>
      <c r="J136" s="82">
        <v>5</v>
      </c>
      <c r="K136" s="81">
        <v>4</v>
      </c>
      <c r="L136" s="81">
        <v>0</v>
      </c>
      <c r="M136" s="82">
        <v>4</v>
      </c>
    </row>
    <row r="137" spans="1:13" ht="19.5" customHeight="1">
      <c r="A137" s="88" t="s">
        <v>140</v>
      </c>
      <c r="B137" s="43">
        <v>-110</v>
      </c>
      <c r="C137" s="43">
        <v>-15</v>
      </c>
      <c r="D137" s="44">
        <v>-95</v>
      </c>
      <c r="E137" s="43">
        <v>113</v>
      </c>
      <c r="F137" s="43">
        <v>17</v>
      </c>
      <c r="G137" s="44">
        <v>96</v>
      </c>
      <c r="H137" s="43">
        <v>8</v>
      </c>
      <c r="I137" s="43">
        <v>3</v>
      </c>
      <c r="J137" s="44">
        <v>5</v>
      </c>
      <c r="K137" s="43">
        <v>5</v>
      </c>
      <c r="L137" s="43">
        <v>1</v>
      </c>
      <c r="M137" s="44">
        <v>4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9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7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1138</v>
      </c>
      <c r="C5" s="14">
        <v>-760</v>
      </c>
      <c r="D5" s="14">
        <v>-378</v>
      </c>
      <c r="E5" s="13">
        <v>1669</v>
      </c>
      <c r="F5" s="14">
        <v>928</v>
      </c>
      <c r="G5" s="15">
        <v>741</v>
      </c>
      <c r="H5" s="14">
        <v>7109</v>
      </c>
      <c r="I5" s="14">
        <v>3785</v>
      </c>
      <c r="J5" s="14">
        <v>3324</v>
      </c>
      <c r="K5" s="13">
        <v>7567</v>
      </c>
      <c r="L5" s="49">
        <v>4095</v>
      </c>
      <c r="M5" s="50">
        <v>3472</v>
      </c>
    </row>
    <row r="6" spans="1:13" ht="19.5" customHeight="1">
      <c r="A6" s="16" t="s">
        <v>13</v>
      </c>
      <c r="B6" s="17">
        <v>935</v>
      </c>
      <c r="C6" s="18">
        <v>430</v>
      </c>
      <c r="D6" s="18">
        <v>505</v>
      </c>
      <c r="E6" s="17">
        <v>3</v>
      </c>
      <c r="F6" s="18">
        <v>2</v>
      </c>
      <c r="G6" s="19">
        <v>1</v>
      </c>
      <c r="H6" s="18">
        <v>342</v>
      </c>
      <c r="I6" s="18">
        <v>161</v>
      </c>
      <c r="J6" s="18">
        <v>181</v>
      </c>
      <c r="K6" s="17">
        <v>393</v>
      </c>
      <c r="L6" s="51">
        <v>207</v>
      </c>
      <c r="M6" s="52">
        <v>186</v>
      </c>
    </row>
    <row r="7" spans="1:13">
      <c r="A7" s="20" t="s">
        <v>14</v>
      </c>
      <c r="B7" s="21">
        <v>985</v>
      </c>
      <c r="C7" s="22">
        <v>483</v>
      </c>
      <c r="D7" s="22">
        <v>502</v>
      </c>
      <c r="E7" s="21">
        <v>2</v>
      </c>
      <c r="F7" s="22">
        <v>1</v>
      </c>
      <c r="G7" s="23">
        <v>1</v>
      </c>
      <c r="H7" s="22">
        <v>62</v>
      </c>
      <c r="I7" s="22">
        <v>36</v>
      </c>
      <c r="J7" s="22">
        <v>26</v>
      </c>
      <c r="K7" s="21">
        <v>64</v>
      </c>
      <c r="L7" s="89">
        <v>30</v>
      </c>
      <c r="M7" s="90">
        <v>34</v>
      </c>
    </row>
    <row r="8" spans="1:13">
      <c r="A8" s="20" t="s">
        <v>15</v>
      </c>
      <c r="B8" s="21">
        <v>-29</v>
      </c>
      <c r="C8" s="22">
        <v>-28</v>
      </c>
      <c r="D8" s="22">
        <v>-1</v>
      </c>
      <c r="E8" s="21">
        <v>1</v>
      </c>
      <c r="F8" s="22">
        <v>1</v>
      </c>
      <c r="G8" s="23">
        <v>0</v>
      </c>
      <c r="H8" s="22">
        <v>91</v>
      </c>
      <c r="I8" s="22">
        <v>38</v>
      </c>
      <c r="J8" s="22">
        <v>53</v>
      </c>
      <c r="K8" s="21">
        <v>119</v>
      </c>
      <c r="L8" s="89">
        <v>65</v>
      </c>
      <c r="M8" s="90">
        <v>54</v>
      </c>
    </row>
    <row r="9" spans="1:13">
      <c r="A9" s="20" t="s">
        <v>16</v>
      </c>
      <c r="B9" s="21">
        <v>-3</v>
      </c>
      <c r="C9" s="22">
        <v>-6</v>
      </c>
      <c r="D9" s="22">
        <v>3</v>
      </c>
      <c r="E9" s="21">
        <v>0</v>
      </c>
      <c r="F9" s="22">
        <v>0</v>
      </c>
      <c r="G9" s="23">
        <v>0</v>
      </c>
      <c r="H9" s="22">
        <v>73</v>
      </c>
      <c r="I9" s="22">
        <v>37</v>
      </c>
      <c r="J9" s="22">
        <v>36</v>
      </c>
      <c r="K9" s="21">
        <v>76</v>
      </c>
      <c r="L9" s="89">
        <v>43</v>
      </c>
      <c r="M9" s="90">
        <v>33</v>
      </c>
    </row>
    <row r="10" spans="1:13">
      <c r="A10" s="20" t="s">
        <v>17</v>
      </c>
      <c r="B10" s="21">
        <v>-16</v>
      </c>
      <c r="C10" s="22">
        <v>-12</v>
      </c>
      <c r="D10" s="22">
        <v>-4</v>
      </c>
      <c r="E10" s="21">
        <v>0</v>
      </c>
      <c r="F10" s="22">
        <v>0</v>
      </c>
      <c r="G10" s="23">
        <v>0</v>
      </c>
      <c r="H10" s="22">
        <v>64</v>
      </c>
      <c r="I10" s="22">
        <v>26</v>
      </c>
      <c r="J10" s="22">
        <v>38</v>
      </c>
      <c r="K10" s="21">
        <v>80</v>
      </c>
      <c r="L10" s="89">
        <v>38</v>
      </c>
      <c r="M10" s="90">
        <v>42</v>
      </c>
    </row>
    <row r="11" spans="1:13">
      <c r="A11" s="20" t="s">
        <v>18</v>
      </c>
      <c r="B11" s="21">
        <v>-2</v>
      </c>
      <c r="C11" s="22">
        <v>-7</v>
      </c>
      <c r="D11" s="22">
        <v>5</v>
      </c>
      <c r="E11" s="21">
        <v>0</v>
      </c>
      <c r="F11" s="22">
        <v>0</v>
      </c>
      <c r="G11" s="23">
        <v>0</v>
      </c>
      <c r="H11" s="22">
        <v>52</v>
      </c>
      <c r="I11" s="22">
        <v>24</v>
      </c>
      <c r="J11" s="22">
        <v>28</v>
      </c>
      <c r="K11" s="21">
        <v>54</v>
      </c>
      <c r="L11" s="89">
        <v>31</v>
      </c>
      <c r="M11" s="90">
        <v>23</v>
      </c>
    </row>
    <row r="12" spans="1:13" ht="20.100000000000001" customHeight="1">
      <c r="A12" s="16" t="s">
        <v>19</v>
      </c>
      <c r="B12" s="17">
        <v>-41</v>
      </c>
      <c r="C12" s="18">
        <v>-13</v>
      </c>
      <c r="D12" s="18">
        <v>-28</v>
      </c>
      <c r="E12" s="17">
        <v>1</v>
      </c>
      <c r="F12" s="18">
        <v>1</v>
      </c>
      <c r="G12" s="19">
        <v>0</v>
      </c>
      <c r="H12" s="18">
        <v>173</v>
      </c>
      <c r="I12" s="18">
        <v>91</v>
      </c>
      <c r="J12" s="18">
        <v>82</v>
      </c>
      <c r="K12" s="17">
        <v>213</v>
      </c>
      <c r="L12" s="51">
        <v>103</v>
      </c>
      <c r="M12" s="52">
        <v>110</v>
      </c>
    </row>
    <row r="13" spans="1:13">
      <c r="A13" s="20" t="s">
        <v>20</v>
      </c>
      <c r="B13" s="21">
        <v>-15</v>
      </c>
      <c r="C13" s="22">
        <v>-2</v>
      </c>
      <c r="D13" s="22">
        <v>-13</v>
      </c>
      <c r="E13" s="21">
        <v>0</v>
      </c>
      <c r="F13" s="22">
        <v>0</v>
      </c>
      <c r="G13" s="23">
        <v>0</v>
      </c>
      <c r="H13" s="22">
        <v>48</v>
      </c>
      <c r="I13" s="22">
        <v>29</v>
      </c>
      <c r="J13" s="22">
        <v>19</v>
      </c>
      <c r="K13" s="21">
        <v>63</v>
      </c>
      <c r="L13" s="89">
        <v>31</v>
      </c>
      <c r="M13" s="90">
        <v>32</v>
      </c>
    </row>
    <row r="14" spans="1:13">
      <c r="A14" s="20" t="s">
        <v>21</v>
      </c>
      <c r="B14" s="21">
        <v>-10</v>
      </c>
      <c r="C14" s="22">
        <v>-8</v>
      </c>
      <c r="D14" s="22">
        <v>-2</v>
      </c>
      <c r="E14" s="21">
        <v>0</v>
      </c>
      <c r="F14" s="22">
        <v>0</v>
      </c>
      <c r="G14" s="23">
        <v>0</v>
      </c>
      <c r="H14" s="22">
        <v>39</v>
      </c>
      <c r="I14" s="22">
        <v>20</v>
      </c>
      <c r="J14" s="22">
        <v>19</v>
      </c>
      <c r="K14" s="21">
        <v>49</v>
      </c>
      <c r="L14" s="89">
        <v>28</v>
      </c>
      <c r="M14" s="90">
        <v>21</v>
      </c>
    </row>
    <row r="15" spans="1:13">
      <c r="A15" s="20" t="s">
        <v>22</v>
      </c>
      <c r="B15" s="21">
        <v>-8</v>
      </c>
      <c r="C15" s="22">
        <v>0</v>
      </c>
      <c r="D15" s="22">
        <v>-8</v>
      </c>
      <c r="E15" s="21">
        <v>0</v>
      </c>
      <c r="F15" s="22">
        <v>0</v>
      </c>
      <c r="G15" s="23">
        <v>0</v>
      </c>
      <c r="H15" s="22">
        <v>38</v>
      </c>
      <c r="I15" s="22">
        <v>20</v>
      </c>
      <c r="J15" s="22">
        <v>18</v>
      </c>
      <c r="K15" s="21">
        <v>46</v>
      </c>
      <c r="L15" s="89">
        <v>20</v>
      </c>
      <c r="M15" s="90">
        <v>26</v>
      </c>
    </row>
    <row r="16" spans="1:13">
      <c r="A16" s="20" t="s">
        <v>23</v>
      </c>
      <c r="B16" s="21">
        <v>-8</v>
      </c>
      <c r="C16" s="22">
        <v>-9</v>
      </c>
      <c r="D16" s="22">
        <v>1</v>
      </c>
      <c r="E16" s="21">
        <v>1</v>
      </c>
      <c r="F16" s="22">
        <v>1</v>
      </c>
      <c r="G16" s="23">
        <v>0</v>
      </c>
      <c r="H16" s="22">
        <v>24</v>
      </c>
      <c r="I16" s="22">
        <v>8</v>
      </c>
      <c r="J16" s="22">
        <v>16</v>
      </c>
      <c r="K16" s="21">
        <v>31</v>
      </c>
      <c r="L16" s="89">
        <v>16</v>
      </c>
      <c r="M16" s="90">
        <v>15</v>
      </c>
    </row>
    <row r="17" spans="1:13">
      <c r="A17" s="20" t="s">
        <v>24</v>
      </c>
      <c r="B17" s="21">
        <v>0</v>
      </c>
      <c r="C17" s="22">
        <v>6</v>
      </c>
      <c r="D17" s="22">
        <v>-6</v>
      </c>
      <c r="E17" s="21">
        <v>0</v>
      </c>
      <c r="F17" s="22">
        <v>0</v>
      </c>
      <c r="G17" s="23">
        <v>0</v>
      </c>
      <c r="H17" s="22">
        <v>24</v>
      </c>
      <c r="I17" s="22">
        <v>14</v>
      </c>
      <c r="J17" s="22">
        <v>10</v>
      </c>
      <c r="K17" s="21">
        <v>24</v>
      </c>
      <c r="L17" s="89">
        <v>8</v>
      </c>
      <c r="M17" s="90">
        <v>16</v>
      </c>
    </row>
    <row r="18" spans="1:13" ht="20.100000000000001" customHeight="1">
      <c r="A18" s="16" t="s">
        <v>25</v>
      </c>
      <c r="B18" s="17">
        <v>-9</v>
      </c>
      <c r="C18" s="18">
        <v>-5</v>
      </c>
      <c r="D18" s="18">
        <v>-4</v>
      </c>
      <c r="E18" s="17">
        <v>2</v>
      </c>
      <c r="F18" s="18">
        <v>0</v>
      </c>
      <c r="G18" s="19">
        <v>2</v>
      </c>
      <c r="H18" s="18">
        <v>89</v>
      </c>
      <c r="I18" s="18">
        <v>37</v>
      </c>
      <c r="J18" s="18">
        <v>52</v>
      </c>
      <c r="K18" s="17">
        <v>96</v>
      </c>
      <c r="L18" s="51">
        <v>42</v>
      </c>
      <c r="M18" s="52">
        <v>54</v>
      </c>
    </row>
    <row r="19" spans="1:13">
      <c r="A19" s="20" t="s">
        <v>26</v>
      </c>
      <c r="B19" s="21">
        <v>10</v>
      </c>
      <c r="C19" s="22">
        <v>7</v>
      </c>
      <c r="D19" s="22">
        <v>3</v>
      </c>
      <c r="E19" s="21">
        <v>0</v>
      </c>
      <c r="F19" s="22">
        <v>0</v>
      </c>
      <c r="G19" s="23">
        <v>0</v>
      </c>
      <c r="H19" s="22">
        <v>28</v>
      </c>
      <c r="I19" s="22">
        <v>13</v>
      </c>
      <c r="J19" s="22">
        <v>15</v>
      </c>
      <c r="K19" s="21">
        <v>18</v>
      </c>
      <c r="L19" s="89">
        <v>6</v>
      </c>
      <c r="M19" s="90">
        <v>12</v>
      </c>
    </row>
    <row r="20" spans="1:13">
      <c r="A20" s="20" t="s">
        <v>27</v>
      </c>
      <c r="B20" s="21">
        <v>-8</v>
      </c>
      <c r="C20" s="22">
        <v>0</v>
      </c>
      <c r="D20" s="22">
        <v>-8</v>
      </c>
      <c r="E20" s="21">
        <v>1</v>
      </c>
      <c r="F20" s="22">
        <v>0</v>
      </c>
      <c r="G20" s="23">
        <v>1</v>
      </c>
      <c r="H20" s="22">
        <v>20</v>
      </c>
      <c r="I20" s="22">
        <v>11</v>
      </c>
      <c r="J20" s="22">
        <v>9</v>
      </c>
      <c r="K20" s="21">
        <v>27</v>
      </c>
      <c r="L20" s="89">
        <v>11</v>
      </c>
      <c r="M20" s="90">
        <v>16</v>
      </c>
    </row>
    <row r="21" spans="1:13">
      <c r="A21" s="20" t="s">
        <v>28</v>
      </c>
      <c r="B21" s="21">
        <v>-5</v>
      </c>
      <c r="C21" s="22">
        <v>-4</v>
      </c>
      <c r="D21" s="22">
        <v>-1</v>
      </c>
      <c r="E21" s="21">
        <v>0</v>
      </c>
      <c r="F21" s="22">
        <v>0</v>
      </c>
      <c r="G21" s="23">
        <v>0</v>
      </c>
      <c r="H21" s="22">
        <v>14</v>
      </c>
      <c r="I21" s="22">
        <v>7</v>
      </c>
      <c r="J21" s="22">
        <v>7</v>
      </c>
      <c r="K21" s="21">
        <v>19</v>
      </c>
      <c r="L21" s="89">
        <v>11</v>
      </c>
      <c r="M21" s="90">
        <v>8</v>
      </c>
    </row>
    <row r="22" spans="1:13">
      <c r="A22" s="20" t="s">
        <v>29</v>
      </c>
      <c r="B22" s="21">
        <v>-4</v>
      </c>
      <c r="C22" s="22">
        <v>-4</v>
      </c>
      <c r="D22" s="22">
        <v>0</v>
      </c>
      <c r="E22" s="21">
        <v>1</v>
      </c>
      <c r="F22" s="22">
        <v>0</v>
      </c>
      <c r="G22" s="23">
        <v>1</v>
      </c>
      <c r="H22" s="22">
        <v>18</v>
      </c>
      <c r="I22" s="22">
        <v>5</v>
      </c>
      <c r="J22" s="22">
        <v>13</v>
      </c>
      <c r="K22" s="21">
        <v>21</v>
      </c>
      <c r="L22" s="89">
        <v>9</v>
      </c>
      <c r="M22" s="90">
        <v>12</v>
      </c>
    </row>
    <row r="23" spans="1:13">
      <c r="A23" s="20" t="s">
        <v>30</v>
      </c>
      <c r="B23" s="21">
        <v>-2</v>
      </c>
      <c r="C23" s="22">
        <v>-4</v>
      </c>
      <c r="D23" s="22">
        <v>2</v>
      </c>
      <c r="E23" s="21">
        <v>0</v>
      </c>
      <c r="F23" s="22">
        <v>0</v>
      </c>
      <c r="G23" s="23">
        <v>0</v>
      </c>
      <c r="H23" s="22">
        <v>9</v>
      </c>
      <c r="I23" s="22">
        <v>1</v>
      </c>
      <c r="J23" s="22">
        <v>8</v>
      </c>
      <c r="K23" s="21">
        <v>11</v>
      </c>
      <c r="L23" s="89">
        <v>5</v>
      </c>
      <c r="M23" s="90">
        <v>6</v>
      </c>
    </row>
    <row r="24" spans="1:13" ht="20.100000000000001" customHeight="1">
      <c r="A24" s="16" t="s">
        <v>31</v>
      </c>
      <c r="B24" s="17">
        <v>139</v>
      </c>
      <c r="C24" s="18">
        <v>62</v>
      </c>
      <c r="D24" s="18">
        <v>77</v>
      </c>
      <c r="E24" s="17">
        <v>1</v>
      </c>
      <c r="F24" s="18">
        <v>1</v>
      </c>
      <c r="G24" s="19">
        <v>0</v>
      </c>
      <c r="H24" s="18">
        <v>342</v>
      </c>
      <c r="I24" s="18">
        <v>173</v>
      </c>
      <c r="J24" s="18">
        <v>169</v>
      </c>
      <c r="K24" s="17">
        <v>202</v>
      </c>
      <c r="L24" s="51">
        <v>110</v>
      </c>
      <c r="M24" s="52">
        <v>92</v>
      </c>
    </row>
    <row r="25" spans="1:13">
      <c r="A25" s="20" t="s">
        <v>32</v>
      </c>
      <c r="B25" s="21">
        <v>5</v>
      </c>
      <c r="C25" s="22">
        <v>-3</v>
      </c>
      <c r="D25" s="22">
        <v>8</v>
      </c>
      <c r="E25" s="21">
        <v>0</v>
      </c>
      <c r="F25" s="22">
        <v>0</v>
      </c>
      <c r="G25" s="23">
        <v>0</v>
      </c>
      <c r="H25" s="22">
        <v>23</v>
      </c>
      <c r="I25" s="22">
        <v>9</v>
      </c>
      <c r="J25" s="22">
        <v>14</v>
      </c>
      <c r="K25" s="21">
        <v>18</v>
      </c>
      <c r="L25" s="89">
        <v>12</v>
      </c>
      <c r="M25" s="90">
        <v>6</v>
      </c>
    </row>
    <row r="26" spans="1:13">
      <c r="A26" s="20" t="s">
        <v>33</v>
      </c>
      <c r="B26" s="21">
        <v>-9</v>
      </c>
      <c r="C26" s="22">
        <v>-7</v>
      </c>
      <c r="D26" s="22">
        <v>-2</v>
      </c>
      <c r="E26" s="21">
        <v>0</v>
      </c>
      <c r="F26" s="22">
        <v>0</v>
      </c>
      <c r="G26" s="23">
        <v>0</v>
      </c>
      <c r="H26" s="22">
        <v>25</v>
      </c>
      <c r="I26" s="22">
        <v>14</v>
      </c>
      <c r="J26" s="22">
        <v>11</v>
      </c>
      <c r="K26" s="21">
        <v>34</v>
      </c>
      <c r="L26" s="89">
        <v>21</v>
      </c>
      <c r="M26" s="90">
        <v>13</v>
      </c>
    </row>
    <row r="27" spans="1:13">
      <c r="A27" s="20" t="s">
        <v>34</v>
      </c>
      <c r="B27" s="21">
        <v>-1</v>
      </c>
      <c r="C27" s="22">
        <v>-2</v>
      </c>
      <c r="D27" s="22">
        <v>1</v>
      </c>
      <c r="E27" s="21">
        <v>0</v>
      </c>
      <c r="F27" s="22">
        <v>0</v>
      </c>
      <c r="G27" s="23">
        <v>0</v>
      </c>
      <c r="H27" s="22">
        <v>22</v>
      </c>
      <c r="I27" s="22">
        <v>11</v>
      </c>
      <c r="J27" s="22">
        <v>11</v>
      </c>
      <c r="K27" s="21">
        <v>23</v>
      </c>
      <c r="L27" s="89">
        <v>13</v>
      </c>
      <c r="M27" s="90">
        <v>10</v>
      </c>
    </row>
    <row r="28" spans="1:13">
      <c r="A28" s="20" t="s">
        <v>35</v>
      </c>
      <c r="B28" s="21">
        <v>14</v>
      </c>
      <c r="C28" s="22">
        <v>7</v>
      </c>
      <c r="D28" s="22">
        <v>7</v>
      </c>
      <c r="E28" s="21">
        <v>0</v>
      </c>
      <c r="F28" s="22">
        <v>0</v>
      </c>
      <c r="G28" s="23">
        <v>0</v>
      </c>
      <c r="H28" s="22">
        <v>62</v>
      </c>
      <c r="I28" s="22">
        <v>27</v>
      </c>
      <c r="J28" s="22">
        <v>35</v>
      </c>
      <c r="K28" s="21">
        <v>48</v>
      </c>
      <c r="L28" s="89">
        <v>20</v>
      </c>
      <c r="M28" s="90">
        <v>28</v>
      </c>
    </row>
    <row r="29" spans="1:13">
      <c r="A29" s="20" t="s">
        <v>36</v>
      </c>
      <c r="B29" s="21">
        <v>130</v>
      </c>
      <c r="C29" s="22">
        <v>67</v>
      </c>
      <c r="D29" s="22">
        <v>63</v>
      </c>
      <c r="E29" s="21">
        <v>1</v>
      </c>
      <c r="F29" s="22">
        <v>1</v>
      </c>
      <c r="G29" s="23">
        <v>0</v>
      </c>
      <c r="H29" s="22">
        <v>210</v>
      </c>
      <c r="I29" s="22">
        <v>112</v>
      </c>
      <c r="J29" s="22">
        <v>98</v>
      </c>
      <c r="K29" s="21">
        <v>79</v>
      </c>
      <c r="L29" s="89">
        <v>44</v>
      </c>
      <c r="M29" s="90">
        <v>35</v>
      </c>
    </row>
    <row r="30" spans="1:13" ht="20.100000000000001" customHeight="1">
      <c r="A30" s="16" t="s">
        <v>37</v>
      </c>
      <c r="B30" s="17">
        <v>-71</v>
      </c>
      <c r="C30" s="18">
        <v>-77</v>
      </c>
      <c r="D30" s="18">
        <v>6</v>
      </c>
      <c r="E30" s="17">
        <v>4</v>
      </c>
      <c r="F30" s="18">
        <v>4</v>
      </c>
      <c r="G30" s="19">
        <v>0</v>
      </c>
      <c r="H30" s="18">
        <v>1354</v>
      </c>
      <c r="I30" s="18">
        <v>710</v>
      </c>
      <c r="J30" s="18">
        <v>644</v>
      </c>
      <c r="K30" s="17">
        <v>1421</v>
      </c>
      <c r="L30" s="51">
        <v>783</v>
      </c>
      <c r="M30" s="52">
        <v>638</v>
      </c>
    </row>
    <row r="31" spans="1:13">
      <c r="A31" s="20" t="s">
        <v>38</v>
      </c>
      <c r="B31" s="21">
        <v>38</v>
      </c>
      <c r="C31" s="22">
        <v>12</v>
      </c>
      <c r="D31" s="22">
        <v>26</v>
      </c>
      <c r="E31" s="21">
        <v>0</v>
      </c>
      <c r="F31" s="22">
        <v>0</v>
      </c>
      <c r="G31" s="23">
        <v>0</v>
      </c>
      <c r="H31" s="22">
        <v>163</v>
      </c>
      <c r="I31" s="22">
        <v>73</v>
      </c>
      <c r="J31" s="22">
        <v>90</v>
      </c>
      <c r="K31" s="21">
        <v>125</v>
      </c>
      <c r="L31" s="89">
        <v>61</v>
      </c>
      <c r="M31" s="90">
        <v>64</v>
      </c>
    </row>
    <row r="32" spans="1:13">
      <c r="A32" s="20" t="s">
        <v>39</v>
      </c>
      <c r="B32" s="21">
        <v>17</v>
      </c>
      <c r="C32" s="22">
        <v>5</v>
      </c>
      <c r="D32" s="22">
        <v>12</v>
      </c>
      <c r="E32" s="21">
        <v>2</v>
      </c>
      <c r="F32" s="22">
        <v>2</v>
      </c>
      <c r="G32" s="23">
        <v>0</v>
      </c>
      <c r="H32" s="22">
        <v>234</v>
      </c>
      <c r="I32" s="22">
        <v>121</v>
      </c>
      <c r="J32" s="22">
        <v>113</v>
      </c>
      <c r="K32" s="21">
        <v>215</v>
      </c>
      <c r="L32" s="89">
        <v>114</v>
      </c>
      <c r="M32" s="90">
        <v>101</v>
      </c>
    </row>
    <row r="33" spans="1:13">
      <c r="A33" s="20" t="s">
        <v>40</v>
      </c>
      <c r="B33" s="21">
        <v>-7</v>
      </c>
      <c r="C33" s="22">
        <v>-10</v>
      </c>
      <c r="D33" s="22">
        <v>3</v>
      </c>
      <c r="E33" s="21">
        <v>0</v>
      </c>
      <c r="F33" s="22">
        <v>0</v>
      </c>
      <c r="G33" s="23">
        <v>0</v>
      </c>
      <c r="H33" s="22">
        <v>268</v>
      </c>
      <c r="I33" s="22">
        <v>139</v>
      </c>
      <c r="J33" s="22">
        <v>129</v>
      </c>
      <c r="K33" s="21">
        <v>275</v>
      </c>
      <c r="L33" s="89">
        <v>149</v>
      </c>
      <c r="M33" s="90">
        <v>126</v>
      </c>
    </row>
    <row r="34" spans="1:13">
      <c r="A34" s="20" t="s">
        <v>41</v>
      </c>
      <c r="B34" s="21">
        <v>-68</v>
      </c>
      <c r="C34" s="22">
        <v>-37</v>
      </c>
      <c r="D34" s="22">
        <v>-31</v>
      </c>
      <c r="E34" s="21">
        <v>2</v>
      </c>
      <c r="F34" s="22">
        <v>2</v>
      </c>
      <c r="G34" s="23">
        <v>0</v>
      </c>
      <c r="H34" s="22">
        <v>380</v>
      </c>
      <c r="I34" s="22">
        <v>208</v>
      </c>
      <c r="J34" s="22">
        <v>172</v>
      </c>
      <c r="K34" s="21">
        <v>446</v>
      </c>
      <c r="L34" s="89">
        <v>243</v>
      </c>
      <c r="M34" s="90">
        <v>203</v>
      </c>
    </row>
    <row r="35" spans="1:13">
      <c r="A35" s="20" t="s">
        <v>42</v>
      </c>
      <c r="B35" s="21">
        <v>-51</v>
      </c>
      <c r="C35" s="22">
        <v>-47</v>
      </c>
      <c r="D35" s="22">
        <v>-4</v>
      </c>
      <c r="E35" s="21">
        <v>0</v>
      </c>
      <c r="F35" s="22">
        <v>0</v>
      </c>
      <c r="G35" s="23">
        <v>0</v>
      </c>
      <c r="H35" s="22">
        <v>309</v>
      </c>
      <c r="I35" s="22">
        <v>169</v>
      </c>
      <c r="J35" s="22">
        <v>140</v>
      </c>
      <c r="K35" s="21">
        <v>360</v>
      </c>
      <c r="L35" s="89">
        <v>216</v>
      </c>
      <c r="M35" s="90">
        <v>144</v>
      </c>
    </row>
    <row r="36" spans="1:13" ht="20.100000000000001" customHeight="1">
      <c r="A36" s="16" t="s">
        <v>43</v>
      </c>
      <c r="B36" s="17">
        <v>-195</v>
      </c>
      <c r="C36" s="18">
        <v>-95</v>
      </c>
      <c r="D36" s="18">
        <v>-100</v>
      </c>
      <c r="E36" s="17">
        <v>1</v>
      </c>
      <c r="F36" s="18">
        <v>1</v>
      </c>
      <c r="G36" s="19">
        <v>0</v>
      </c>
      <c r="H36" s="18">
        <v>1398</v>
      </c>
      <c r="I36" s="18">
        <v>758</v>
      </c>
      <c r="J36" s="18">
        <v>640</v>
      </c>
      <c r="K36" s="17">
        <v>1592</v>
      </c>
      <c r="L36" s="51">
        <v>852</v>
      </c>
      <c r="M36" s="52">
        <v>740</v>
      </c>
    </row>
    <row r="37" spans="1:13">
      <c r="A37" s="20" t="s">
        <v>44</v>
      </c>
      <c r="B37" s="21">
        <v>-73</v>
      </c>
      <c r="C37" s="22">
        <v>-41</v>
      </c>
      <c r="D37" s="22">
        <v>-32</v>
      </c>
      <c r="E37" s="21">
        <v>0</v>
      </c>
      <c r="F37" s="22">
        <v>0</v>
      </c>
      <c r="G37" s="23">
        <v>0</v>
      </c>
      <c r="H37" s="22">
        <v>310</v>
      </c>
      <c r="I37" s="22">
        <v>165</v>
      </c>
      <c r="J37" s="22">
        <v>145</v>
      </c>
      <c r="K37" s="21">
        <v>383</v>
      </c>
      <c r="L37" s="89">
        <v>206</v>
      </c>
      <c r="M37" s="90">
        <v>177</v>
      </c>
    </row>
    <row r="38" spans="1:13">
      <c r="A38" s="20" t="s">
        <v>45</v>
      </c>
      <c r="B38" s="21">
        <v>-6</v>
      </c>
      <c r="C38" s="22">
        <v>2</v>
      </c>
      <c r="D38" s="22">
        <v>-8</v>
      </c>
      <c r="E38" s="21">
        <v>1</v>
      </c>
      <c r="F38" s="22">
        <v>1</v>
      </c>
      <c r="G38" s="23">
        <v>0</v>
      </c>
      <c r="H38" s="22">
        <v>343</v>
      </c>
      <c r="I38" s="22">
        <v>184</v>
      </c>
      <c r="J38" s="22">
        <v>159</v>
      </c>
      <c r="K38" s="21">
        <v>348</v>
      </c>
      <c r="L38" s="89">
        <v>181</v>
      </c>
      <c r="M38" s="90">
        <v>167</v>
      </c>
    </row>
    <row r="39" spans="1:13">
      <c r="A39" s="20" t="s">
        <v>46</v>
      </c>
      <c r="B39" s="21">
        <v>-40</v>
      </c>
      <c r="C39" s="22">
        <v>-20</v>
      </c>
      <c r="D39" s="22">
        <v>-20</v>
      </c>
      <c r="E39" s="21">
        <v>0</v>
      </c>
      <c r="F39" s="22">
        <v>0</v>
      </c>
      <c r="G39" s="23">
        <v>0</v>
      </c>
      <c r="H39" s="22">
        <v>265</v>
      </c>
      <c r="I39" s="22">
        <v>141</v>
      </c>
      <c r="J39" s="22">
        <v>124</v>
      </c>
      <c r="K39" s="21">
        <v>305</v>
      </c>
      <c r="L39" s="89">
        <v>161</v>
      </c>
      <c r="M39" s="90">
        <v>144</v>
      </c>
    </row>
    <row r="40" spans="1:13">
      <c r="A40" s="20" t="s">
        <v>47</v>
      </c>
      <c r="B40" s="21">
        <v>-35</v>
      </c>
      <c r="C40" s="22">
        <v>-8</v>
      </c>
      <c r="D40" s="22">
        <v>-27</v>
      </c>
      <c r="E40" s="21">
        <v>0</v>
      </c>
      <c r="F40" s="22">
        <v>0</v>
      </c>
      <c r="G40" s="23">
        <v>0</v>
      </c>
      <c r="H40" s="22">
        <v>247</v>
      </c>
      <c r="I40" s="22">
        <v>140</v>
      </c>
      <c r="J40" s="22">
        <v>107</v>
      </c>
      <c r="K40" s="21">
        <v>282</v>
      </c>
      <c r="L40" s="89">
        <v>148</v>
      </c>
      <c r="M40" s="90">
        <v>134</v>
      </c>
    </row>
    <row r="41" spans="1:13">
      <c r="A41" s="20" t="s">
        <v>48</v>
      </c>
      <c r="B41" s="21">
        <v>-41</v>
      </c>
      <c r="C41" s="22">
        <v>-28</v>
      </c>
      <c r="D41" s="22">
        <v>-13</v>
      </c>
      <c r="E41" s="21">
        <v>0</v>
      </c>
      <c r="F41" s="22">
        <v>0</v>
      </c>
      <c r="G41" s="23">
        <v>0</v>
      </c>
      <c r="H41" s="22">
        <v>233</v>
      </c>
      <c r="I41" s="22">
        <v>128</v>
      </c>
      <c r="J41" s="22">
        <v>105</v>
      </c>
      <c r="K41" s="21">
        <v>274</v>
      </c>
      <c r="L41" s="89">
        <v>156</v>
      </c>
      <c r="M41" s="90">
        <v>118</v>
      </c>
    </row>
    <row r="42" spans="1:13" ht="20.100000000000001" customHeight="1">
      <c r="A42" s="16" t="s">
        <v>49</v>
      </c>
      <c r="B42" s="17">
        <v>-198</v>
      </c>
      <c r="C42" s="18">
        <v>-94</v>
      </c>
      <c r="D42" s="18">
        <v>-104</v>
      </c>
      <c r="E42" s="17">
        <v>4</v>
      </c>
      <c r="F42" s="18">
        <v>3</v>
      </c>
      <c r="G42" s="19">
        <v>1</v>
      </c>
      <c r="H42" s="18">
        <v>921</v>
      </c>
      <c r="I42" s="18">
        <v>505</v>
      </c>
      <c r="J42" s="18">
        <v>416</v>
      </c>
      <c r="K42" s="17">
        <v>1115</v>
      </c>
      <c r="L42" s="51">
        <v>596</v>
      </c>
      <c r="M42" s="52">
        <v>519</v>
      </c>
    </row>
    <row r="43" spans="1:13">
      <c r="A43" s="20" t="s">
        <v>50</v>
      </c>
      <c r="B43" s="21">
        <v>-28</v>
      </c>
      <c r="C43" s="22">
        <v>-19</v>
      </c>
      <c r="D43" s="22">
        <v>-9</v>
      </c>
      <c r="E43" s="21">
        <v>1</v>
      </c>
      <c r="F43" s="22">
        <v>1</v>
      </c>
      <c r="G43" s="23">
        <v>0</v>
      </c>
      <c r="H43" s="22">
        <v>232</v>
      </c>
      <c r="I43" s="22">
        <v>126</v>
      </c>
      <c r="J43" s="22">
        <v>106</v>
      </c>
      <c r="K43" s="21">
        <v>259</v>
      </c>
      <c r="L43" s="89">
        <v>144</v>
      </c>
      <c r="M43" s="90">
        <v>115</v>
      </c>
    </row>
    <row r="44" spans="1:13">
      <c r="A44" s="20" t="s">
        <v>51</v>
      </c>
      <c r="B44" s="21">
        <v>-58</v>
      </c>
      <c r="C44" s="22">
        <v>-29</v>
      </c>
      <c r="D44" s="22">
        <v>-29</v>
      </c>
      <c r="E44" s="21">
        <v>0</v>
      </c>
      <c r="F44" s="22">
        <v>0</v>
      </c>
      <c r="G44" s="23">
        <v>0</v>
      </c>
      <c r="H44" s="22">
        <v>189</v>
      </c>
      <c r="I44" s="22">
        <v>107</v>
      </c>
      <c r="J44" s="22">
        <v>82</v>
      </c>
      <c r="K44" s="21">
        <v>247</v>
      </c>
      <c r="L44" s="89">
        <v>136</v>
      </c>
      <c r="M44" s="90">
        <v>111</v>
      </c>
    </row>
    <row r="45" spans="1:13">
      <c r="A45" s="20" t="s">
        <v>52</v>
      </c>
      <c r="B45" s="21">
        <v>-22</v>
      </c>
      <c r="C45" s="22">
        <v>-3</v>
      </c>
      <c r="D45" s="22">
        <v>-19</v>
      </c>
      <c r="E45" s="21">
        <v>0</v>
      </c>
      <c r="F45" s="22">
        <v>0</v>
      </c>
      <c r="G45" s="23">
        <v>0</v>
      </c>
      <c r="H45" s="22">
        <v>179</v>
      </c>
      <c r="I45" s="22">
        <v>99</v>
      </c>
      <c r="J45" s="22">
        <v>80</v>
      </c>
      <c r="K45" s="21">
        <v>201</v>
      </c>
      <c r="L45" s="89">
        <v>102</v>
      </c>
      <c r="M45" s="90">
        <v>99</v>
      </c>
    </row>
    <row r="46" spans="1:13">
      <c r="A46" s="20" t="s">
        <v>53</v>
      </c>
      <c r="B46" s="21">
        <v>-46</v>
      </c>
      <c r="C46" s="22">
        <v>-19</v>
      </c>
      <c r="D46" s="22">
        <v>-27</v>
      </c>
      <c r="E46" s="21">
        <v>2</v>
      </c>
      <c r="F46" s="22">
        <v>1</v>
      </c>
      <c r="G46" s="23">
        <v>1</v>
      </c>
      <c r="H46" s="22">
        <v>174</v>
      </c>
      <c r="I46" s="22">
        <v>96</v>
      </c>
      <c r="J46" s="22">
        <v>78</v>
      </c>
      <c r="K46" s="21">
        <v>218</v>
      </c>
      <c r="L46" s="89">
        <v>114</v>
      </c>
      <c r="M46" s="90">
        <v>104</v>
      </c>
    </row>
    <row r="47" spans="1:13">
      <c r="A47" s="20" t="s">
        <v>54</v>
      </c>
      <c r="B47" s="21">
        <v>-44</v>
      </c>
      <c r="C47" s="22">
        <v>-24</v>
      </c>
      <c r="D47" s="22">
        <v>-20</v>
      </c>
      <c r="E47" s="21">
        <v>1</v>
      </c>
      <c r="F47" s="22">
        <v>1</v>
      </c>
      <c r="G47" s="23">
        <v>0</v>
      </c>
      <c r="H47" s="22">
        <v>147</v>
      </c>
      <c r="I47" s="22">
        <v>77</v>
      </c>
      <c r="J47" s="22">
        <v>70</v>
      </c>
      <c r="K47" s="21">
        <v>190</v>
      </c>
      <c r="L47" s="89">
        <v>100</v>
      </c>
      <c r="M47" s="90">
        <v>90</v>
      </c>
    </row>
    <row r="48" spans="1:13" ht="20.100000000000001" customHeight="1">
      <c r="A48" s="16" t="s">
        <v>55</v>
      </c>
      <c r="B48" s="17">
        <v>-108</v>
      </c>
      <c r="C48" s="18">
        <v>-77</v>
      </c>
      <c r="D48" s="18">
        <v>-31</v>
      </c>
      <c r="E48" s="17">
        <v>9</v>
      </c>
      <c r="F48" s="18">
        <v>5</v>
      </c>
      <c r="G48" s="19">
        <v>4</v>
      </c>
      <c r="H48" s="18">
        <v>604</v>
      </c>
      <c r="I48" s="18">
        <v>345</v>
      </c>
      <c r="J48" s="18">
        <v>259</v>
      </c>
      <c r="K48" s="17">
        <v>703</v>
      </c>
      <c r="L48" s="51">
        <v>417</v>
      </c>
      <c r="M48" s="52">
        <v>286</v>
      </c>
    </row>
    <row r="49" spans="1:13">
      <c r="A49" s="20" t="s">
        <v>56</v>
      </c>
      <c r="B49" s="21">
        <v>-49</v>
      </c>
      <c r="C49" s="22">
        <v>-45</v>
      </c>
      <c r="D49" s="22">
        <v>-4</v>
      </c>
      <c r="E49" s="21">
        <v>2</v>
      </c>
      <c r="F49" s="22">
        <v>1</v>
      </c>
      <c r="G49" s="23">
        <v>1</v>
      </c>
      <c r="H49" s="22">
        <v>119</v>
      </c>
      <c r="I49" s="22">
        <v>58</v>
      </c>
      <c r="J49" s="22">
        <v>61</v>
      </c>
      <c r="K49" s="21">
        <v>166</v>
      </c>
      <c r="L49" s="89">
        <v>102</v>
      </c>
      <c r="M49" s="90">
        <v>64</v>
      </c>
    </row>
    <row r="50" spans="1:13">
      <c r="A50" s="20" t="s">
        <v>57</v>
      </c>
      <c r="B50" s="21">
        <v>-4</v>
      </c>
      <c r="C50" s="22">
        <v>0</v>
      </c>
      <c r="D50" s="22">
        <v>-4</v>
      </c>
      <c r="E50" s="21">
        <v>1</v>
      </c>
      <c r="F50" s="22">
        <v>1</v>
      </c>
      <c r="G50" s="23">
        <v>0</v>
      </c>
      <c r="H50" s="22">
        <v>152</v>
      </c>
      <c r="I50" s="22">
        <v>88</v>
      </c>
      <c r="J50" s="22">
        <v>64</v>
      </c>
      <c r="K50" s="21">
        <v>155</v>
      </c>
      <c r="L50" s="89">
        <v>87</v>
      </c>
      <c r="M50" s="90">
        <v>68</v>
      </c>
    </row>
    <row r="51" spans="1:13">
      <c r="A51" s="20" t="s">
        <v>58</v>
      </c>
      <c r="B51" s="21">
        <v>1</v>
      </c>
      <c r="C51" s="22">
        <v>-1</v>
      </c>
      <c r="D51" s="22">
        <v>2</v>
      </c>
      <c r="E51" s="21">
        <v>1</v>
      </c>
      <c r="F51" s="22">
        <v>0</v>
      </c>
      <c r="G51" s="23">
        <v>1</v>
      </c>
      <c r="H51" s="22">
        <v>128</v>
      </c>
      <c r="I51" s="22">
        <v>76</v>
      </c>
      <c r="J51" s="22">
        <v>52</v>
      </c>
      <c r="K51" s="21">
        <v>126</v>
      </c>
      <c r="L51" s="89">
        <v>77</v>
      </c>
      <c r="M51" s="90">
        <v>49</v>
      </c>
    </row>
    <row r="52" spans="1:13">
      <c r="A52" s="20" t="s">
        <v>59</v>
      </c>
      <c r="B52" s="21">
        <v>-42</v>
      </c>
      <c r="C52" s="22">
        <v>-23</v>
      </c>
      <c r="D52" s="22">
        <v>-19</v>
      </c>
      <c r="E52" s="21">
        <v>2</v>
      </c>
      <c r="F52" s="22">
        <v>1</v>
      </c>
      <c r="G52" s="23">
        <v>1</v>
      </c>
      <c r="H52" s="22">
        <v>104</v>
      </c>
      <c r="I52" s="22">
        <v>62</v>
      </c>
      <c r="J52" s="22">
        <v>42</v>
      </c>
      <c r="K52" s="21">
        <v>144</v>
      </c>
      <c r="L52" s="89">
        <v>84</v>
      </c>
      <c r="M52" s="90">
        <v>60</v>
      </c>
    </row>
    <row r="53" spans="1:13">
      <c r="A53" s="20" t="s">
        <v>60</v>
      </c>
      <c r="B53" s="21">
        <v>-14</v>
      </c>
      <c r="C53" s="22">
        <v>-8</v>
      </c>
      <c r="D53" s="22">
        <v>-6</v>
      </c>
      <c r="E53" s="21">
        <v>3</v>
      </c>
      <c r="F53" s="22">
        <v>2</v>
      </c>
      <c r="G53" s="23">
        <v>1</v>
      </c>
      <c r="H53" s="22">
        <v>101</v>
      </c>
      <c r="I53" s="22">
        <v>61</v>
      </c>
      <c r="J53" s="22">
        <v>40</v>
      </c>
      <c r="K53" s="21">
        <v>112</v>
      </c>
      <c r="L53" s="89">
        <v>67</v>
      </c>
      <c r="M53" s="90">
        <v>45</v>
      </c>
    </row>
    <row r="54" spans="1:13" ht="20.100000000000001" customHeight="1">
      <c r="A54" s="16" t="s">
        <v>61</v>
      </c>
      <c r="B54" s="17">
        <v>-67</v>
      </c>
      <c r="C54" s="18">
        <v>-24</v>
      </c>
      <c r="D54" s="18">
        <v>-43</v>
      </c>
      <c r="E54" s="17">
        <v>13</v>
      </c>
      <c r="F54" s="18">
        <v>7</v>
      </c>
      <c r="G54" s="19">
        <v>6</v>
      </c>
      <c r="H54" s="18">
        <v>414</v>
      </c>
      <c r="I54" s="18">
        <v>241</v>
      </c>
      <c r="J54" s="18">
        <v>173</v>
      </c>
      <c r="K54" s="17">
        <v>468</v>
      </c>
      <c r="L54" s="51">
        <v>258</v>
      </c>
      <c r="M54" s="52">
        <v>210</v>
      </c>
    </row>
    <row r="55" spans="1:13">
      <c r="A55" s="20" t="s">
        <v>62</v>
      </c>
      <c r="B55" s="21">
        <v>-9</v>
      </c>
      <c r="C55" s="22">
        <v>-6</v>
      </c>
      <c r="D55" s="22">
        <v>-3</v>
      </c>
      <c r="E55" s="21">
        <v>3</v>
      </c>
      <c r="F55" s="22">
        <v>2</v>
      </c>
      <c r="G55" s="23">
        <v>1</v>
      </c>
      <c r="H55" s="22">
        <v>101</v>
      </c>
      <c r="I55" s="22">
        <v>52</v>
      </c>
      <c r="J55" s="22">
        <v>49</v>
      </c>
      <c r="K55" s="21">
        <v>107</v>
      </c>
      <c r="L55" s="89">
        <v>56</v>
      </c>
      <c r="M55" s="90">
        <v>51</v>
      </c>
    </row>
    <row r="56" spans="1:13">
      <c r="A56" s="20" t="s">
        <v>63</v>
      </c>
      <c r="B56" s="21">
        <v>-26</v>
      </c>
      <c r="C56" s="22">
        <v>-16</v>
      </c>
      <c r="D56" s="22">
        <v>-10</v>
      </c>
      <c r="E56" s="21">
        <v>2</v>
      </c>
      <c r="F56" s="22">
        <v>1</v>
      </c>
      <c r="G56" s="23">
        <v>1</v>
      </c>
      <c r="H56" s="22">
        <v>91</v>
      </c>
      <c r="I56" s="22">
        <v>52</v>
      </c>
      <c r="J56" s="22">
        <v>39</v>
      </c>
      <c r="K56" s="21">
        <v>115</v>
      </c>
      <c r="L56" s="89">
        <v>67</v>
      </c>
      <c r="M56" s="90">
        <v>48</v>
      </c>
    </row>
    <row r="57" spans="1:13">
      <c r="A57" s="20" t="s">
        <v>64</v>
      </c>
      <c r="B57" s="21">
        <v>4</v>
      </c>
      <c r="C57" s="22">
        <v>10</v>
      </c>
      <c r="D57" s="22">
        <v>-6</v>
      </c>
      <c r="E57" s="21">
        <v>2</v>
      </c>
      <c r="F57" s="22">
        <v>1</v>
      </c>
      <c r="G57" s="23">
        <v>1</v>
      </c>
      <c r="H57" s="22">
        <v>82</v>
      </c>
      <c r="I57" s="22">
        <v>48</v>
      </c>
      <c r="J57" s="22">
        <v>34</v>
      </c>
      <c r="K57" s="21">
        <v>76</v>
      </c>
      <c r="L57" s="89">
        <v>37</v>
      </c>
      <c r="M57" s="90">
        <v>39</v>
      </c>
    </row>
    <row r="58" spans="1:13">
      <c r="A58" s="20" t="s">
        <v>65</v>
      </c>
      <c r="B58" s="21">
        <v>-15</v>
      </c>
      <c r="C58" s="22">
        <v>-3</v>
      </c>
      <c r="D58" s="22">
        <v>-12</v>
      </c>
      <c r="E58" s="21">
        <v>3</v>
      </c>
      <c r="F58" s="22">
        <v>1</v>
      </c>
      <c r="G58" s="23">
        <v>2</v>
      </c>
      <c r="H58" s="22">
        <v>70</v>
      </c>
      <c r="I58" s="22">
        <v>46</v>
      </c>
      <c r="J58" s="22">
        <v>24</v>
      </c>
      <c r="K58" s="21">
        <v>82</v>
      </c>
      <c r="L58" s="89">
        <v>48</v>
      </c>
      <c r="M58" s="90">
        <v>34</v>
      </c>
    </row>
    <row r="59" spans="1:13">
      <c r="A59" s="20" t="s">
        <v>66</v>
      </c>
      <c r="B59" s="21">
        <v>-21</v>
      </c>
      <c r="C59" s="22">
        <v>-9</v>
      </c>
      <c r="D59" s="22">
        <v>-12</v>
      </c>
      <c r="E59" s="21">
        <v>3</v>
      </c>
      <c r="F59" s="22">
        <v>2</v>
      </c>
      <c r="G59" s="23">
        <v>1</v>
      </c>
      <c r="H59" s="22">
        <v>70</v>
      </c>
      <c r="I59" s="22">
        <v>43</v>
      </c>
      <c r="J59" s="22">
        <v>27</v>
      </c>
      <c r="K59" s="21">
        <v>88</v>
      </c>
      <c r="L59" s="89">
        <v>50</v>
      </c>
      <c r="M59" s="90">
        <v>38</v>
      </c>
    </row>
    <row r="60" spans="1:13" ht="20.100000000000001" customHeight="1">
      <c r="A60" s="16" t="s">
        <v>67</v>
      </c>
      <c r="B60" s="17">
        <v>-44</v>
      </c>
      <c r="C60" s="18">
        <v>-11</v>
      </c>
      <c r="D60" s="18">
        <v>-33</v>
      </c>
      <c r="E60" s="17">
        <v>25</v>
      </c>
      <c r="F60" s="18">
        <v>17</v>
      </c>
      <c r="G60" s="19">
        <v>8</v>
      </c>
      <c r="H60" s="18">
        <v>350</v>
      </c>
      <c r="I60" s="18">
        <v>212</v>
      </c>
      <c r="J60" s="18">
        <v>138</v>
      </c>
      <c r="K60" s="17">
        <v>369</v>
      </c>
      <c r="L60" s="51">
        <v>206</v>
      </c>
      <c r="M60" s="52">
        <v>163</v>
      </c>
    </row>
    <row r="61" spans="1:13">
      <c r="A61" s="20" t="s">
        <v>68</v>
      </c>
      <c r="B61" s="21">
        <v>-15</v>
      </c>
      <c r="C61" s="22">
        <v>-6</v>
      </c>
      <c r="D61" s="22">
        <v>-9</v>
      </c>
      <c r="E61" s="21">
        <v>3</v>
      </c>
      <c r="F61" s="22">
        <v>1</v>
      </c>
      <c r="G61" s="23">
        <v>2</v>
      </c>
      <c r="H61" s="22">
        <v>70</v>
      </c>
      <c r="I61" s="22">
        <v>46</v>
      </c>
      <c r="J61" s="22">
        <v>24</v>
      </c>
      <c r="K61" s="21">
        <v>82</v>
      </c>
      <c r="L61" s="89">
        <v>51</v>
      </c>
      <c r="M61" s="90">
        <v>31</v>
      </c>
    </row>
    <row r="62" spans="1:13">
      <c r="A62" s="20" t="s">
        <v>69</v>
      </c>
      <c r="B62" s="21">
        <v>-11</v>
      </c>
      <c r="C62" s="22">
        <v>-5</v>
      </c>
      <c r="D62" s="22">
        <v>-6</v>
      </c>
      <c r="E62" s="21">
        <v>5</v>
      </c>
      <c r="F62" s="22">
        <v>5</v>
      </c>
      <c r="G62" s="23">
        <v>0</v>
      </c>
      <c r="H62" s="22">
        <v>79</v>
      </c>
      <c r="I62" s="22">
        <v>43</v>
      </c>
      <c r="J62" s="22">
        <v>36</v>
      </c>
      <c r="K62" s="21">
        <v>85</v>
      </c>
      <c r="L62" s="89">
        <v>43</v>
      </c>
      <c r="M62" s="90">
        <v>42</v>
      </c>
    </row>
    <row r="63" spans="1:13">
      <c r="A63" s="20" t="s">
        <v>70</v>
      </c>
      <c r="B63" s="21">
        <v>-1</v>
      </c>
      <c r="C63" s="22">
        <v>3</v>
      </c>
      <c r="D63" s="22">
        <v>-4</v>
      </c>
      <c r="E63" s="21">
        <v>5</v>
      </c>
      <c r="F63" s="22">
        <v>2</v>
      </c>
      <c r="G63" s="23">
        <v>3</v>
      </c>
      <c r="H63" s="22">
        <v>73</v>
      </c>
      <c r="I63" s="22">
        <v>44</v>
      </c>
      <c r="J63" s="22">
        <v>29</v>
      </c>
      <c r="K63" s="21">
        <v>69</v>
      </c>
      <c r="L63" s="89">
        <v>39</v>
      </c>
      <c r="M63" s="90">
        <v>30</v>
      </c>
    </row>
    <row r="64" spans="1:13">
      <c r="A64" s="20" t="s">
        <v>71</v>
      </c>
      <c r="B64" s="21">
        <v>-11</v>
      </c>
      <c r="C64" s="22">
        <v>-5</v>
      </c>
      <c r="D64" s="22">
        <v>-6</v>
      </c>
      <c r="E64" s="21">
        <v>5</v>
      </c>
      <c r="F64" s="22">
        <v>3</v>
      </c>
      <c r="G64" s="23">
        <v>2</v>
      </c>
      <c r="H64" s="22">
        <v>64</v>
      </c>
      <c r="I64" s="22">
        <v>38</v>
      </c>
      <c r="J64" s="22">
        <v>26</v>
      </c>
      <c r="K64" s="21">
        <v>70</v>
      </c>
      <c r="L64" s="89">
        <v>40</v>
      </c>
      <c r="M64" s="90">
        <v>30</v>
      </c>
    </row>
    <row r="65" spans="1:13">
      <c r="A65" s="24" t="s">
        <v>72</v>
      </c>
      <c r="B65" s="25">
        <v>-6</v>
      </c>
      <c r="C65" s="26">
        <v>2</v>
      </c>
      <c r="D65" s="26">
        <v>-8</v>
      </c>
      <c r="E65" s="25">
        <v>7</v>
      </c>
      <c r="F65" s="26">
        <v>6</v>
      </c>
      <c r="G65" s="27">
        <v>1</v>
      </c>
      <c r="H65" s="26">
        <v>64</v>
      </c>
      <c r="I65" s="26">
        <v>41</v>
      </c>
      <c r="J65" s="26">
        <v>23</v>
      </c>
      <c r="K65" s="25">
        <v>63</v>
      </c>
      <c r="L65" s="91">
        <v>33</v>
      </c>
      <c r="M65" s="92">
        <v>3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989</v>
      </c>
      <c r="C69" s="58">
        <v>478</v>
      </c>
      <c r="D69" s="59">
        <v>511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989</v>
      </c>
      <c r="C70" s="61">
        <v>478</v>
      </c>
      <c r="D70" s="62">
        <v>511</v>
      </c>
    </row>
    <row r="71" spans="1:13">
      <c r="A71" s="24" t="s">
        <v>14</v>
      </c>
      <c r="B71" s="63">
        <v>989</v>
      </c>
      <c r="C71" s="64">
        <v>478</v>
      </c>
      <c r="D71" s="65">
        <v>511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8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34</v>
      </c>
      <c r="C77" s="18">
        <v>-14</v>
      </c>
      <c r="D77" s="18">
        <v>-20</v>
      </c>
      <c r="E77" s="17">
        <v>22</v>
      </c>
      <c r="F77" s="18">
        <v>15</v>
      </c>
      <c r="G77" s="19">
        <v>7</v>
      </c>
      <c r="H77" s="18">
        <v>254</v>
      </c>
      <c r="I77" s="18">
        <v>145</v>
      </c>
      <c r="J77" s="18">
        <v>109</v>
      </c>
      <c r="K77" s="17">
        <v>266</v>
      </c>
      <c r="L77" s="51">
        <v>144</v>
      </c>
      <c r="M77" s="52">
        <v>122</v>
      </c>
    </row>
    <row r="78" spans="1:13">
      <c r="A78" s="40" t="s">
        <v>81</v>
      </c>
      <c r="B78" s="21">
        <v>-12</v>
      </c>
      <c r="C78" s="22">
        <v>-1</v>
      </c>
      <c r="D78" s="22">
        <v>-11</v>
      </c>
      <c r="E78" s="21">
        <v>3</v>
      </c>
      <c r="F78" s="22">
        <v>3</v>
      </c>
      <c r="G78" s="23">
        <v>0</v>
      </c>
      <c r="H78" s="22">
        <v>54</v>
      </c>
      <c r="I78" s="22">
        <v>36</v>
      </c>
      <c r="J78" s="22">
        <v>18</v>
      </c>
      <c r="K78" s="21">
        <v>63</v>
      </c>
      <c r="L78" s="89">
        <v>34</v>
      </c>
      <c r="M78" s="90">
        <v>29</v>
      </c>
    </row>
    <row r="79" spans="1:13">
      <c r="A79" s="40" t="s">
        <v>82</v>
      </c>
      <c r="B79" s="21">
        <v>-9</v>
      </c>
      <c r="C79" s="22">
        <v>-7</v>
      </c>
      <c r="D79" s="22">
        <v>-2</v>
      </c>
      <c r="E79" s="21">
        <v>5</v>
      </c>
      <c r="F79" s="22">
        <v>3</v>
      </c>
      <c r="G79" s="23">
        <v>2</v>
      </c>
      <c r="H79" s="22">
        <v>65</v>
      </c>
      <c r="I79" s="22">
        <v>31</v>
      </c>
      <c r="J79" s="22">
        <v>34</v>
      </c>
      <c r="K79" s="21">
        <v>69</v>
      </c>
      <c r="L79" s="89">
        <v>35</v>
      </c>
      <c r="M79" s="90">
        <v>34</v>
      </c>
    </row>
    <row r="80" spans="1:13">
      <c r="A80" s="40" t="s">
        <v>83</v>
      </c>
      <c r="B80" s="21">
        <v>-3</v>
      </c>
      <c r="C80" s="22">
        <v>-2</v>
      </c>
      <c r="D80" s="22">
        <v>-1</v>
      </c>
      <c r="E80" s="21">
        <v>5</v>
      </c>
      <c r="F80" s="22">
        <v>2</v>
      </c>
      <c r="G80" s="23">
        <v>3</v>
      </c>
      <c r="H80" s="22">
        <v>45</v>
      </c>
      <c r="I80" s="22">
        <v>28</v>
      </c>
      <c r="J80" s="22">
        <v>17</v>
      </c>
      <c r="K80" s="21">
        <v>43</v>
      </c>
      <c r="L80" s="89">
        <v>28</v>
      </c>
      <c r="M80" s="90">
        <v>15</v>
      </c>
    </row>
    <row r="81" spans="1:13">
      <c r="A81" s="40" t="s">
        <v>84</v>
      </c>
      <c r="B81" s="21">
        <v>-9</v>
      </c>
      <c r="C81" s="22">
        <v>-5</v>
      </c>
      <c r="D81" s="22">
        <v>-4</v>
      </c>
      <c r="E81" s="21">
        <v>4</v>
      </c>
      <c r="F81" s="22">
        <v>3</v>
      </c>
      <c r="G81" s="23">
        <v>1</v>
      </c>
      <c r="H81" s="22">
        <v>35</v>
      </c>
      <c r="I81" s="22">
        <v>19</v>
      </c>
      <c r="J81" s="22">
        <v>16</v>
      </c>
      <c r="K81" s="21">
        <v>40</v>
      </c>
      <c r="L81" s="89">
        <v>21</v>
      </c>
      <c r="M81" s="90">
        <v>19</v>
      </c>
    </row>
    <row r="82" spans="1:13">
      <c r="A82" s="40" t="s">
        <v>85</v>
      </c>
      <c r="B82" s="21">
        <v>-1</v>
      </c>
      <c r="C82" s="22">
        <v>1</v>
      </c>
      <c r="D82" s="22">
        <v>-2</v>
      </c>
      <c r="E82" s="21">
        <v>5</v>
      </c>
      <c r="F82" s="22">
        <v>4</v>
      </c>
      <c r="G82" s="23">
        <v>1</v>
      </c>
      <c r="H82" s="22">
        <v>55</v>
      </c>
      <c r="I82" s="22">
        <v>31</v>
      </c>
      <c r="J82" s="22">
        <v>24</v>
      </c>
      <c r="K82" s="21">
        <v>51</v>
      </c>
      <c r="L82" s="89">
        <v>26</v>
      </c>
      <c r="M82" s="90">
        <v>25</v>
      </c>
    </row>
    <row r="83" spans="1:13" ht="19.5" customHeight="1">
      <c r="A83" s="34" t="s">
        <v>86</v>
      </c>
      <c r="B83" s="17">
        <v>-45</v>
      </c>
      <c r="C83" s="18">
        <v>-48</v>
      </c>
      <c r="D83" s="18">
        <v>3</v>
      </c>
      <c r="E83" s="17">
        <v>33</v>
      </c>
      <c r="F83" s="18">
        <v>25</v>
      </c>
      <c r="G83" s="19">
        <v>8</v>
      </c>
      <c r="H83" s="18">
        <v>173</v>
      </c>
      <c r="I83" s="18">
        <v>91</v>
      </c>
      <c r="J83" s="18">
        <v>82</v>
      </c>
      <c r="K83" s="17">
        <v>185</v>
      </c>
      <c r="L83" s="51">
        <v>114</v>
      </c>
      <c r="M83" s="52">
        <v>71</v>
      </c>
    </row>
    <row r="84" spans="1:13">
      <c r="A84" s="40" t="s">
        <v>87</v>
      </c>
      <c r="B84" s="21">
        <v>-19</v>
      </c>
      <c r="C84" s="22">
        <v>-22</v>
      </c>
      <c r="D84" s="22">
        <v>3</v>
      </c>
      <c r="E84" s="21">
        <v>12</v>
      </c>
      <c r="F84" s="22">
        <v>11</v>
      </c>
      <c r="G84" s="23">
        <v>1</v>
      </c>
      <c r="H84" s="22">
        <v>37</v>
      </c>
      <c r="I84" s="22">
        <v>15</v>
      </c>
      <c r="J84" s="22">
        <v>22</v>
      </c>
      <c r="K84" s="21">
        <v>44</v>
      </c>
      <c r="L84" s="89">
        <v>26</v>
      </c>
      <c r="M84" s="90">
        <v>18</v>
      </c>
    </row>
    <row r="85" spans="1:13">
      <c r="A85" s="40" t="s">
        <v>88</v>
      </c>
      <c r="B85" s="21">
        <v>-1</v>
      </c>
      <c r="C85" s="22">
        <v>-1</v>
      </c>
      <c r="D85" s="22">
        <v>0</v>
      </c>
      <c r="E85" s="21">
        <v>3</v>
      </c>
      <c r="F85" s="22">
        <v>0</v>
      </c>
      <c r="G85" s="23">
        <v>3</v>
      </c>
      <c r="H85" s="22">
        <v>39</v>
      </c>
      <c r="I85" s="22">
        <v>18</v>
      </c>
      <c r="J85" s="22">
        <v>21</v>
      </c>
      <c r="K85" s="21">
        <v>37</v>
      </c>
      <c r="L85" s="89">
        <v>19</v>
      </c>
      <c r="M85" s="90">
        <v>18</v>
      </c>
    </row>
    <row r="86" spans="1:13">
      <c r="A86" s="40" t="s">
        <v>89</v>
      </c>
      <c r="B86" s="21">
        <v>-13</v>
      </c>
      <c r="C86" s="22">
        <v>-9</v>
      </c>
      <c r="D86" s="22">
        <v>-4</v>
      </c>
      <c r="E86" s="21">
        <v>7</v>
      </c>
      <c r="F86" s="22">
        <v>6</v>
      </c>
      <c r="G86" s="23">
        <v>1</v>
      </c>
      <c r="H86" s="22">
        <v>36</v>
      </c>
      <c r="I86" s="22">
        <v>22</v>
      </c>
      <c r="J86" s="22">
        <v>14</v>
      </c>
      <c r="K86" s="21">
        <v>42</v>
      </c>
      <c r="L86" s="89">
        <v>25</v>
      </c>
      <c r="M86" s="90">
        <v>17</v>
      </c>
    </row>
    <row r="87" spans="1:13">
      <c r="A87" s="40" t="s">
        <v>90</v>
      </c>
      <c r="B87" s="21">
        <v>-3</v>
      </c>
      <c r="C87" s="22">
        <v>-7</v>
      </c>
      <c r="D87" s="22">
        <v>4</v>
      </c>
      <c r="E87" s="21">
        <v>6</v>
      </c>
      <c r="F87" s="22">
        <v>4</v>
      </c>
      <c r="G87" s="23">
        <v>2</v>
      </c>
      <c r="H87" s="22">
        <v>35</v>
      </c>
      <c r="I87" s="22">
        <v>22</v>
      </c>
      <c r="J87" s="22">
        <v>13</v>
      </c>
      <c r="K87" s="21">
        <v>32</v>
      </c>
      <c r="L87" s="89">
        <v>25</v>
      </c>
      <c r="M87" s="90">
        <v>7</v>
      </c>
    </row>
    <row r="88" spans="1:13">
      <c r="A88" s="40" t="s">
        <v>91</v>
      </c>
      <c r="B88" s="21">
        <v>-9</v>
      </c>
      <c r="C88" s="22">
        <v>-9</v>
      </c>
      <c r="D88" s="22">
        <v>0</v>
      </c>
      <c r="E88" s="21">
        <v>5</v>
      </c>
      <c r="F88" s="22">
        <v>4</v>
      </c>
      <c r="G88" s="23">
        <v>1</v>
      </c>
      <c r="H88" s="22">
        <v>26</v>
      </c>
      <c r="I88" s="22">
        <v>14</v>
      </c>
      <c r="J88" s="22">
        <v>12</v>
      </c>
      <c r="K88" s="21">
        <v>30</v>
      </c>
      <c r="L88" s="89">
        <v>19</v>
      </c>
      <c r="M88" s="90">
        <v>11</v>
      </c>
    </row>
    <row r="89" spans="1:13" ht="19.5" customHeight="1">
      <c r="A89" s="34" t="s">
        <v>92</v>
      </c>
      <c r="B89" s="17">
        <v>-48</v>
      </c>
      <c r="C89" s="18">
        <v>-27</v>
      </c>
      <c r="D89" s="18">
        <v>-21</v>
      </c>
      <c r="E89" s="17">
        <v>44</v>
      </c>
      <c r="F89" s="18">
        <v>27</v>
      </c>
      <c r="G89" s="19">
        <v>17</v>
      </c>
      <c r="H89" s="18">
        <v>145</v>
      </c>
      <c r="I89" s="18">
        <v>87</v>
      </c>
      <c r="J89" s="18">
        <v>58</v>
      </c>
      <c r="K89" s="17">
        <v>149</v>
      </c>
      <c r="L89" s="51">
        <v>87</v>
      </c>
      <c r="M89" s="52">
        <v>62</v>
      </c>
    </row>
    <row r="90" spans="1:13">
      <c r="A90" s="40" t="s">
        <v>93</v>
      </c>
      <c r="B90" s="21">
        <v>-12</v>
      </c>
      <c r="C90" s="22">
        <v>-2</v>
      </c>
      <c r="D90" s="22">
        <v>-10</v>
      </c>
      <c r="E90" s="21">
        <v>9</v>
      </c>
      <c r="F90" s="22">
        <v>5</v>
      </c>
      <c r="G90" s="23">
        <v>4</v>
      </c>
      <c r="H90" s="22">
        <v>25</v>
      </c>
      <c r="I90" s="22">
        <v>18</v>
      </c>
      <c r="J90" s="22">
        <v>7</v>
      </c>
      <c r="K90" s="21">
        <v>28</v>
      </c>
      <c r="L90" s="89">
        <v>15</v>
      </c>
      <c r="M90" s="90">
        <v>13</v>
      </c>
    </row>
    <row r="91" spans="1:13">
      <c r="A91" s="40" t="s">
        <v>94</v>
      </c>
      <c r="B91" s="21">
        <v>-2</v>
      </c>
      <c r="C91" s="22">
        <v>5</v>
      </c>
      <c r="D91" s="22">
        <v>-7</v>
      </c>
      <c r="E91" s="21">
        <v>8</v>
      </c>
      <c r="F91" s="22">
        <v>5</v>
      </c>
      <c r="G91" s="23">
        <v>3</v>
      </c>
      <c r="H91" s="22">
        <v>36</v>
      </c>
      <c r="I91" s="22">
        <v>24</v>
      </c>
      <c r="J91" s="22">
        <v>12</v>
      </c>
      <c r="K91" s="21">
        <v>30</v>
      </c>
      <c r="L91" s="89">
        <v>14</v>
      </c>
      <c r="M91" s="90">
        <v>16</v>
      </c>
    </row>
    <row r="92" spans="1:13">
      <c r="A92" s="40" t="s">
        <v>95</v>
      </c>
      <c r="B92" s="21">
        <v>-7</v>
      </c>
      <c r="C92" s="22">
        <v>-9</v>
      </c>
      <c r="D92" s="22">
        <v>2</v>
      </c>
      <c r="E92" s="21">
        <v>6</v>
      </c>
      <c r="F92" s="22">
        <v>4</v>
      </c>
      <c r="G92" s="23">
        <v>2</v>
      </c>
      <c r="H92" s="22">
        <v>28</v>
      </c>
      <c r="I92" s="22">
        <v>14</v>
      </c>
      <c r="J92" s="22">
        <v>14</v>
      </c>
      <c r="K92" s="21">
        <v>29</v>
      </c>
      <c r="L92" s="89">
        <v>19</v>
      </c>
      <c r="M92" s="90">
        <v>10</v>
      </c>
    </row>
    <row r="93" spans="1:13">
      <c r="A93" s="40" t="s">
        <v>96</v>
      </c>
      <c r="B93" s="21">
        <v>-4</v>
      </c>
      <c r="C93" s="22">
        <v>-2</v>
      </c>
      <c r="D93" s="22">
        <v>-2</v>
      </c>
      <c r="E93" s="21">
        <v>3</v>
      </c>
      <c r="F93" s="22">
        <v>3</v>
      </c>
      <c r="G93" s="23">
        <v>0</v>
      </c>
      <c r="H93" s="22">
        <v>26</v>
      </c>
      <c r="I93" s="22">
        <v>18</v>
      </c>
      <c r="J93" s="22">
        <v>8</v>
      </c>
      <c r="K93" s="21">
        <v>27</v>
      </c>
      <c r="L93" s="89">
        <v>17</v>
      </c>
      <c r="M93" s="90">
        <v>10</v>
      </c>
    </row>
    <row r="94" spans="1:13">
      <c r="A94" s="40" t="s">
        <v>97</v>
      </c>
      <c r="B94" s="21">
        <v>-23</v>
      </c>
      <c r="C94" s="22">
        <v>-19</v>
      </c>
      <c r="D94" s="22">
        <v>-4</v>
      </c>
      <c r="E94" s="21">
        <v>18</v>
      </c>
      <c r="F94" s="22">
        <v>10</v>
      </c>
      <c r="G94" s="23">
        <v>8</v>
      </c>
      <c r="H94" s="22">
        <v>30</v>
      </c>
      <c r="I94" s="22">
        <v>13</v>
      </c>
      <c r="J94" s="22">
        <v>17</v>
      </c>
      <c r="K94" s="21">
        <v>35</v>
      </c>
      <c r="L94" s="89">
        <v>22</v>
      </c>
      <c r="M94" s="90">
        <v>13</v>
      </c>
    </row>
    <row r="95" spans="1:13" ht="19.5" customHeight="1">
      <c r="A95" s="34" t="s">
        <v>98</v>
      </c>
      <c r="B95" s="17">
        <v>-112</v>
      </c>
      <c r="C95" s="18">
        <v>-69</v>
      </c>
      <c r="D95" s="18">
        <v>-43</v>
      </c>
      <c r="E95" s="17">
        <v>97</v>
      </c>
      <c r="F95" s="18">
        <v>66</v>
      </c>
      <c r="G95" s="19">
        <v>31</v>
      </c>
      <c r="H95" s="18">
        <v>111</v>
      </c>
      <c r="I95" s="18">
        <v>63</v>
      </c>
      <c r="J95" s="18">
        <v>48</v>
      </c>
      <c r="K95" s="17">
        <v>126</v>
      </c>
      <c r="L95" s="51">
        <v>66</v>
      </c>
      <c r="M95" s="52">
        <v>60</v>
      </c>
    </row>
    <row r="96" spans="1:13">
      <c r="A96" s="40" t="s">
        <v>99</v>
      </c>
      <c r="B96" s="21">
        <v>-8</v>
      </c>
      <c r="C96" s="22">
        <v>-8</v>
      </c>
      <c r="D96" s="22">
        <v>0</v>
      </c>
      <c r="E96" s="21">
        <v>10</v>
      </c>
      <c r="F96" s="22">
        <v>8</v>
      </c>
      <c r="G96" s="23">
        <v>2</v>
      </c>
      <c r="H96" s="22">
        <v>25</v>
      </c>
      <c r="I96" s="22">
        <v>12</v>
      </c>
      <c r="J96" s="22">
        <v>13</v>
      </c>
      <c r="K96" s="21">
        <v>23</v>
      </c>
      <c r="L96" s="89">
        <v>12</v>
      </c>
      <c r="M96" s="90">
        <v>11</v>
      </c>
    </row>
    <row r="97" spans="1:13">
      <c r="A97" s="40" t="s">
        <v>100</v>
      </c>
      <c r="B97" s="21">
        <v>-19</v>
      </c>
      <c r="C97" s="22">
        <v>-10</v>
      </c>
      <c r="D97" s="22">
        <v>-9</v>
      </c>
      <c r="E97" s="21">
        <v>20</v>
      </c>
      <c r="F97" s="22">
        <v>12</v>
      </c>
      <c r="G97" s="23">
        <v>8</v>
      </c>
      <c r="H97" s="22">
        <v>23</v>
      </c>
      <c r="I97" s="22">
        <v>14</v>
      </c>
      <c r="J97" s="22">
        <v>9</v>
      </c>
      <c r="K97" s="21">
        <v>22</v>
      </c>
      <c r="L97" s="89">
        <v>12</v>
      </c>
      <c r="M97" s="90">
        <v>10</v>
      </c>
    </row>
    <row r="98" spans="1:13">
      <c r="A98" s="40" t="s">
        <v>101</v>
      </c>
      <c r="B98" s="21">
        <v>-33</v>
      </c>
      <c r="C98" s="22">
        <v>-21</v>
      </c>
      <c r="D98" s="22">
        <v>-12</v>
      </c>
      <c r="E98" s="21">
        <v>20</v>
      </c>
      <c r="F98" s="22">
        <v>15</v>
      </c>
      <c r="G98" s="23">
        <v>5</v>
      </c>
      <c r="H98" s="22">
        <v>15</v>
      </c>
      <c r="I98" s="22">
        <v>9</v>
      </c>
      <c r="J98" s="22">
        <v>6</v>
      </c>
      <c r="K98" s="21">
        <v>28</v>
      </c>
      <c r="L98" s="89">
        <v>15</v>
      </c>
      <c r="M98" s="90">
        <v>13</v>
      </c>
    </row>
    <row r="99" spans="1:13">
      <c r="A99" s="40" t="s">
        <v>102</v>
      </c>
      <c r="B99" s="21">
        <v>-15</v>
      </c>
      <c r="C99" s="22">
        <v>-9</v>
      </c>
      <c r="D99" s="22">
        <v>-6</v>
      </c>
      <c r="E99" s="21">
        <v>24</v>
      </c>
      <c r="F99" s="22">
        <v>14</v>
      </c>
      <c r="G99" s="23">
        <v>10</v>
      </c>
      <c r="H99" s="22">
        <v>30</v>
      </c>
      <c r="I99" s="22">
        <v>17</v>
      </c>
      <c r="J99" s="22">
        <v>13</v>
      </c>
      <c r="K99" s="21">
        <v>21</v>
      </c>
      <c r="L99" s="89">
        <v>12</v>
      </c>
      <c r="M99" s="90">
        <v>9</v>
      </c>
    </row>
    <row r="100" spans="1:13">
      <c r="A100" s="40" t="s">
        <v>103</v>
      </c>
      <c r="B100" s="21">
        <v>-37</v>
      </c>
      <c r="C100" s="22">
        <v>-21</v>
      </c>
      <c r="D100" s="22">
        <v>-16</v>
      </c>
      <c r="E100" s="21">
        <v>23</v>
      </c>
      <c r="F100" s="22">
        <v>17</v>
      </c>
      <c r="G100" s="23">
        <v>6</v>
      </c>
      <c r="H100" s="22">
        <v>18</v>
      </c>
      <c r="I100" s="22">
        <v>11</v>
      </c>
      <c r="J100" s="22">
        <v>7</v>
      </c>
      <c r="K100" s="21">
        <v>32</v>
      </c>
      <c r="L100" s="89">
        <v>15</v>
      </c>
      <c r="M100" s="90">
        <v>17</v>
      </c>
    </row>
    <row r="101" spans="1:13" ht="19.5" customHeight="1">
      <c r="A101" s="34" t="s">
        <v>104</v>
      </c>
      <c r="B101" s="17">
        <v>-176</v>
      </c>
      <c r="C101" s="18">
        <v>-129</v>
      </c>
      <c r="D101" s="18">
        <v>-47</v>
      </c>
      <c r="E101" s="17">
        <v>198</v>
      </c>
      <c r="F101" s="18">
        <v>135</v>
      </c>
      <c r="G101" s="19">
        <v>63</v>
      </c>
      <c r="H101" s="18">
        <v>116</v>
      </c>
      <c r="I101" s="18">
        <v>52</v>
      </c>
      <c r="J101" s="18">
        <v>64</v>
      </c>
      <c r="K101" s="17">
        <v>94</v>
      </c>
      <c r="L101" s="51">
        <v>46</v>
      </c>
      <c r="M101" s="52">
        <v>48</v>
      </c>
    </row>
    <row r="102" spans="1:13">
      <c r="A102" s="40" t="s">
        <v>105</v>
      </c>
      <c r="B102" s="21">
        <v>-30</v>
      </c>
      <c r="C102" s="22">
        <v>-18</v>
      </c>
      <c r="D102" s="22">
        <v>-12</v>
      </c>
      <c r="E102" s="21">
        <v>28</v>
      </c>
      <c r="F102" s="22">
        <v>17</v>
      </c>
      <c r="G102" s="23">
        <v>11</v>
      </c>
      <c r="H102" s="22">
        <v>29</v>
      </c>
      <c r="I102" s="22">
        <v>15</v>
      </c>
      <c r="J102" s="22">
        <v>14</v>
      </c>
      <c r="K102" s="21">
        <v>31</v>
      </c>
      <c r="L102" s="89">
        <v>16</v>
      </c>
      <c r="M102" s="90">
        <v>15</v>
      </c>
    </row>
    <row r="103" spans="1:13">
      <c r="A103" s="40" t="s">
        <v>106</v>
      </c>
      <c r="B103" s="21">
        <v>-42</v>
      </c>
      <c r="C103" s="22">
        <v>-31</v>
      </c>
      <c r="D103" s="22">
        <v>-11</v>
      </c>
      <c r="E103" s="21">
        <v>49</v>
      </c>
      <c r="F103" s="22">
        <v>31</v>
      </c>
      <c r="G103" s="23">
        <v>18</v>
      </c>
      <c r="H103" s="22">
        <v>30</v>
      </c>
      <c r="I103" s="22">
        <v>15</v>
      </c>
      <c r="J103" s="22">
        <v>15</v>
      </c>
      <c r="K103" s="21">
        <v>23</v>
      </c>
      <c r="L103" s="89">
        <v>15</v>
      </c>
      <c r="M103" s="90">
        <v>8</v>
      </c>
    </row>
    <row r="104" spans="1:13">
      <c r="A104" s="40" t="s">
        <v>107</v>
      </c>
      <c r="B104" s="21">
        <v>-34</v>
      </c>
      <c r="C104" s="22">
        <v>-21</v>
      </c>
      <c r="D104" s="22">
        <v>-13</v>
      </c>
      <c r="E104" s="21">
        <v>40</v>
      </c>
      <c r="F104" s="22">
        <v>27</v>
      </c>
      <c r="G104" s="23">
        <v>13</v>
      </c>
      <c r="H104" s="22">
        <v>23</v>
      </c>
      <c r="I104" s="22">
        <v>11</v>
      </c>
      <c r="J104" s="22">
        <v>12</v>
      </c>
      <c r="K104" s="21">
        <v>17</v>
      </c>
      <c r="L104" s="89">
        <v>5</v>
      </c>
      <c r="M104" s="90">
        <v>12</v>
      </c>
    </row>
    <row r="105" spans="1:13">
      <c r="A105" s="40" t="s">
        <v>108</v>
      </c>
      <c r="B105" s="21">
        <v>-29</v>
      </c>
      <c r="C105" s="22">
        <v>-26</v>
      </c>
      <c r="D105" s="22">
        <v>-3</v>
      </c>
      <c r="E105" s="21">
        <v>41</v>
      </c>
      <c r="F105" s="22">
        <v>31</v>
      </c>
      <c r="G105" s="23">
        <v>10</v>
      </c>
      <c r="H105" s="22">
        <v>20</v>
      </c>
      <c r="I105" s="22">
        <v>9</v>
      </c>
      <c r="J105" s="22">
        <v>11</v>
      </c>
      <c r="K105" s="21">
        <v>8</v>
      </c>
      <c r="L105" s="89">
        <v>4</v>
      </c>
      <c r="M105" s="90">
        <v>4</v>
      </c>
    </row>
    <row r="106" spans="1:13">
      <c r="A106" s="40" t="s">
        <v>109</v>
      </c>
      <c r="B106" s="21">
        <v>-41</v>
      </c>
      <c r="C106" s="22">
        <v>-33</v>
      </c>
      <c r="D106" s="22">
        <v>-8</v>
      </c>
      <c r="E106" s="21">
        <v>40</v>
      </c>
      <c r="F106" s="22">
        <v>29</v>
      </c>
      <c r="G106" s="23">
        <v>11</v>
      </c>
      <c r="H106" s="22">
        <v>14</v>
      </c>
      <c r="I106" s="22">
        <v>2</v>
      </c>
      <c r="J106" s="22">
        <v>12</v>
      </c>
      <c r="K106" s="21">
        <v>15</v>
      </c>
      <c r="L106" s="89">
        <v>6</v>
      </c>
      <c r="M106" s="90">
        <v>9</v>
      </c>
    </row>
    <row r="107" spans="1:13" ht="19.5" customHeight="1">
      <c r="A107" s="34" t="s">
        <v>110</v>
      </c>
      <c r="B107" s="17">
        <v>-244</v>
      </c>
      <c r="C107" s="18">
        <v>-174</v>
      </c>
      <c r="D107" s="18">
        <v>-70</v>
      </c>
      <c r="E107" s="17">
        <v>283</v>
      </c>
      <c r="F107" s="18">
        <v>194</v>
      </c>
      <c r="G107" s="19">
        <v>89</v>
      </c>
      <c r="H107" s="18">
        <v>105</v>
      </c>
      <c r="I107" s="18">
        <v>53</v>
      </c>
      <c r="J107" s="18">
        <v>52</v>
      </c>
      <c r="K107" s="17">
        <v>66</v>
      </c>
      <c r="L107" s="51">
        <v>33</v>
      </c>
      <c r="M107" s="52">
        <v>33</v>
      </c>
    </row>
    <row r="108" spans="1:13">
      <c r="A108" s="40" t="s">
        <v>111</v>
      </c>
      <c r="B108" s="21">
        <v>-26</v>
      </c>
      <c r="C108" s="22">
        <v>-18</v>
      </c>
      <c r="D108" s="22">
        <v>-8</v>
      </c>
      <c r="E108" s="21">
        <v>40</v>
      </c>
      <c r="F108" s="22">
        <v>26</v>
      </c>
      <c r="G108" s="23">
        <v>14</v>
      </c>
      <c r="H108" s="22">
        <v>27</v>
      </c>
      <c r="I108" s="22">
        <v>15</v>
      </c>
      <c r="J108" s="22">
        <v>12</v>
      </c>
      <c r="K108" s="21">
        <v>13</v>
      </c>
      <c r="L108" s="89">
        <v>7</v>
      </c>
      <c r="M108" s="90">
        <v>6</v>
      </c>
    </row>
    <row r="109" spans="1:13">
      <c r="A109" s="40" t="s">
        <v>112</v>
      </c>
      <c r="B109" s="21">
        <v>-49</v>
      </c>
      <c r="C109" s="22">
        <v>-41</v>
      </c>
      <c r="D109" s="22">
        <v>-8</v>
      </c>
      <c r="E109" s="21">
        <v>60</v>
      </c>
      <c r="F109" s="22">
        <v>39</v>
      </c>
      <c r="G109" s="23">
        <v>21</v>
      </c>
      <c r="H109" s="22">
        <v>24</v>
      </c>
      <c r="I109" s="22">
        <v>10</v>
      </c>
      <c r="J109" s="22">
        <v>14</v>
      </c>
      <c r="K109" s="21">
        <v>13</v>
      </c>
      <c r="L109" s="89">
        <v>12</v>
      </c>
      <c r="M109" s="90">
        <v>1</v>
      </c>
    </row>
    <row r="110" spans="1:13">
      <c r="A110" s="40" t="s">
        <v>113</v>
      </c>
      <c r="B110" s="21">
        <v>-57</v>
      </c>
      <c r="C110" s="22">
        <v>-37</v>
      </c>
      <c r="D110" s="22">
        <v>-20</v>
      </c>
      <c r="E110" s="21">
        <v>57</v>
      </c>
      <c r="F110" s="22">
        <v>40</v>
      </c>
      <c r="G110" s="23">
        <v>17</v>
      </c>
      <c r="H110" s="22">
        <v>14</v>
      </c>
      <c r="I110" s="22">
        <v>6</v>
      </c>
      <c r="J110" s="22">
        <v>8</v>
      </c>
      <c r="K110" s="21">
        <v>14</v>
      </c>
      <c r="L110" s="89">
        <v>3</v>
      </c>
      <c r="M110" s="90">
        <v>11</v>
      </c>
    </row>
    <row r="111" spans="1:13">
      <c r="A111" s="40" t="s">
        <v>114</v>
      </c>
      <c r="B111" s="21">
        <v>-60</v>
      </c>
      <c r="C111" s="22">
        <v>-41</v>
      </c>
      <c r="D111" s="22">
        <v>-19</v>
      </c>
      <c r="E111" s="21">
        <v>66</v>
      </c>
      <c r="F111" s="22">
        <v>44</v>
      </c>
      <c r="G111" s="23">
        <v>22</v>
      </c>
      <c r="H111" s="22">
        <v>20</v>
      </c>
      <c r="I111" s="22">
        <v>12</v>
      </c>
      <c r="J111" s="22">
        <v>8</v>
      </c>
      <c r="K111" s="21">
        <v>14</v>
      </c>
      <c r="L111" s="89">
        <v>9</v>
      </c>
      <c r="M111" s="90">
        <v>5</v>
      </c>
    </row>
    <row r="112" spans="1:13">
      <c r="A112" s="40" t="s">
        <v>115</v>
      </c>
      <c r="B112" s="21">
        <v>-52</v>
      </c>
      <c r="C112" s="22">
        <v>-37</v>
      </c>
      <c r="D112" s="22">
        <v>-15</v>
      </c>
      <c r="E112" s="21">
        <v>60</v>
      </c>
      <c r="F112" s="22">
        <v>45</v>
      </c>
      <c r="G112" s="23">
        <v>15</v>
      </c>
      <c r="H112" s="22">
        <v>20</v>
      </c>
      <c r="I112" s="22">
        <v>10</v>
      </c>
      <c r="J112" s="22">
        <v>10</v>
      </c>
      <c r="K112" s="21">
        <v>12</v>
      </c>
      <c r="L112" s="89">
        <v>2</v>
      </c>
      <c r="M112" s="90">
        <v>10</v>
      </c>
    </row>
    <row r="113" spans="1:13" ht="19.5" customHeight="1">
      <c r="A113" s="34" t="s">
        <v>116</v>
      </c>
      <c r="B113" s="17">
        <v>-211</v>
      </c>
      <c r="C113" s="18">
        <v>-144</v>
      </c>
      <c r="D113" s="18">
        <v>-67</v>
      </c>
      <c r="E113" s="17">
        <v>250</v>
      </c>
      <c r="F113" s="18">
        <v>160</v>
      </c>
      <c r="G113" s="19">
        <v>90</v>
      </c>
      <c r="H113" s="18">
        <v>76</v>
      </c>
      <c r="I113" s="18">
        <v>23</v>
      </c>
      <c r="J113" s="18">
        <v>53</v>
      </c>
      <c r="K113" s="17">
        <v>37</v>
      </c>
      <c r="L113" s="51">
        <v>7</v>
      </c>
      <c r="M113" s="52">
        <v>30</v>
      </c>
    </row>
    <row r="114" spans="1:13">
      <c r="A114" s="40" t="s">
        <v>117</v>
      </c>
      <c r="B114" s="21">
        <v>-40</v>
      </c>
      <c r="C114" s="22">
        <v>-32</v>
      </c>
      <c r="D114" s="22">
        <v>-8</v>
      </c>
      <c r="E114" s="21">
        <v>46</v>
      </c>
      <c r="F114" s="22">
        <v>32</v>
      </c>
      <c r="G114" s="23">
        <v>14</v>
      </c>
      <c r="H114" s="22">
        <v>12</v>
      </c>
      <c r="I114" s="22">
        <v>3</v>
      </c>
      <c r="J114" s="22">
        <v>9</v>
      </c>
      <c r="K114" s="21">
        <v>6</v>
      </c>
      <c r="L114" s="89">
        <v>3</v>
      </c>
      <c r="M114" s="90">
        <v>3</v>
      </c>
    </row>
    <row r="115" spans="1:13">
      <c r="A115" s="40" t="s">
        <v>118</v>
      </c>
      <c r="B115" s="21">
        <v>-52</v>
      </c>
      <c r="C115" s="22">
        <v>-32</v>
      </c>
      <c r="D115" s="22">
        <v>-20</v>
      </c>
      <c r="E115" s="21">
        <v>59</v>
      </c>
      <c r="F115" s="22">
        <v>35</v>
      </c>
      <c r="G115" s="23">
        <v>24</v>
      </c>
      <c r="H115" s="22">
        <v>15</v>
      </c>
      <c r="I115" s="22">
        <v>4</v>
      </c>
      <c r="J115" s="22">
        <v>11</v>
      </c>
      <c r="K115" s="21">
        <v>8</v>
      </c>
      <c r="L115" s="89">
        <v>1</v>
      </c>
      <c r="M115" s="90">
        <v>7</v>
      </c>
    </row>
    <row r="116" spans="1:13">
      <c r="A116" s="40" t="s">
        <v>119</v>
      </c>
      <c r="B116" s="21">
        <v>-24</v>
      </c>
      <c r="C116" s="22">
        <v>-21</v>
      </c>
      <c r="D116" s="22">
        <v>-3</v>
      </c>
      <c r="E116" s="21">
        <v>40</v>
      </c>
      <c r="F116" s="22">
        <v>29</v>
      </c>
      <c r="G116" s="23">
        <v>11</v>
      </c>
      <c r="H116" s="22">
        <v>22</v>
      </c>
      <c r="I116" s="22">
        <v>9</v>
      </c>
      <c r="J116" s="22">
        <v>13</v>
      </c>
      <c r="K116" s="21">
        <v>6</v>
      </c>
      <c r="L116" s="89">
        <v>1</v>
      </c>
      <c r="M116" s="90">
        <v>5</v>
      </c>
    </row>
    <row r="117" spans="1:13">
      <c r="A117" s="40" t="s">
        <v>120</v>
      </c>
      <c r="B117" s="21">
        <v>-47</v>
      </c>
      <c r="C117" s="22">
        <v>-29</v>
      </c>
      <c r="D117" s="22">
        <v>-18</v>
      </c>
      <c r="E117" s="21">
        <v>46</v>
      </c>
      <c r="F117" s="22">
        <v>29</v>
      </c>
      <c r="G117" s="23">
        <v>17</v>
      </c>
      <c r="H117" s="22">
        <v>13</v>
      </c>
      <c r="I117" s="22">
        <v>2</v>
      </c>
      <c r="J117" s="22">
        <v>11</v>
      </c>
      <c r="K117" s="21">
        <v>14</v>
      </c>
      <c r="L117" s="89">
        <v>2</v>
      </c>
      <c r="M117" s="90">
        <v>12</v>
      </c>
    </row>
    <row r="118" spans="1:13">
      <c r="A118" s="40" t="s">
        <v>121</v>
      </c>
      <c r="B118" s="21">
        <v>-48</v>
      </c>
      <c r="C118" s="22">
        <v>-30</v>
      </c>
      <c r="D118" s="22">
        <v>-18</v>
      </c>
      <c r="E118" s="21">
        <v>59</v>
      </c>
      <c r="F118" s="22">
        <v>35</v>
      </c>
      <c r="G118" s="23">
        <v>24</v>
      </c>
      <c r="H118" s="22">
        <v>14</v>
      </c>
      <c r="I118" s="22">
        <v>5</v>
      </c>
      <c r="J118" s="22">
        <v>9</v>
      </c>
      <c r="K118" s="21">
        <v>3</v>
      </c>
      <c r="L118" s="89">
        <v>0</v>
      </c>
      <c r="M118" s="90">
        <v>3</v>
      </c>
    </row>
    <row r="119" spans="1:13" ht="19.5" customHeight="1">
      <c r="A119" s="34" t="s">
        <v>122</v>
      </c>
      <c r="B119" s="17">
        <v>-248</v>
      </c>
      <c r="C119" s="18">
        <v>-134</v>
      </c>
      <c r="D119" s="18">
        <v>-114</v>
      </c>
      <c r="E119" s="17">
        <v>298</v>
      </c>
      <c r="F119" s="18">
        <v>142</v>
      </c>
      <c r="G119" s="19">
        <v>156</v>
      </c>
      <c r="H119" s="18">
        <v>93</v>
      </c>
      <c r="I119" s="18">
        <v>25</v>
      </c>
      <c r="J119" s="18">
        <v>68</v>
      </c>
      <c r="K119" s="17">
        <v>43</v>
      </c>
      <c r="L119" s="51">
        <v>17</v>
      </c>
      <c r="M119" s="52">
        <v>26</v>
      </c>
    </row>
    <row r="120" spans="1:13">
      <c r="A120" s="40" t="s">
        <v>123</v>
      </c>
      <c r="B120" s="21">
        <v>-36</v>
      </c>
      <c r="C120" s="22">
        <v>-22</v>
      </c>
      <c r="D120" s="22">
        <v>-14</v>
      </c>
      <c r="E120" s="21">
        <v>47</v>
      </c>
      <c r="F120" s="22">
        <v>24</v>
      </c>
      <c r="G120" s="23">
        <v>23</v>
      </c>
      <c r="H120" s="22">
        <v>24</v>
      </c>
      <c r="I120" s="22">
        <v>5</v>
      </c>
      <c r="J120" s="22">
        <v>19</v>
      </c>
      <c r="K120" s="21">
        <v>13</v>
      </c>
      <c r="L120" s="89">
        <v>3</v>
      </c>
      <c r="M120" s="90">
        <v>10</v>
      </c>
    </row>
    <row r="121" spans="1:13">
      <c r="A121" s="40" t="s">
        <v>124</v>
      </c>
      <c r="B121" s="21">
        <v>-52</v>
      </c>
      <c r="C121" s="22">
        <v>-30</v>
      </c>
      <c r="D121" s="22">
        <v>-22</v>
      </c>
      <c r="E121" s="21">
        <v>69</v>
      </c>
      <c r="F121" s="22">
        <v>34</v>
      </c>
      <c r="G121" s="23">
        <v>35</v>
      </c>
      <c r="H121" s="22">
        <v>22</v>
      </c>
      <c r="I121" s="22">
        <v>8</v>
      </c>
      <c r="J121" s="22">
        <v>14</v>
      </c>
      <c r="K121" s="21">
        <v>5</v>
      </c>
      <c r="L121" s="89">
        <v>4</v>
      </c>
      <c r="M121" s="90">
        <v>1</v>
      </c>
    </row>
    <row r="122" spans="1:13">
      <c r="A122" s="40" t="s">
        <v>125</v>
      </c>
      <c r="B122" s="21">
        <v>-57</v>
      </c>
      <c r="C122" s="22">
        <v>-30</v>
      </c>
      <c r="D122" s="22">
        <v>-27</v>
      </c>
      <c r="E122" s="21">
        <v>66</v>
      </c>
      <c r="F122" s="22">
        <v>30</v>
      </c>
      <c r="G122" s="23">
        <v>36</v>
      </c>
      <c r="H122" s="22">
        <v>19</v>
      </c>
      <c r="I122" s="22">
        <v>6</v>
      </c>
      <c r="J122" s="22">
        <v>13</v>
      </c>
      <c r="K122" s="21">
        <v>10</v>
      </c>
      <c r="L122" s="89">
        <v>6</v>
      </c>
      <c r="M122" s="90">
        <v>4</v>
      </c>
    </row>
    <row r="123" spans="1:13">
      <c r="A123" s="40" t="s">
        <v>126</v>
      </c>
      <c r="B123" s="21">
        <v>-41</v>
      </c>
      <c r="C123" s="22">
        <v>-24</v>
      </c>
      <c r="D123" s="22">
        <v>-17</v>
      </c>
      <c r="E123" s="21">
        <v>48</v>
      </c>
      <c r="F123" s="22">
        <v>23</v>
      </c>
      <c r="G123" s="23">
        <v>25</v>
      </c>
      <c r="H123" s="22">
        <v>14</v>
      </c>
      <c r="I123" s="22">
        <v>1</v>
      </c>
      <c r="J123" s="22">
        <v>13</v>
      </c>
      <c r="K123" s="21">
        <v>7</v>
      </c>
      <c r="L123" s="89">
        <v>2</v>
      </c>
      <c r="M123" s="90">
        <v>5</v>
      </c>
    </row>
    <row r="124" spans="1:13">
      <c r="A124" s="40" t="s">
        <v>127</v>
      </c>
      <c r="B124" s="21">
        <v>-62</v>
      </c>
      <c r="C124" s="22">
        <v>-28</v>
      </c>
      <c r="D124" s="22">
        <v>-34</v>
      </c>
      <c r="E124" s="21">
        <v>68</v>
      </c>
      <c r="F124" s="22">
        <v>31</v>
      </c>
      <c r="G124" s="23">
        <v>37</v>
      </c>
      <c r="H124" s="22">
        <v>14</v>
      </c>
      <c r="I124" s="22">
        <v>5</v>
      </c>
      <c r="J124" s="22">
        <v>9</v>
      </c>
      <c r="K124" s="21">
        <v>8</v>
      </c>
      <c r="L124" s="89">
        <v>2</v>
      </c>
      <c r="M124" s="90">
        <v>6</v>
      </c>
    </row>
    <row r="125" spans="1:13" ht="19.5" customHeight="1">
      <c r="A125" s="34" t="s">
        <v>128</v>
      </c>
      <c r="B125" s="17">
        <v>-231</v>
      </c>
      <c r="C125" s="18">
        <v>-89</v>
      </c>
      <c r="D125" s="18">
        <v>-142</v>
      </c>
      <c r="E125" s="17">
        <v>245</v>
      </c>
      <c r="F125" s="18">
        <v>93</v>
      </c>
      <c r="G125" s="19">
        <v>152</v>
      </c>
      <c r="H125" s="18">
        <v>36</v>
      </c>
      <c r="I125" s="18">
        <v>10</v>
      </c>
      <c r="J125" s="18">
        <v>26</v>
      </c>
      <c r="K125" s="17">
        <v>22</v>
      </c>
      <c r="L125" s="51">
        <v>6</v>
      </c>
      <c r="M125" s="52">
        <v>16</v>
      </c>
    </row>
    <row r="126" spans="1:13">
      <c r="A126" s="40" t="s">
        <v>129</v>
      </c>
      <c r="B126" s="21">
        <v>-48</v>
      </c>
      <c r="C126" s="22">
        <v>-19</v>
      </c>
      <c r="D126" s="22">
        <v>-29</v>
      </c>
      <c r="E126" s="21">
        <v>47</v>
      </c>
      <c r="F126" s="22">
        <v>17</v>
      </c>
      <c r="G126" s="23">
        <v>30</v>
      </c>
      <c r="H126" s="22">
        <v>9</v>
      </c>
      <c r="I126" s="22">
        <v>1</v>
      </c>
      <c r="J126" s="22">
        <v>8</v>
      </c>
      <c r="K126" s="21">
        <v>10</v>
      </c>
      <c r="L126" s="89">
        <v>3</v>
      </c>
      <c r="M126" s="90">
        <v>7</v>
      </c>
    </row>
    <row r="127" spans="1:13">
      <c r="A127" s="40" t="s">
        <v>130</v>
      </c>
      <c r="B127" s="21">
        <v>-61</v>
      </c>
      <c r="C127" s="22">
        <v>-25</v>
      </c>
      <c r="D127" s="22">
        <v>-36</v>
      </c>
      <c r="E127" s="21">
        <v>69</v>
      </c>
      <c r="F127" s="22">
        <v>28</v>
      </c>
      <c r="G127" s="23">
        <v>41</v>
      </c>
      <c r="H127" s="22">
        <v>11</v>
      </c>
      <c r="I127" s="22">
        <v>3</v>
      </c>
      <c r="J127" s="22">
        <v>8</v>
      </c>
      <c r="K127" s="21">
        <v>3</v>
      </c>
      <c r="L127" s="89">
        <v>0</v>
      </c>
      <c r="M127" s="90">
        <v>3</v>
      </c>
    </row>
    <row r="128" spans="1:13">
      <c r="A128" s="40" t="s">
        <v>131</v>
      </c>
      <c r="B128" s="21">
        <v>-46</v>
      </c>
      <c r="C128" s="22">
        <v>-21</v>
      </c>
      <c r="D128" s="22">
        <v>-25</v>
      </c>
      <c r="E128" s="21">
        <v>47</v>
      </c>
      <c r="F128" s="22">
        <v>22</v>
      </c>
      <c r="G128" s="23">
        <v>25</v>
      </c>
      <c r="H128" s="22">
        <v>6</v>
      </c>
      <c r="I128" s="22">
        <v>3</v>
      </c>
      <c r="J128" s="22">
        <v>3</v>
      </c>
      <c r="K128" s="21">
        <v>5</v>
      </c>
      <c r="L128" s="89">
        <v>2</v>
      </c>
      <c r="M128" s="90">
        <v>3</v>
      </c>
    </row>
    <row r="129" spans="1:13">
      <c r="A129" s="40" t="s">
        <v>132</v>
      </c>
      <c r="B129" s="21">
        <v>-38</v>
      </c>
      <c r="C129" s="22">
        <v>-15</v>
      </c>
      <c r="D129" s="22">
        <v>-23</v>
      </c>
      <c r="E129" s="21">
        <v>43</v>
      </c>
      <c r="F129" s="22">
        <v>16</v>
      </c>
      <c r="G129" s="23">
        <v>27</v>
      </c>
      <c r="H129" s="22">
        <v>7</v>
      </c>
      <c r="I129" s="22">
        <v>2</v>
      </c>
      <c r="J129" s="22">
        <v>5</v>
      </c>
      <c r="K129" s="21">
        <v>2</v>
      </c>
      <c r="L129" s="89">
        <v>1</v>
      </c>
      <c r="M129" s="90">
        <v>1</v>
      </c>
    </row>
    <row r="130" spans="1:13">
      <c r="A130" s="40" t="s">
        <v>133</v>
      </c>
      <c r="B130" s="21">
        <v>-38</v>
      </c>
      <c r="C130" s="22">
        <v>-9</v>
      </c>
      <c r="D130" s="22">
        <v>-29</v>
      </c>
      <c r="E130" s="21">
        <v>39</v>
      </c>
      <c r="F130" s="22">
        <v>10</v>
      </c>
      <c r="G130" s="23">
        <v>29</v>
      </c>
      <c r="H130" s="22">
        <v>3</v>
      </c>
      <c r="I130" s="22">
        <v>1</v>
      </c>
      <c r="J130" s="22">
        <v>2</v>
      </c>
      <c r="K130" s="21">
        <v>2</v>
      </c>
      <c r="L130" s="89">
        <v>0</v>
      </c>
      <c r="M130" s="90">
        <v>2</v>
      </c>
    </row>
    <row r="131" spans="1:13" ht="19.5" customHeight="1">
      <c r="A131" s="34" t="s">
        <v>134</v>
      </c>
      <c r="B131" s="17">
        <v>-112</v>
      </c>
      <c r="C131" s="18">
        <v>-24</v>
      </c>
      <c r="D131" s="18">
        <v>-88</v>
      </c>
      <c r="E131" s="17">
        <v>116</v>
      </c>
      <c r="F131" s="18">
        <v>26</v>
      </c>
      <c r="G131" s="19">
        <v>90</v>
      </c>
      <c r="H131" s="18">
        <v>11</v>
      </c>
      <c r="I131" s="18">
        <v>3</v>
      </c>
      <c r="J131" s="18">
        <v>8</v>
      </c>
      <c r="K131" s="17">
        <v>7</v>
      </c>
      <c r="L131" s="51">
        <v>1</v>
      </c>
      <c r="M131" s="52">
        <v>6</v>
      </c>
    </row>
    <row r="132" spans="1:13">
      <c r="A132" s="40" t="s">
        <v>135</v>
      </c>
      <c r="B132" s="21">
        <v>-25</v>
      </c>
      <c r="C132" s="22">
        <v>-4</v>
      </c>
      <c r="D132" s="22">
        <v>-21</v>
      </c>
      <c r="E132" s="21">
        <v>28</v>
      </c>
      <c r="F132" s="22">
        <v>6</v>
      </c>
      <c r="G132" s="23">
        <v>22</v>
      </c>
      <c r="H132" s="22">
        <v>5</v>
      </c>
      <c r="I132" s="22">
        <v>2</v>
      </c>
      <c r="J132" s="22">
        <v>3</v>
      </c>
      <c r="K132" s="21">
        <v>2</v>
      </c>
      <c r="L132" s="89">
        <v>0</v>
      </c>
      <c r="M132" s="90">
        <v>2</v>
      </c>
    </row>
    <row r="133" spans="1:13">
      <c r="A133" s="40" t="s">
        <v>136</v>
      </c>
      <c r="B133" s="21">
        <v>-34</v>
      </c>
      <c r="C133" s="22">
        <v>-8</v>
      </c>
      <c r="D133" s="22">
        <v>-26</v>
      </c>
      <c r="E133" s="21">
        <v>34</v>
      </c>
      <c r="F133" s="22">
        <v>8</v>
      </c>
      <c r="G133" s="23">
        <v>26</v>
      </c>
      <c r="H133" s="22">
        <v>3</v>
      </c>
      <c r="I133" s="22">
        <v>0</v>
      </c>
      <c r="J133" s="22">
        <v>3</v>
      </c>
      <c r="K133" s="21">
        <v>3</v>
      </c>
      <c r="L133" s="89">
        <v>0</v>
      </c>
      <c r="M133" s="90">
        <v>3</v>
      </c>
    </row>
    <row r="134" spans="1:13">
      <c r="A134" s="40" t="s">
        <v>137</v>
      </c>
      <c r="B134" s="21">
        <v>-26</v>
      </c>
      <c r="C134" s="22">
        <v>-4</v>
      </c>
      <c r="D134" s="22">
        <v>-22</v>
      </c>
      <c r="E134" s="21">
        <v>26</v>
      </c>
      <c r="F134" s="22">
        <v>4</v>
      </c>
      <c r="G134" s="23">
        <v>22</v>
      </c>
      <c r="H134" s="22">
        <v>2</v>
      </c>
      <c r="I134" s="22">
        <v>1</v>
      </c>
      <c r="J134" s="22">
        <v>1</v>
      </c>
      <c r="K134" s="21">
        <v>2</v>
      </c>
      <c r="L134" s="89">
        <v>1</v>
      </c>
      <c r="M134" s="90">
        <v>1</v>
      </c>
    </row>
    <row r="135" spans="1:13">
      <c r="A135" s="40" t="s">
        <v>138</v>
      </c>
      <c r="B135" s="21">
        <v>-16</v>
      </c>
      <c r="C135" s="22">
        <v>-5</v>
      </c>
      <c r="D135" s="22">
        <v>-11</v>
      </c>
      <c r="E135" s="21">
        <v>16</v>
      </c>
      <c r="F135" s="22">
        <v>5</v>
      </c>
      <c r="G135" s="23">
        <v>11</v>
      </c>
      <c r="H135" s="22">
        <v>0</v>
      </c>
      <c r="I135" s="22">
        <v>0</v>
      </c>
      <c r="J135" s="22">
        <v>0</v>
      </c>
      <c r="K135" s="21">
        <v>0</v>
      </c>
      <c r="L135" s="89">
        <v>0</v>
      </c>
      <c r="M135" s="90">
        <v>0</v>
      </c>
    </row>
    <row r="136" spans="1:13">
      <c r="A136" s="40" t="s">
        <v>139</v>
      </c>
      <c r="B136" s="21">
        <v>-11</v>
      </c>
      <c r="C136" s="22">
        <v>-3</v>
      </c>
      <c r="D136" s="22">
        <v>-8</v>
      </c>
      <c r="E136" s="21">
        <v>12</v>
      </c>
      <c r="F136" s="22">
        <v>3</v>
      </c>
      <c r="G136" s="23">
        <v>9</v>
      </c>
      <c r="H136" s="22">
        <v>1</v>
      </c>
      <c r="I136" s="22">
        <v>0</v>
      </c>
      <c r="J136" s="22">
        <v>1</v>
      </c>
      <c r="K136" s="21">
        <v>0</v>
      </c>
      <c r="L136" s="89">
        <v>0</v>
      </c>
      <c r="M136" s="90">
        <v>0</v>
      </c>
    </row>
    <row r="137" spans="1:13" ht="19.5" customHeight="1">
      <c r="A137" s="41" t="s">
        <v>140</v>
      </c>
      <c r="B137" s="42">
        <v>-18</v>
      </c>
      <c r="C137" s="43">
        <v>-4</v>
      </c>
      <c r="D137" s="43">
        <v>-14</v>
      </c>
      <c r="E137" s="42">
        <v>20</v>
      </c>
      <c r="F137" s="43">
        <v>4</v>
      </c>
      <c r="G137" s="44">
        <v>16</v>
      </c>
      <c r="H137" s="43">
        <v>2</v>
      </c>
      <c r="I137" s="43">
        <v>0</v>
      </c>
      <c r="J137" s="43">
        <v>2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0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8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263</v>
      </c>
      <c r="C5" s="14">
        <v>69</v>
      </c>
      <c r="D5" s="14">
        <v>194</v>
      </c>
      <c r="E5" s="13">
        <v>2420</v>
      </c>
      <c r="F5" s="14">
        <v>1368</v>
      </c>
      <c r="G5" s="15">
        <v>1052</v>
      </c>
      <c r="H5" s="14">
        <v>12812</v>
      </c>
      <c r="I5" s="14">
        <v>6929</v>
      </c>
      <c r="J5" s="14">
        <v>5883</v>
      </c>
      <c r="K5" s="13">
        <v>11937</v>
      </c>
      <c r="L5" s="49">
        <v>6431</v>
      </c>
      <c r="M5" s="50">
        <v>5506</v>
      </c>
    </row>
    <row r="6" spans="1:13" ht="19.5" customHeight="1">
      <c r="A6" s="16" t="s">
        <v>13</v>
      </c>
      <c r="B6" s="17">
        <v>1902</v>
      </c>
      <c r="C6" s="18">
        <v>990</v>
      </c>
      <c r="D6" s="18">
        <v>912</v>
      </c>
      <c r="E6" s="17">
        <v>6</v>
      </c>
      <c r="F6" s="18">
        <v>3</v>
      </c>
      <c r="G6" s="19">
        <v>3</v>
      </c>
      <c r="H6" s="18">
        <v>688</v>
      </c>
      <c r="I6" s="18">
        <v>368</v>
      </c>
      <c r="J6" s="18">
        <v>320</v>
      </c>
      <c r="K6" s="17">
        <v>588</v>
      </c>
      <c r="L6" s="51">
        <v>314</v>
      </c>
      <c r="M6" s="52">
        <v>274</v>
      </c>
    </row>
    <row r="7" spans="1:13">
      <c r="A7" s="20" t="s">
        <v>14</v>
      </c>
      <c r="B7" s="21">
        <v>1829</v>
      </c>
      <c r="C7" s="22">
        <v>952</v>
      </c>
      <c r="D7" s="22">
        <v>877</v>
      </c>
      <c r="E7" s="21">
        <v>2</v>
      </c>
      <c r="F7" s="22">
        <v>2</v>
      </c>
      <c r="G7" s="23">
        <v>0</v>
      </c>
      <c r="H7" s="22">
        <v>125</v>
      </c>
      <c r="I7" s="22">
        <v>67</v>
      </c>
      <c r="J7" s="22">
        <v>58</v>
      </c>
      <c r="K7" s="21">
        <v>102</v>
      </c>
      <c r="L7" s="89">
        <v>52</v>
      </c>
      <c r="M7" s="90">
        <v>50</v>
      </c>
    </row>
    <row r="8" spans="1:13">
      <c r="A8" s="20" t="s">
        <v>15</v>
      </c>
      <c r="B8" s="21">
        <v>46</v>
      </c>
      <c r="C8" s="22">
        <v>18</v>
      </c>
      <c r="D8" s="22">
        <v>28</v>
      </c>
      <c r="E8" s="21">
        <v>1</v>
      </c>
      <c r="F8" s="22">
        <v>0</v>
      </c>
      <c r="G8" s="23">
        <v>1</v>
      </c>
      <c r="H8" s="22">
        <v>208</v>
      </c>
      <c r="I8" s="22">
        <v>107</v>
      </c>
      <c r="J8" s="22">
        <v>101</v>
      </c>
      <c r="K8" s="21">
        <v>161</v>
      </c>
      <c r="L8" s="89">
        <v>89</v>
      </c>
      <c r="M8" s="90">
        <v>72</v>
      </c>
    </row>
    <row r="9" spans="1:13">
      <c r="A9" s="20" t="s">
        <v>16</v>
      </c>
      <c r="B9" s="21">
        <v>6</v>
      </c>
      <c r="C9" s="22">
        <v>0</v>
      </c>
      <c r="D9" s="22">
        <v>6</v>
      </c>
      <c r="E9" s="21">
        <v>1</v>
      </c>
      <c r="F9" s="22">
        <v>0</v>
      </c>
      <c r="G9" s="23">
        <v>1</v>
      </c>
      <c r="H9" s="22">
        <v>132</v>
      </c>
      <c r="I9" s="22">
        <v>70</v>
      </c>
      <c r="J9" s="22">
        <v>62</v>
      </c>
      <c r="K9" s="21">
        <v>125</v>
      </c>
      <c r="L9" s="89">
        <v>70</v>
      </c>
      <c r="M9" s="90">
        <v>55</v>
      </c>
    </row>
    <row r="10" spans="1:13">
      <c r="A10" s="20" t="s">
        <v>17</v>
      </c>
      <c r="B10" s="21">
        <v>29</v>
      </c>
      <c r="C10" s="22">
        <v>17</v>
      </c>
      <c r="D10" s="22">
        <v>12</v>
      </c>
      <c r="E10" s="21">
        <v>1</v>
      </c>
      <c r="F10" s="22">
        <v>1</v>
      </c>
      <c r="G10" s="23">
        <v>0</v>
      </c>
      <c r="H10" s="22">
        <v>139</v>
      </c>
      <c r="I10" s="22">
        <v>81</v>
      </c>
      <c r="J10" s="22">
        <v>58</v>
      </c>
      <c r="K10" s="21">
        <v>109</v>
      </c>
      <c r="L10" s="89">
        <v>63</v>
      </c>
      <c r="M10" s="90">
        <v>46</v>
      </c>
    </row>
    <row r="11" spans="1:13">
      <c r="A11" s="20" t="s">
        <v>18</v>
      </c>
      <c r="B11" s="21">
        <v>-8</v>
      </c>
      <c r="C11" s="22">
        <v>3</v>
      </c>
      <c r="D11" s="22">
        <v>-11</v>
      </c>
      <c r="E11" s="21">
        <v>1</v>
      </c>
      <c r="F11" s="22">
        <v>0</v>
      </c>
      <c r="G11" s="23">
        <v>1</v>
      </c>
      <c r="H11" s="22">
        <v>84</v>
      </c>
      <c r="I11" s="22">
        <v>43</v>
      </c>
      <c r="J11" s="22">
        <v>41</v>
      </c>
      <c r="K11" s="21">
        <v>91</v>
      </c>
      <c r="L11" s="89">
        <v>40</v>
      </c>
      <c r="M11" s="90">
        <v>51</v>
      </c>
    </row>
    <row r="12" spans="1:13" ht="20.100000000000001" customHeight="1">
      <c r="A12" s="16" t="s">
        <v>19</v>
      </c>
      <c r="B12" s="17">
        <v>-2</v>
      </c>
      <c r="C12" s="18">
        <v>5</v>
      </c>
      <c r="D12" s="18">
        <v>-7</v>
      </c>
      <c r="E12" s="17">
        <v>1</v>
      </c>
      <c r="F12" s="18">
        <v>1</v>
      </c>
      <c r="G12" s="19">
        <v>0</v>
      </c>
      <c r="H12" s="18">
        <v>309</v>
      </c>
      <c r="I12" s="18">
        <v>158</v>
      </c>
      <c r="J12" s="18">
        <v>151</v>
      </c>
      <c r="K12" s="17">
        <v>310</v>
      </c>
      <c r="L12" s="51">
        <v>152</v>
      </c>
      <c r="M12" s="52">
        <v>158</v>
      </c>
    </row>
    <row r="13" spans="1:13">
      <c r="A13" s="20" t="s">
        <v>20</v>
      </c>
      <c r="B13" s="21">
        <v>-3</v>
      </c>
      <c r="C13" s="22">
        <v>0</v>
      </c>
      <c r="D13" s="22">
        <v>-3</v>
      </c>
      <c r="E13" s="21">
        <v>0</v>
      </c>
      <c r="F13" s="22">
        <v>0</v>
      </c>
      <c r="G13" s="23">
        <v>0</v>
      </c>
      <c r="H13" s="22">
        <v>74</v>
      </c>
      <c r="I13" s="22">
        <v>34</v>
      </c>
      <c r="J13" s="22">
        <v>40</v>
      </c>
      <c r="K13" s="21">
        <v>77</v>
      </c>
      <c r="L13" s="89">
        <v>34</v>
      </c>
      <c r="M13" s="90">
        <v>43</v>
      </c>
    </row>
    <row r="14" spans="1:13">
      <c r="A14" s="20" t="s">
        <v>21</v>
      </c>
      <c r="B14" s="21">
        <v>-11</v>
      </c>
      <c r="C14" s="22">
        <v>-1</v>
      </c>
      <c r="D14" s="22">
        <v>-10</v>
      </c>
      <c r="E14" s="21">
        <v>0</v>
      </c>
      <c r="F14" s="22">
        <v>0</v>
      </c>
      <c r="G14" s="23">
        <v>0</v>
      </c>
      <c r="H14" s="22">
        <v>71</v>
      </c>
      <c r="I14" s="22">
        <v>39</v>
      </c>
      <c r="J14" s="22">
        <v>32</v>
      </c>
      <c r="K14" s="21">
        <v>82</v>
      </c>
      <c r="L14" s="89">
        <v>40</v>
      </c>
      <c r="M14" s="90">
        <v>42</v>
      </c>
    </row>
    <row r="15" spans="1:13">
      <c r="A15" s="20" t="s">
        <v>22</v>
      </c>
      <c r="B15" s="21">
        <v>7</v>
      </c>
      <c r="C15" s="22">
        <v>6</v>
      </c>
      <c r="D15" s="22">
        <v>1</v>
      </c>
      <c r="E15" s="21">
        <v>0</v>
      </c>
      <c r="F15" s="22">
        <v>0</v>
      </c>
      <c r="G15" s="23">
        <v>0</v>
      </c>
      <c r="H15" s="22">
        <v>67</v>
      </c>
      <c r="I15" s="22">
        <v>32</v>
      </c>
      <c r="J15" s="22">
        <v>35</v>
      </c>
      <c r="K15" s="21">
        <v>60</v>
      </c>
      <c r="L15" s="89">
        <v>26</v>
      </c>
      <c r="M15" s="90">
        <v>34</v>
      </c>
    </row>
    <row r="16" spans="1:13">
      <c r="A16" s="20" t="s">
        <v>23</v>
      </c>
      <c r="B16" s="21">
        <v>-5</v>
      </c>
      <c r="C16" s="22">
        <v>-2</v>
      </c>
      <c r="D16" s="22">
        <v>-3</v>
      </c>
      <c r="E16" s="21">
        <v>1</v>
      </c>
      <c r="F16" s="22">
        <v>1</v>
      </c>
      <c r="G16" s="23">
        <v>0</v>
      </c>
      <c r="H16" s="22">
        <v>37</v>
      </c>
      <c r="I16" s="22">
        <v>19</v>
      </c>
      <c r="J16" s="22">
        <v>18</v>
      </c>
      <c r="K16" s="21">
        <v>41</v>
      </c>
      <c r="L16" s="89">
        <v>20</v>
      </c>
      <c r="M16" s="90">
        <v>21</v>
      </c>
    </row>
    <row r="17" spans="1:13">
      <c r="A17" s="20" t="s">
        <v>24</v>
      </c>
      <c r="B17" s="21">
        <v>10</v>
      </c>
      <c r="C17" s="22">
        <v>2</v>
      </c>
      <c r="D17" s="22">
        <v>8</v>
      </c>
      <c r="E17" s="21">
        <v>0</v>
      </c>
      <c r="F17" s="22">
        <v>0</v>
      </c>
      <c r="G17" s="23">
        <v>0</v>
      </c>
      <c r="H17" s="22">
        <v>60</v>
      </c>
      <c r="I17" s="22">
        <v>34</v>
      </c>
      <c r="J17" s="22">
        <v>26</v>
      </c>
      <c r="K17" s="21">
        <v>50</v>
      </c>
      <c r="L17" s="89">
        <v>32</v>
      </c>
      <c r="M17" s="90">
        <v>18</v>
      </c>
    </row>
    <row r="18" spans="1:13" ht="20.100000000000001" customHeight="1">
      <c r="A18" s="16" t="s">
        <v>25</v>
      </c>
      <c r="B18" s="17">
        <v>21</v>
      </c>
      <c r="C18" s="18">
        <v>17</v>
      </c>
      <c r="D18" s="18">
        <v>4</v>
      </c>
      <c r="E18" s="17">
        <v>2</v>
      </c>
      <c r="F18" s="18">
        <v>2</v>
      </c>
      <c r="G18" s="19">
        <v>0</v>
      </c>
      <c r="H18" s="18">
        <v>180</v>
      </c>
      <c r="I18" s="18">
        <v>96</v>
      </c>
      <c r="J18" s="18">
        <v>84</v>
      </c>
      <c r="K18" s="17">
        <v>157</v>
      </c>
      <c r="L18" s="51">
        <v>77</v>
      </c>
      <c r="M18" s="52">
        <v>80</v>
      </c>
    </row>
    <row r="19" spans="1:13">
      <c r="A19" s="20" t="s">
        <v>26</v>
      </c>
      <c r="B19" s="21">
        <v>0</v>
      </c>
      <c r="C19" s="22">
        <v>-2</v>
      </c>
      <c r="D19" s="22">
        <v>2</v>
      </c>
      <c r="E19" s="21">
        <v>1</v>
      </c>
      <c r="F19" s="22">
        <v>1</v>
      </c>
      <c r="G19" s="23">
        <v>0</v>
      </c>
      <c r="H19" s="22">
        <v>34</v>
      </c>
      <c r="I19" s="22">
        <v>17</v>
      </c>
      <c r="J19" s="22">
        <v>17</v>
      </c>
      <c r="K19" s="21">
        <v>33</v>
      </c>
      <c r="L19" s="89">
        <v>18</v>
      </c>
      <c r="M19" s="90">
        <v>15</v>
      </c>
    </row>
    <row r="20" spans="1:13">
      <c r="A20" s="20" t="s">
        <v>27</v>
      </c>
      <c r="B20" s="21">
        <v>13</v>
      </c>
      <c r="C20" s="22">
        <v>9</v>
      </c>
      <c r="D20" s="22">
        <v>4</v>
      </c>
      <c r="E20" s="21">
        <v>0</v>
      </c>
      <c r="F20" s="22">
        <v>0</v>
      </c>
      <c r="G20" s="23">
        <v>0</v>
      </c>
      <c r="H20" s="22">
        <v>47</v>
      </c>
      <c r="I20" s="22">
        <v>24</v>
      </c>
      <c r="J20" s="22">
        <v>23</v>
      </c>
      <c r="K20" s="21">
        <v>34</v>
      </c>
      <c r="L20" s="89">
        <v>15</v>
      </c>
      <c r="M20" s="90">
        <v>19</v>
      </c>
    </row>
    <row r="21" spans="1:13">
      <c r="A21" s="20" t="s">
        <v>28</v>
      </c>
      <c r="B21" s="21">
        <v>-1</v>
      </c>
      <c r="C21" s="22">
        <v>0</v>
      </c>
      <c r="D21" s="22">
        <v>-1</v>
      </c>
      <c r="E21" s="21">
        <v>1</v>
      </c>
      <c r="F21" s="22">
        <v>1</v>
      </c>
      <c r="G21" s="23">
        <v>0</v>
      </c>
      <c r="H21" s="22">
        <v>34</v>
      </c>
      <c r="I21" s="22">
        <v>20</v>
      </c>
      <c r="J21" s="22">
        <v>14</v>
      </c>
      <c r="K21" s="21">
        <v>34</v>
      </c>
      <c r="L21" s="89">
        <v>19</v>
      </c>
      <c r="M21" s="90">
        <v>15</v>
      </c>
    </row>
    <row r="22" spans="1:13">
      <c r="A22" s="20" t="s">
        <v>29</v>
      </c>
      <c r="B22" s="21">
        <v>10</v>
      </c>
      <c r="C22" s="22">
        <v>7</v>
      </c>
      <c r="D22" s="22">
        <v>3</v>
      </c>
      <c r="E22" s="21">
        <v>0</v>
      </c>
      <c r="F22" s="22">
        <v>0</v>
      </c>
      <c r="G22" s="23">
        <v>0</v>
      </c>
      <c r="H22" s="22">
        <v>46</v>
      </c>
      <c r="I22" s="22">
        <v>24</v>
      </c>
      <c r="J22" s="22">
        <v>22</v>
      </c>
      <c r="K22" s="21">
        <v>36</v>
      </c>
      <c r="L22" s="89">
        <v>17</v>
      </c>
      <c r="M22" s="90">
        <v>19</v>
      </c>
    </row>
    <row r="23" spans="1:13">
      <c r="A23" s="20" t="s">
        <v>30</v>
      </c>
      <c r="B23" s="21">
        <v>-1</v>
      </c>
      <c r="C23" s="22">
        <v>3</v>
      </c>
      <c r="D23" s="22">
        <v>-4</v>
      </c>
      <c r="E23" s="21">
        <v>0</v>
      </c>
      <c r="F23" s="22">
        <v>0</v>
      </c>
      <c r="G23" s="23">
        <v>0</v>
      </c>
      <c r="H23" s="22">
        <v>19</v>
      </c>
      <c r="I23" s="22">
        <v>11</v>
      </c>
      <c r="J23" s="22">
        <v>8</v>
      </c>
      <c r="K23" s="21">
        <v>20</v>
      </c>
      <c r="L23" s="89">
        <v>8</v>
      </c>
      <c r="M23" s="90">
        <v>12</v>
      </c>
    </row>
    <row r="24" spans="1:13" ht="20.100000000000001" customHeight="1">
      <c r="A24" s="16" t="s">
        <v>31</v>
      </c>
      <c r="B24" s="17">
        <v>236</v>
      </c>
      <c r="C24" s="18">
        <v>111</v>
      </c>
      <c r="D24" s="18">
        <v>125</v>
      </c>
      <c r="E24" s="17">
        <v>2</v>
      </c>
      <c r="F24" s="18">
        <v>2</v>
      </c>
      <c r="G24" s="19">
        <v>0</v>
      </c>
      <c r="H24" s="18">
        <v>572</v>
      </c>
      <c r="I24" s="18">
        <v>284</v>
      </c>
      <c r="J24" s="18">
        <v>288</v>
      </c>
      <c r="K24" s="17">
        <v>334</v>
      </c>
      <c r="L24" s="51">
        <v>171</v>
      </c>
      <c r="M24" s="52">
        <v>163</v>
      </c>
    </row>
    <row r="25" spans="1:13">
      <c r="A25" s="20" t="s">
        <v>32</v>
      </c>
      <c r="B25" s="21">
        <v>18</v>
      </c>
      <c r="C25" s="22">
        <v>14</v>
      </c>
      <c r="D25" s="22">
        <v>4</v>
      </c>
      <c r="E25" s="21">
        <v>0</v>
      </c>
      <c r="F25" s="22">
        <v>0</v>
      </c>
      <c r="G25" s="23">
        <v>0</v>
      </c>
      <c r="H25" s="22">
        <v>39</v>
      </c>
      <c r="I25" s="22">
        <v>20</v>
      </c>
      <c r="J25" s="22">
        <v>19</v>
      </c>
      <c r="K25" s="21">
        <v>21</v>
      </c>
      <c r="L25" s="89">
        <v>6</v>
      </c>
      <c r="M25" s="90">
        <v>15</v>
      </c>
    </row>
    <row r="26" spans="1:13">
      <c r="A26" s="20" t="s">
        <v>33</v>
      </c>
      <c r="B26" s="21">
        <v>13</v>
      </c>
      <c r="C26" s="22">
        <v>11</v>
      </c>
      <c r="D26" s="22">
        <v>2</v>
      </c>
      <c r="E26" s="21">
        <v>0</v>
      </c>
      <c r="F26" s="22">
        <v>0</v>
      </c>
      <c r="G26" s="23">
        <v>0</v>
      </c>
      <c r="H26" s="22">
        <v>53</v>
      </c>
      <c r="I26" s="22">
        <v>32</v>
      </c>
      <c r="J26" s="22">
        <v>21</v>
      </c>
      <c r="K26" s="21">
        <v>40</v>
      </c>
      <c r="L26" s="89">
        <v>21</v>
      </c>
      <c r="M26" s="90">
        <v>19</v>
      </c>
    </row>
    <row r="27" spans="1:13">
      <c r="A27" s="20" t="s">
        <v>34</v>
      </c>
      <c r="B27" s="21">
        <v>-4</v>
      </c>
      <c r="C27" s="22">
        <v>-2</v>
      </c>
      <c r="D27" s="22">
        <v>-2</v>
      </c>
      <c r="E27" s="21">
        <v>0</v>
      </c>
      <c r="F27" s="22">
        <v>0</v>
      </c>
      <c r="G27" s="23">
        <v>0</v>
      </c>
      <c r="H27" s="22">
        <v>30</v>
      </c>
      <c r="I27" s="22">
        <v>16</v>
      </c>
      <c r="J27" s="22">
        <v>14</v>
      </c>
      <c r="K27" s="21">
        <v>34</v>
      </c>
      <c r="L27" s="89">
        <v>18</v>
      </c>
      <c r="M27" s="90">
        <v>16</v>
      </c>
    </row>
    <row r="28" spans="1:13">
      <c r="A28" s="20" t="s">
        <v>35</v>
      </c>
      <c r="B28" s="21">
        <v>37</v>
      </c>
      <c r="C28" s="22">
        <v>15</v>
      </c>
      <c r="D28" s="22">
        <v>22</v>
      </c>
      <c r="E28" s="21">
        <v>0</v>
      </c>
      <c r="F28" s="22">
        <v>0</v>
      </c>
      <c r="G28" s="23">
        <v>0</v>
      </c>
      <c r="H28" s="22">
        <v>103</v>
      </c>
      <c r="I28" s="22">
        <v>44</v>
      </c>
      <c r="J28" s="22">
        <v>59</v>
      </c>
      <c r="K28" s="21">
        <v>66</v>
      </c>
      <c r="L28" s="89">
        <v>29</v>
      </c>
      <c r="M28" s="90">
        <v>37</v>
      </c>
    </row>
    <row r="29" spans="1:13">
      <c r="A29" s="20" t="s">
        <v>36</v>
      </c>
      <c r="B29" s="21">
        <v>172</v>
      </c>
      <c r="C29" s="22">
        <v>73</v>
      </c>
      <c r="D29" s="22">
        <v>99</v>
      </c>
      <c r="E29" s="21">
        <v>2</v>
      </c>
      <c r="F29" s="22">
        <v>2</v>
      </c>
      <c r="G29" s="23">
        <v>0</v>
      </c>
      <c r="H29" s="22">
        <v>347</v>
      </c>
      <c r="I29" s="22">
        <v>172</v>
      </c>
      <c r="J29" s="22">
        <v>175</v>
      </c>
      <c r="K29" s="21">
        <v>173</v>
      </c>
      <c r="L29" s="89">
        <v>97</v>
      </c>
      <c r="M29" s="90">
        <v>76</v>
      </c>
    </row>
    <row r="30" spans="1:13" ht="20.100000000000001" customHeight="1">
      <c r="A30" s="16" t="s">
        <v>37</v>
      </c>
      <c r="B30" s="17">
        <v>140</v>
      </c>
      <c r="C30" s="18">
        <v>98</v>
      </c>
      <c r="D30" s="18">
        <v>42</v>
      </c>
      <c r="E30" s="17">
        <v>1</v>
      </c>
      <c r="F30" s="18">
        <v>1</v>
      </c>
      <c r="G30" s="19">
        <v>0</v>
      </c>
      <c r="H30" s="18">
        <v>2466</v>
      </c>
      <c r="I30" s="18">
        <v>1281</v>
      </c>
      <c r="J30" s="18">
        <v>1185</v>
      </c>
      <c r="K30" s="17">
        <v>2325</v>
      </c>
      <c r="L30" s="51">
        <v>1182</v>
      </c>
      <c r="M30" s="52">
        <v>1143</v>
      </c>
    </row>
    <row r="31" spans="1:13">
      <c r="A31" s="20" t="s">
        <v>38</v>
      </c>
      <c r="B31" s="21">
        <v>60</v>
      </c>
      <c r="C31" s="22">
        <v>41</v>
      </c>
      <c r="D31" s="22">
        <v>19</v>
      </c>
      <c r="E31" s="21">
        <v>0</v>
      </c>
      <c r="F31" s="22">
        <v>0</v>
      </c>
      <c r="G31" s="23">
        <v>0</v>
      </c>
      <c r="H31" s="22">
        <v>293</v>
      </c>
      <c r="I31" s="22">
        <v>152</v>
      </c>
      <c r="J31" s="22">
        <v>141</v>
      </c>
      <c r="K31" s="21">
        <v>233</v>
      </c>
      <c r="L31" s="89">
        <v>111</v>
      </c>
      <c r="M31" s="90">
        <v>122</v>
      </c>
    </row>
    <row r="32" spans="1:13">
      <c r="A32" s="20" t="s">
        <v>39</v>
      </c>
      <c r="B32" s="21">
        <v>115</v>
      </c>
      <c r="C32" s="22">
        <v>58</v>
      </c>
      <c r="D32" s="22">
        <v>57</v>
      </c>
      <c r="E32" s="21">
        <v>1</v>
      </c>
      <c r="F32" s="22">
        <v>1</v>
      </c>
      <c r="G32" s="23">
        <v>0</v>
      </c>
      <c r="H32" s="22">
        <v>485</v>
      </c>
      <c r="I32" s="22">
        <v>227</v>
      </c>
      <c r="J32" s="22">
        <v>258</v>
      </c>
      <c r="K32" s="21">
        <v>369</v>
      </c>
      <c r="L32" s="89">
        <v>168</v>
      </c>
      <c r="M32" s="90">
        <v>201</v>
      </c>
    </row>
    <row r="33" spans="1:13">
      <c r="A33" s="20" t="s">
        <v>40</v>
      </c>
      <c r="B33" s="21">
        <v>8</v>
      </c>
      <c r="C33" s="22">
        <v>34</v>
      </c>
      <c r="D33" s="22">
        <v>-26</v>
      </c>
      <c r="E33" s="21">
        <v>0</v>
      </c>
      <c r="F33" s="22">
        <v>0</v>
      </c>
      <c r="G33" s="23">
        <v>0</v>
      </c>
      <c r="H33" s="22">
        <v>462</v>
      </c>
      <c r="I33" s="22">
        <v>239</v>
      </c>
      <c r="J33" s="22">
        <v>223</v>
      </c>
      <c r="K33" s="21">
        <v>454</v>
      </c>
      <c r="L33" s="89">
        <v>205</v>
      </c>
      <c r="M33" s="90">
        <v>249</v>
      </c>
    </row>
    <row r="34" spans="1:13">
      <c r="A34" s="20" t="s">
        <v>41</v>
      </c>
      <c r="B34" s="21">
        <v>-36</v>
      </c>
      <c r="C34" s="22">
        <v>-24</v>
      </c>
      <c r="D34" s="22">
        <v>-12</v>
      </c>
      <c r="E34" s="21">
        <v>0</v>
      </c>
      <c r="F34" s="22">
        <v>0</v>
      </c>
      <c r="G34" s="23">
        <v>0</v>
      </c>
      <c r="H34" s="22">
        <v>664</v>
      </c>
      <c r="I34" s="22">
        <v>351</v>
      </c>
      <c r="J34" s="22">
        <v>313</v>
      </c>
      <c r="K34" s="21">
        <v>700</v>
      </c>
      <c r="L34" s="89">
        <v>375</v>
      </c>
      <c r="M34" s="90">
        <v>325</v>
      </c>
    </row>
    <row r="35" spans="1:13">
      <c r="A35" s="20" t="s">
        <v>42</v>
      </c>
      <c r="B35" s="21">
        <v>-7</v>
      </c>
      <c r="C35" s="22">
        <v>-11</v>
      </c>
      <c r="D35" s="22">
        <v>4</v>
      </c>
      <c r="E35" s="21">
        <v>0</v>
      </c>
      <c r="F35" s="22">
        <v>0</v>
      </c>
      <c r="G35" s="23">
        <v>0</v>
      </c>
      <c r="H35" s="22">
        <v>562</v>
      </c>
      <c r="I35" s="22">
        <v>312</v>
      </c>
      <c r="J35" s="22">
        <v>250</v>
      </c>
      <c r="K35" s="21">
        <v>569</v>
      </c>
      <c r="L35" s="89">
        <v>323</v>
      </c>
      <c r="M35" s="90">
        <v>246</v>
      </c>
    </row>
    <row r="36" spans="1:13" ht="20.100000000000001" customHeight="1">
      <c r="A36" s="16" t="s">
        <v>43</v>
      </c>
      <c r="B36" s="17">
        <v>-95</v>
      </c>
      <c r="C36" s="18">
        <v>5</v>
      </c>
      <c r="D36" s="18">
        <v>-100</v>
      </c>
      <c r="E36" s="17">
        <v>3</v>
      </c>
      <c r="F36" s="18">
        <v>2</v>
      </c>
      <c r="G36" s="19">
        <v>1</v>
      </c>
      <c r="H36" s="18">
        <v>2495</v>
      </c>
      <c r="I36" s="18">
        <v>1374</v>
      </c>
      <c r="J36" s="18">
        <v>1121</v>
      </c>
      <c r="K36" s="17">
        <v>2587</v>
      </c>
      <c r="L36" s="51">
        <v>1367</v>
      </c>
      <c r="M36" s="52">
        <v>1220</v>
      </c>
    </row>
    <row r="37" spans="1:13">
      <c r="A37" s="20" t="s">
        <v>44</v>
      </c>
      <c r="B37" s="21">
        <v>12</v>
      </c>
      <c r="C37" s="22">
        <v>42</v>
      </c>
      <c r="D37" s="22">
        <v>-30</v>
      </c>
      <c r="E37" s="21">
        <v>0</v>
      </c>
      <c r="F37" s="22">
        <v>0</v>
      </c>
      <c r="G37" s="23">
        <v>0</v>
      </c>
      <c r="H37" s="22">
        <v>621</v>
      </c>
      <c r="I37" s="22">
        <v>349</v>
      </c>
      <c r="J37" s="22">
        <v>272</v>
      </c>
      <c r="K37" s="21">
        <v>609</v>
      </c>
      <c r="L37" s="89">
        <v>307</v>
      </c>
      <c r="M37" s="90">
        <v>302</v>
      </c>
    </row>
    <row r="38" spans="1:13">
      <c r="A38" s="20" t="s">
        <v>45</v>
      </c>
      <c r="B38" s="21">
        <v>-2</v>
      </c>
      <c r="C38" s="22">
        <v>-13</v>
      </c>
      <c r="D38" s="22">
        <v>11</v>
      </c>
      <c r="E38" s="21">
        <v>0</v>
      </c>
      <c r="F38" s="22">
        <v>0</v>
      </c>
      <c r="G38" s="23">
        <v>0</v>
      </c>
      <c r="H38" s="22">
        <v>526</v>
      </c>
      <c r="I38" s="22">
        <v>276</v>
      </c>
      <c r="J38" s="22">
        <v>250</v>
      </c>
      <c r="K38" s="21">
        <v>528</v>
      </c>
      <c r="L38" s="89">
        <v>289</v>
      </c>
      <c r="M38" s="90">
        <v>239</v>
      </c>
    </row>
    <row r="39" spans="1:13">
      <c r="A39" s="20" t="s">
        <v>46</v>
      </c>
      <c r="B39" s="21">
        <v>-51</v>
      </c>
      <c r="C39" s="22">
        <v>-20</v>
      </c>
      <c r="D39" s="22">
        <v>-31</v>
      </c>
      <c r="E39" s="21">
        <v>0</v>
      </c>
      <c r="F39" s="22">
        <v>0</v>
      </c>
      <c r="G39" s="23">
        <v>0</v>
      </c>
      <c r="H39" s="22">
        <v>498</v>
      </c>
      <c r="I39" s="22">
        <v>274</v>
      </c>
      <c r="J39" s="22">
        <v>224</v>
      </c>
      <c r="K39" s="21">
        <v>549</v>
      </c>
      <c r="L39" s="89">
        <v>294</v>
      </c>
      <c r="M39" s="90">
        <v>255</v>
      </c>
    </row>
    <row r="40" spans="1:13">
      <c r="A40" s="20" t="s">
        <v>47</v>
      </c>
      <c r="B40" s="21">
        <v>-24</v>
      </c>
      <c r="C40" s="22">
        <v>15</v>
      </c>
      <c r="D40" s="22">
        <v>-39</v>
      </c>
      <c r="E40" s="21">
        <v>2</v>
      </c>
      <c r="F40" s="22">
        <v>1</v>
      </c>
      <c r="G40" s="23">
        <v>1</v>
      </c>
      <c r="H40" s="22">
        <v>453</v>
      </c>
      <c r="I40" s="22">
        <v>260</v>
      </c>
      <c r="J40" s="22">
        <v>193</v>
      </c>
      <c r="K40" s="21">
        <v>475</v>
      </c>
      <c r="L40" s="89">
        <v>244</v>
      </c>
      <c r="M40" s="90">
        <v>231</v>
      </c>
    </row>
    <row r="41" spans="1:13">
      <c r="A41" s="20" t="s">
        <v>48</v>
      </c>
      <c r="B41" s="21">
        <v>-30</v>
      </c>
      <c r="C41" s="22">
        <v>-19</v>
      </c>
      <c r="D41" s="22">
        <v>-11</v>
      </c>
      <c r="E41" s="21">
        <v>1</v>
      </c>
      <c r="F41" s="22">
        <v>1</v>
      </c>
      <c r="G41" s="23">
        <v>0</v>
      </c>
      <c r="H41" s="22">
        <v>397</v>
      </c>
      <c r="I41" s="22">
        <v>215</v>
      </c>
      <c r="J41" s="22">
        <v>182</v>
      </c>
      <c r="K41" s="21">
        <v>426</v>
      </c>
      <c r="L41" s="89">
        <v>233</v>
      </c>
      <c r="M41" s="90">
        <v>193</v>
      </c>
    </row>
    <row r="42" spans="1:13" ht="20.100000000000001" customHeight="1">
      <c r="A42" s="16" t="s">
        <v>49</v>
      </c>
      <c r="B42" s="17">
        <v>32</v>
      </c>
      <c r="C42" s="18">
        <v>55</v>
      </c>
      <c r="D42" s="18">
        <v>-23</v>
      </c>
      <c r="E42" s="17">
        <v>7</v>
      </c>
      <c r="F42" s="18">
        <v>5</v>
      </c>
      <c r="G42" s="19">
        <v>2</v>
      </c>
      <c r="H42" s="18">
        <v>1614</v>
      </c>
      <c r="I42" s="18">
        <v>913</v>
      </c>
      <c r="J42" s="18">
        <v>701</v>
      </c>
      <c r="K42" s="17">
        <v>1575</v>
      </c>
      <c r="L42" s="51">
        <v>853</v>
      </c>
      <c r="M42" s="52">
        <v>722</v>
      </c>
    </row>
    <row r="43" spans="1:13">
      <c r="A43" s="20" t="s">
        <v>50</v>
      </c>
      <c r="B43" s="21">
        <v>11</v>
      </c>
      <c r="C43" s="22">
        <v>6</v>
      </c>
      <c r="D43" s="22">
        <v>5</v>
      </c>
      <c r="E43" s="21">
        <v>0</v>
      </c>
      <c r="F43" s="22">
        <v>0</v>
      </c>
      <c r="G43" s="23">
        <v>0</v>
      </c>
      <c r="H43" s="22">
        <v>379</v>
      </c>
      <c r="I43" s="22">
        <v>200</v>
      </c>
      <c r="J43" s="22">
        <v>179</v>
      </c>
      <c r="K43" s="21">
        <v>368</v>
      </c>
      <c r="L43" s="89">
        <v>194</v>
      </c>
      <c r="M43" s="90">
        <v>174</v>
      </c>
    </row>
    <row r="44" spans="1:13">
      <c r="A44" s="20" t="s">
        <v>51</v>
      </c>
      <c r="B44" s="21">
        <v>-5</v>
      </c>
      <c r="C44" s="22">
        <v>11</v>
      </c>
      <c r="D44" s="22">
        <v>-16</v>
      </c>
      <c r="E44" s="21">
        <v>0</v>
      </c>
      <c r="F44" s="22">
        <v>0</v>
      </c>
      <c r="G44" s="23">
        <v>0</v>
      </c>
      <c r="H44" s="22">
        <v>345</v>
      </c>
      <c r="I44" s="22">
        <v>207</v>
      </c>
      <c r="J44" s="22">
        <v>138</v>
      </c>
      <c r="K44" s="21">
        <v>350</v>
      </c>
      <c r="L44" s="89">
        <v>196</v>
      </c>
      <c r="M44" s="90">
        <v>154</v>
      </c>
    </row>
    <row r="45" spans="1:13">
      <c r="A45" s="20" t="s">
        <v>52</v>
      </c>
      <c r="B45" s="21">
        <v>-5</v>
      </c>
      <c r="C45" s="22">
        <v>6</v>
      </c>
      <c r="D45" s="22">
        <v>-11</v>
      </c>
      <c r="E45" s="21">
        <v>0</v>
      </c>
      <c r="F45" s="22">
        <v>0</v>
      </c>
      <c r="G45" s="23">
        <v>0</v>
      </c>
      <c r="H45" s="22">
        <v>311</v>
      </c>
      <c r="I45" s="22">
        <v>169</v>
      </c>
      <c r="J45" s="22">
        <v>142</v>
      </c>
      <c r="K45" s="21">
        <v>316</v>
      </c>
      <c r="L45" s="89">
        <v>163</v>
      </c>
      <c r="M45" s="90">
        <v>153</v>
      </c>
    </row>
    <row r="46" spans="1:13">
      <c r="A46" s="20" t="s">
        <v>53</v>
      </c>
      <c r="B46" s="21">
        <v>26</v>
      </c>
      <c r="C46" s="22">
        <v>6</v>
      </c>
      <c r="D46" s="22">
        <v>20</v>
      </c>
      <c r="E46" s="21">
        <v>2</v>
      </c>
      <c r="F46" s="22">
        <v>2</v>
      </c>
      <c r="G46" s="23">
        <v>0</v>
      </c>
      <c r="H46" s="22">
        <v>297</v>
      </c>
      <c r="I46" s="22">
        <v>163</v>
      </c>
      <c r="J46" s="22">
        <v>134</v>
      </c>
      <c r="K46" s="21">
        <v>269</v>
      </c>
      <c r="L46" s="89">
        <v>155</v>
      </c>
      <c r="M46" s="90">
        <v>114</v>
      </c>
    </row>
    <row r="47" spans="1:13">
      <c r="A47" s="20" t="s">
        <v>54</v>
      </c>
      <c r="B47" s="21">
        <v>5</v>
      </c>
      <c r="C47" s="22">
        <v>26</v>
      </c>
      <c r="D47" s="22">
        <v>-21</v>
      </c>
      <c r="E47" s="21">
        <v>5</v>
      </c>
      <c r="F47" s="22">
        <v>3</v>
      </c>
      <c r="G47" s="23">
        <v>2</v>
      </c>
      <c r="H47" s="22">
        <v>282</v>
      </c>
      <c r="I47" s="22">
        <v>174</v>
      </c>
      <c r="J47" s="22">
        <v>108</v>
      </c>
      <c r="K47" s="21">
        <v>272</v>
      </c>
      <c r="L47" s="89">
        <v>145</v>
      </c>
      <c r="M47" s="90">
        <v>127</v>
      </c>
    </row>
    <row r="48" spans="1:13" ht="20.100000000000001" customHeight="1">
      <c r="A48" s="16" t="s">
        <v>55</v>
      </c>
      <c r="B48" s="17">
        <v>116</v>
      </c>
      <c r="C48" s="18">
        <v>58</v>
      </c>
      <c r="D48" s="18">
        <v>58</v>
      </c>
      <c r="E48" s="17">
        <v>10</v>
      </c>
      <c r="F48" s="18">
        <v>9</v>
      </c>
      <c r="G48" s="19">
        <v>1</v>
      </c>
      <c r="H48" s="18">
        <v>1094</v>
      </c>
      <c r="I48" s="18">
        <v>631</v>
      </c>
      <c r="J48" s="18">
        <v>463</v>
      </c>
      <c r="K48" s="17">
        <v>968</v>
      </c>
      <c r="L48" s="51">
        <v>564</v>
      </c>
      <c r="M48" s="52">
        <v>404</v>
      </c>
    </row>
    <row r="49" spans="1:13">
      <c r="A49" s="20" t="s">
        <v>56</v>
      </c>
      <c r="B49" s="21">
        <v>43</v>
      </c>
      <c r="C49" s="22">
        <v>27</v>
      </c>
      <c r="D49" s="22">
        <v>16</v>
      </c>
      <c r="E49" s="21">
        <v>3</v>
      </c>
      <c r="F49" s="22">
        <v>3</v>
      </c>
      <c r="G49" s="23">
        <v>0</v>
      </c>
      <c r="H49" s="22">
        <v>284</v>
      </c>
      <c r="I49" s="22">
        <v>166</v>
      </c>
      <c r="J49" s="22">
        <v>118</v>
      </c>
      <c r="K49" s="21">
        <v>238</v>
      </c>
      <c r="L49" s="89">
        <v>136</v>
      </c>
      <c r="M49" s="90">
        <v>102</v>
      </c>
    </row>
    <row r="50" spans="1:13">
      <c r="A50" s="20" t="s">
        <v>57</v>
      </c>
      <c r="B50" s="21">
        <v>35</v>
      </c>
      <c r="C50" s="22">
        <v>7</v>
      </c>
      <c r="D50" s="22">
        <v>28</v>
      </c>
      <c r="E50" s="21">
        <v>0</v>
      </c>
      <c r="F50" s="22">
        <v>0</v>
      </c>
      <c r="G50" s="23">
        <v>0</v>
      </c>
      <c r="H50" s="22">
        <v>244</v>
      </c>
      <c r="I50" s="22">
        <v>129</v>
      </c>
      <c r="J50" s="22">
        <v>115</v>
      </c>
      <c r="K50" s="21">
        <v>209</v>
      </c>
      <c r="L50" s="89">
        <v>122</v>
      </c>
      <c r="M50" s="90">
        <v>87</v>
      </c>
    </row>
    <row r="51" spans="1:13">
      <c r="A51" s="20" t="s">
        <v>58</v>
      </c>
      <c r="B51" s="21">
        <v>-21</v>
      </c>
      <c r="C51" s="22">
        <v>-26</v>
      </c>
      <c r="D51" s="22">
        <v>5</v>
      </c>
      <c r="E51" s="21">
        <v>1</v>
      </c>
      <c r="F51" s="22">
        <v>1</v>
      </c>
      <c r="G51" s="23">
        <v>0</v>
      </c>
      <c r="H51" s="22">
        <v>179</v>
      </c>
      <c r="I51" s="22">
        <v>100</v>
      </c>
      <c r="J51" s="22">
        <v>79</v>
      </c>
      <c r="K51" s="21">
        <v>199</v>
      </c>
      <c r="L51" s="89">
        <v>125</v>
      </c>
      <c r="M51" s="90">
        <v>74</v>
      </c>
    </row>
    <row r="52" spans="1:13">
      <c r="A52" s="20" t="s">
        <v>59</v>
      </c>
      <c r="B52" s="21">
        <v>31</v>
      </c>
      <c r="C52" s="22">
        <v>36</v>
      </c>
      <c r="D52" s="22">
        <v>-5</v>
      </c>
      <c r="E52" s="21">
        <v>2</v>
      </c>
      <c r="F52" s="22">
        <v>2</v>
      </c>
      <c r="G52" s="23">
        <v>0</v>
      </c>
      <c r="H52" s="22">
        <v>203</v>
      </c>
      <c r="I52" s="22">
        <v>124</v>
      </c>
      <c r="J52" s="22">
        <v>79</v>
      </c>
      <c r="K52" s="21">
        <v>170</v>
      </c>
      <c r="L52" s="89">
        <v>86</v>
      </c>
      <c r="M52" s="90">
        <v>84</v>
      </c>
    </row>
    <row r="53" spans="1:13">
      <c r="A53" s="20" t="s">
        <v>60</v>
      </c>
      <c r="B53" s="21">
        <v>28</v>
      </c>
      <c r="C53" s="22">
        <v>14</v>
      </c>
      <c r="D53" s="22">
        <v>14</v>
      </c>
      <c r="E53" s="21">
        <v>4</v>
      </c>
      <c r="F53" s="22">
        <v>3</v>
      </c>
      <c r="G53" s="23">
        <v>1</v>
      </c>
      <c r="H53" s="22">
        <v>184</v>
      </c>
      <c r="I53" s="22">
        <v>112</v>
      </c>
      <c r="J53" s="22">
        <v>72</v>
      </c>
      <c r="K53" s="21">
        <v>152</v>
      </c>
      <c r="L53" s="89">
        <v>95</v>
      </c>
      <c r="M53" s="90">
        <v>57</v>
      </c>
    </row>
    <row r="54" spans="1:13" ht="20.100000000000001" customHeight="1">
      <c r="A54" s="16" t="s">
        <v>61</v>
      </c>
      <c r="B54" s="17">
        <v>37</v>
      </c>
      <c r="C54" s="18">
        <v>17</v>
      </c>
      <c r="D54" s="18">
        <v>20</v>
      </c>
      <c r="E54" s="17">
        <v>23</v>
      </c>
      <c r="F54" s="18">
        <v>14</v>
      </c>
      <c r="G54" s="19">
        <v>9</v>
      </c>
      <c r="H54" s="18">
        <v>769</v>
      </c>
      <c r="I54" s="18">
        <v>453</v>
      </c>
      <c r="J54" s="18">
        <v>316</v>
      </c>
      <c r="K54" s="17">
        <v>709</v>
      </c>
      <c r="L54" s="51">
        <v>422</v>
      </c>
      <c r="M54" s="52">
        <v>287</v>
      </c>
    </row>
    <row r="55" spans="1:13">
      <c r="A55" s="20" t="s">
        <v>62</v>
      </c>
      <c r="B55" s="21">
        <v>52</v>
      </c>
      <c r="C55" s="22">
        <v>27</v>
      </c>
      <c r="D55" s="22">
        <v>25</v>
      </c>
      <c r="E55" s="21">
        <v>4</v>
      </c>
      <c r="F55" s="22">
        <v>2</v>
      </c>
      <c r="G55" s="23">
        <v>2</v>
      </c>
      <c r="H55" s="22">
        <v>179</v>
      </c>
      <c r="I55" s="22">
        <v>98</v>
      </c>
      <c r="J55" s="22">
        <v>81</v>
      </c>
      <c r="K55" s="21">
        <v>123</v>
      </c>
      <c r="L55" s="89">
        <v>69</v>
      </c>
      <c r="M55" s="90">
        <v>54</v>
      </c>
    </row>
    <row r="56" spans="1:13">
      <c r="A56" s="20" t="s">
        <v>63</v>
      </c>
      <c r="B56" s="21">
        <v>-7</v>
      </c>
      <c r="C56" s="22">
        <v>-13</v>
      </c>
      <c r="D56" s="22">
        <v>6</v>
      </c>
      <c r="E56" s="21">
        <v>3</v>
      </c>
      <c r="F56" s="22">
        <v>2</v>
      </c>
      <c r="G56" s="23">
        <v>1</v>
      </c>
      <c r="H56" s="22">
        <v>156</v>
      </c>
      <c r="I56" s="22">
        <v>92</v>
      </c>
      <c r="J56" s="22">
        <v>64</v>
      </c>
      <c r="K56" s="21">
        <v>160</v>
      </c>
      <c r="L56" s="89">
        <v>103</v>
      </c>
      <c r="M56" s="90">
        <v>57</v>
      </c>
    </row>
    <row r="57" spans="1:13">
      <c r="A57" s="20" t="s">
        <v>64</v>
      </c>
      <c r="B57" s="21">
        <v>0</v>
      </c>
      <c r="C57" s="22">
        <v>3</v>
      </c>
      <c r="D57" s="22">
        <v>-3</v>
      </c>
      <c r="E57" s="21">
        <v>2</v>
      </c>
      <c r="F57" s="22">
        <v>1</v>
      </c>
      <c r="G57" s="23">
        <v>1</v>
      </c>
      <c r="H57" s="22">
        <v>149</v>
      </c>
      <c r="I57" s="22">
        <v>92</v>
      </c>
      <c r="J57" s="22">
        <v>57</v>
      </c>
      <c r="K57" s="21">
        <v>147</v>
      </c>
      <c r="L57" s="89">
        <v>88</v>
      </c>
      <c r="M57" s="90">
        <v>59</v>
      </c>
    </row>
    <row r="58" spans="1:13">
      <c r="A58" s="20" t="s">
        <v>65</v>
      </c>
      <c r="B58" s="21">
        <v>5</v>
      </c>
      <c r="C58" s="22">
        <v>10</v>
      </c>
      <c r="D58" s="22">
        <v>-5</v>
      </c>
      <c r="E58" s="21">
        <v>3</v>
      </c>
      <c r="F58" s="22">
        <v>1</v>
      </c>
      <c r="G58" s="23">
        <v>2</v>
      </c>
      <c r="H58" s="22">
        <v>152</v>
      </c>
      <c r="I58" s="22">
        <v>98</v>
      </c>
      <c r="J58" s="22">
        <v>54</v>
      </c>
      <c r="K58" s="21">
        <v>144</v>
      </c>
      <c r="L58" s="89">
        <v>87</v>
      </c>
      <c r="M58" s="90">
        <v>57</v>
      </c>
    </row>
    <row r="59" spans="1:13">
      <c r="A59" s="20" t="s">
        <v>66</v>
      </c>
      <c r="B59" s="21">
        <v>-13</v>
      </c>
      <c r="C59" s="22">
        <v>-10</v>
      </c>
      <c r="D59" s="22">
        <v>-3</v>
      </c>
      <c r="E59" s="21">
        <v>11</v>
      </c>
      <c r="F59" s="22">
        <v>8</v>
      </c>
      <c r="G59" s="23">
        <v>3</v>
      </c>
      <c r="H59" s="22">
        <v>133</v>
      </c>
      <c r="I59" s="22">
        <v>73</v>
      </c>
      <c r="J59" s="22">
        <v>60</v>
      </c>
      <c r="K59" s="21">
        <v>135</v>
      </c>
      <c r="L59" s="89">
        <v>75</v>
      </c>
      <c r="M59" s="90">
        <v>60</v>
      </c>
    </row>
    <row r="60" spans="1:13" ht="20.100000000000001" customHeight="1">
      <c r="A60" s="16" t="s">
        <v>67</v>
      </c>
      <c r="B60" s="17">
        <v>-51</v>
      </c>
      <c r="C60" s="18">
        <v>-37</v>
      </c>
      <c r="D60" s="18">
        <v>-14</v>
      </c>
      <c r="E60" s="17">
        <v>39</v>
      </c>
      <c r="F60" s="18">
        <v>23</v>
      </c>
      <c r="G60" s="19">
        <v>16</v>
      </c>
      <c r="H60" s="18">
        <v>646</v>
      </c>
      <c r="I60" s="18">
        <v>392</v>
      </c>
      <c r="J60" s="18">
        <v>254</v>
      </c>
      <c r="K60" s="17">
        <v>658</v>
      </c>
      <c r="L60" s="51">
        <v>406</v>
      </c>
      <c r="M60" s="52">
        <v>252</v>
      </c>
    </row>
    <row r="61" spans="1:13">
      <c r="A61" s="20" t="s">
        <v>68</v>
      </c>
      <c r="B61" s="21">
        <v>4</v>
      </c>
      <c r="C61" s="22">
        <v>4</v>
      </c>
      <c r="D61" s="22">
        <v>0</v>
      </c>
      <c r="E61" s="21">
        <v>10</v>
      </c>
      <c r="F61" s="22">
        <v>6</v>
      </c>
      <c r="G61" s="23">
        <v>4</v>
      </c>
      <c r="H61" s="22">
        <v>134</v>
      </c>
      <c r="I61" s="22">
        <v>90</v>
      </c>
      <c r="J61" s="22">
        <v>44</v>
      </c>
      <c r="K61" s="21">
        <v>120</v>
      </c>
      <c r="L61" s="89">
        <v>80</v>
      </c>
      <c r="M61" s="90">
        <v>40</v>
      </c>
    </row>
    <row r="62" spans="1:13">
      <c r="A62" s="20" t="s">
        <v>69</v>
      </c>
      <c r="B62" s="21">
        <v>31</v>
      </c>
      <c r="C62" s="22">
        <v>16</v>
      </c>
      <c r="D62" s="22">
        <v>15</v>
      </c>
      <c r="E62" s="21">
        <v>1</v>
      </c>
      <c r="F62" s="22">
        <v>0</v>
      </c>
      <c r="G62" s="23">
        <v>1</v>
      </c>
      <c r="H62" s="22">
        <v>161</v>
      </c>
      <c r="I62" s="22">
        <v>98</v>
      </c>
      <c r="J62" s="22">
        <v>63</v>
      </c>
      <c r="K62" s="21">
        <v>129</v>
      </c>
      <c r="L62" s="89">
        <v>82</v>
      </c>
      <c r="M62" s="90">
        <v>47</v>
      </c>
    </row>
    <row r="63" spans="1:13">
      <c r="A63" s="20" t="s">
        <v>70</v>
      </c>
      <c r="B63" s="21">
        <v>-26</v>
      </c>
      <c r="C63" s="22">
        <v>-10</v>
      </c>
      <c r="D63" s="22">
        <v>-16</v>
      </c>
      <c r="E63" s="21">
        <v>7</v>
      </c>
      <c r="F63" s="22">
        <v>6</v>
      </c>
      <c r="G63" s="23">
        <v>1</v>
      </c>
      <c r="H63" s="22">
        <v>114</v>
      </c>
      <c r="I63" s="22">
        <v>69</v>
      </c>
      <c r="J63" s="22">
        <v>45</v>
      </c>
      <c r="K63" s="21">
        <v>133</v>
      </c>
      <c r="L63" s="89">
        <v>73</v>
      </c>
      <c r="M63" s="90">
        <v>60</v>
      </c>
    </row>
    <row r="64" spans="1:13">
      <c r="A64" s="20" t="s">
        <v>71</v>
      </c>
      <c r="B64" s="21">
        <v>-24</v>
      </c>
      <c r="C64" s="22">
        <v>-18</v>
      </c>
      <c r="D64" s="22">
        <v>-6</v>
      </c>
      <c r="E64" s="21">
        <v>12</v>
      </c>
      <c r="F64" s="22">
        <v>8</v>
      </c>
      <c r="G64" s="23">
        <v>4</v>
      </c>
      <c r="H64" s="22">
        <v>120</v>
      </c>
      <c r="I64" s="22">
        <v>72</v>
      </c>
      <c r="J64" s="22">
        <v>48</v>
      </c>
      <c r="K64" s="21">
        <v>132</v>
      </c>
      <c r="L64" s="89">
        <v>82</v>
      </c>
      <c r="M64" s="90">
        <v>50</v>
      </c>
    </row>
    <row r="65" spans="1:13">
      <c r="A65" s="24" t="s">
        <v>72</v>
      </c>
      <c r="B65" s="25">
        <v>-36</v>
      </c>
      <c r="C65" s="26">
        <v>-29</v>
      </c>
      <c r="D65" s="26">
        <v>-7</v>
      </c>
      <c r="E65" s="25">
        <v>9</v>
      </c>
      <c r="F65" s="26">
        <v>3</v>
      </c>
      <c r="G65" s="27">
        <v>6</v>
      </c>
      <c r="H65" s="26">
        <v>117</v>
      </c>
      <c r="I65" s="26">
        <v>63</v>
      </c>
      <c r="J65" s="26">
        <v>54</v>
      </c>
      <c r="K65" s="25">
        <v>144</v>
      </c>
      <c r="L65" s="91">
        <v>89</v>
      </c>
      <c r="M65" s="92">
        <v>5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808</v>
      </c>
      <c r="C69" s="58">
        <v>939</v>
      </c>
      <c r="D69" s="59">
        <v>86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808</v>
      </c>
      <c r="C70" s="61">
        <v>939</v>
      </c>
      <c r="D70" s="62">
        <v>869</v>
      </c>
    </row>
    <row r="71" spans="1:13">
      <c r="A71" s="24" t="s">
        <v>14</v>
      </c>
      <c r="B71" s="63">
        <v>1808</v>
      </c>
      <c r="C71" s="64">
        <v>939</v>
      </c>
      <c r="D71" s="65">
        <v>869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8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34</v>
      </c>
      <c r="C77" s="18">
        <v>-54</v>
      </c>
      <c r="D77" s="18">
        <v>20</v>
      </c>
      <c r="E77" s="17">
        <v>52</v>
      </c>
      <c r="F77" s="18">
        <v>37</v>
      </c>
      <c r="G77" s="19">
        <v>15</v>
      </c>
      <c r="H77" s="18">
        <v>476</v>
      </c>
      <c r="I77" s="18">
        <v>249</v>
      </c>
      <c r="J77" s="18">
        <v>227</v>
      </c>
      <c r="K77" s="17">
        <v>458</v>
      </c>
      <c r="L77" s="51">
        <v>266</v>
      </c>
      <c r="M77" s="52">
        <v>192</v>
      </c>
    </row>
    <row r="78" spans="1:13">
      <c r="A78" s="40" t="s">
        <v>81</v>
      </c>
      <c r="B78" s="21">
        <v>10</v>
      </c>
      <c r="C78" s="22">
        <v>-18</v>
      </c>
      <c r="D78" s="22">
        <v>28</v>
      </c>
      <c r="E78" s="21">
        <v>6</v>
      </c>
      <c r="F78" s="22">
        <v>4</v>
      </c>
      <c r="G78" s="23">
        <v>2</v>
      </c>
      <c r="H78" s="22">
        <v>130</v>
      </c>
      <c r="I78" s="22">
        <v>62</v>
      </c>
      <c r="J78" s="22">
        <v>68</v>
      </c>
      <c r="K78" s="21">
        <v>114</v>
      </c>
      <c r="L78" s="89">
        <v>76</v>
      </c>
      <c r="M78" s="90">
        <v>38</v>
      </c>
    </row>
    <row r="79" spans="1:13">
      <c r="A79" s="40" t="s">
        <v>82</v>
      </c>
      <c r="B79" s="21">
        <v>-29</v>
      </c>
      <c r="C79" s="22">
        <v>-20</v>
      </c>
      <c r="D79" s="22">
        <v>-9</v>
      </c>
      <c r="E79" s="21">
        <v>14</v>
      </c>
      <c r="F79" s="22">
        <v>10</v>
      </c>
      <c r="G79" s="23">
        <v>4</v>
      </c>
      <c r="H79" s="22">
        <v>90</v>
      </c>
      <c r="I79" s="22">
        <v>51</v>
      </c>
      <c r="J79" s="22">
        <v>39</v>
      </c>
      <c r="K79" s="21">
        <v>105</v>
      </c>
      <c r="L79" s="89">
        <v>61</v>
      </c>
      <c r="M79" s="90">
        <v>44</v>
      </c>
    </row>
    <row r="80" spans="1:13">
      <c r="A80" s="40" t="s">
        <v>83</v>
      </c>
      <c r="B80" s="21">
        <v>-3</v>
      </c>
      <c r="C80" s="22">
        <v>-8</v>
      </c>
      <c r="D80" s="22">
        <v>5</v>
      </c>
      <c r="E80" s="21">
        <v>10</v>
      </c>
      <c r="F80" s="22">
        <v>9</v>
      </c>
      <c r="G80" s="23">
        <v>1</v>
      </c>
      <c r="H80" s="22">
        <v>97</v>
      </c>
      <c r="I80" s="22">
        <v>51</v>
      </c>
      <c r="J80" s="22">
        <v>46</v>
      </c>
      <c r="K80" s="21">
        <v>90</v>
      </c>
      <c r="L80" s="89">
        <v>50</v>
      </c>
      <c r="M80" s="90">
        <v>40</v>
      </c>
    </row>
    <row r="81" spans="1:13">
      <c r="A81" s="40" t="s">
        <v>84</v>
      </c>
      <c r="B81" s="21">
        <v>-6</v>
      </c>
      <c r="C81" s="22">
        <v>0</v>
      </c>
      <c r="D81" s="22">
        <v>-6</v>
      </c>
      <c r="E81" s="21">
        <v>10</v>
      </c>
      <c r="F81" s="22">
        <v>6</v>
      </c>
      <c r="G81" s="23">
        <v>4</v>
      </c>
      <c r="H81" s="22">
        <v>68</v>
      </c>
      <c r="I81" s="22">
        <v>41</v>
      </c>
      <c r="J81" s="22">
        <v>27</v>
      </c>
      <c r="K81" s="21">
        <v>64</v>
      </c>
      <c r="L81" s="89">
        <v>35</v>
      </c>
      <c r="M81" s="90">
        <v>29</v>
      </c>
    </row>
    <row r="82" spans="1:13">
      <c r="A82" s="40" t="s">
        <v>85</v>
      </c>
      <c r="B82" s="21">
        <v>-6</v>
      </c>
      <c r="C82" s="22">
        <v>-8</v>
      </c>
      <c r="D82" s="22">
        <v>2</v>
      </c>
      <c r="E82" s="21">
        <v>12</v>
      </c>
      <c r="F82" s="22">
        <v>8</v>
      </c>
      <c r="G82" s="23">
        <v>4</v>
      </c>
      <c r="H82" s="22">
        <v>91</v>
      </c>
      <c r="I82" s="22">
        <v>44</v>
      </c>
      <c r="J82" s="22">
        <v>47</v>
      </c>
      <c r="K82" s="21">
        <v>85</v>
      </c>
      <c r="L82" s="89">
        <v>44</v>
      </c>
      <c r="M82" s="90">
        <v>41</v>
      </c>
    </row>
    <row r="83" spans="1:13" ht="19.5" customHeight="1">
      <c r="A83" s="34" t="s">
        <v>86</v>
      </c>
      <c r="B83" s="17">
        <v>-81</v>
      </c>
      <c r="C83" s="18">
        <v>-42</v>
      </c>
      <c r="D83" s="18">
        <v>-39</v>
      </c>
      <c r="E83" s="17">
        <v>63</v>
      </c>
      <c r="F83" s="18">
        <v>44</v>
      </c>
      <c r="G83" s="19">
        <v>19</v>
      </c>
      <c r="H83" s="18">
        <v>325</v>
      </c>
      <c r="I83" s="18">
        <v>188</v>
      </c>
      <c r="J83" s="18">
        <v>137</v>
      </c>
      <c r="K83" s="17">
        <v>343</v>
      </c>
      <c r="L83" s="51">
        <v>186</v>
      </c>
      <c r="M83" s="52">
        <v>157</v>
      </c>
    </row>
    <row r="84" spans="1:13">
      <c r="A84" s="40" t="s">
        <v>87</v>
      </c>
      <c r="B84" s="21">
        <v>-11</v>
      </c>
      <c r="C84" s="22">
        <v>1</v>
      </c>
      <c r="D84" s="22">
        <v>-12</v>
      </c>
      <c r="E84" s="21">
        <v>14</v>
      </c>
      <c r="F84" s="22">
        <v>7</v>
      </c>
      <c r="G84" s="23">
        <v>7</v>
      </c>
      <c r="H84" s="22">
        <v>80</v>
      </c>
      <c r="I84" s="22">
        <v>48</v>
      </c>
      <c r="J84" s="22">
        <v>32</v>
      </c>
      <c r="K84" s="21">
        <v>77</v>
      </c>
      <c r="L84" s="89">
        <v>40</v>
      </c>
      <c r="M84" s="90">
        <v>37</v>
      </c>
    </row>
    <row r="85" spans="1:13">
      <c r="A85" s="40" t="s">
        <v>88</v>
      </c>
      <c r="B85" s="21">
        <v>-13</v>
      </c>
      <c r="C85" s="22">
        <v>-6</v>
      </c>
      <c r="D85" s="22">
        <v>-7</v>
      </c>
      <c r="E85" s="21">
        <v>6</v>
      </c>
      <c r="F85" s="22">
        <v>5</v>
      </c>
      <c r="G85" s="23">
        <v>1</v>
      </c>
      <c r="H85" s="22">
        <v>67</v>
      </c>
      <c r="I85" s="22">
        <v>38</v>
      </c>
      <c r="J85" s="22">
        <v>29</v>
      </c>
      <c r="K85" s="21">
        <v>74</v>
      </c>
      <c r="L85" s="89">
        <v>39</v>
      </c>
      <c r="M85" s="90">
        <v>35</v>
      </c>
    </row>
    <row r="86" spans="1:13">
      <c r="A86" s="40" t="s">
        <v>89</v>
      </c>
      <c r="B86" s="21">
        <v>-29</v>
      </c>
      <c r="C86" s="22">
        <v>-27</v>
      </c>
      <c r="D86" s="22">
        <v>-2</v>
      </c>
      <c r="E86" s="21">
        <v>11</v>
      </c>
      <c r="F86" s="22">
        <v>9</v>
      </c>
      <c r="G86" s="23">
        <v>2</v>
      </c>
      <c r="H86" s="22">
        <v>62</v>
      </c>
      <c r="I86" s="22">
        <v>32</v>
      </c>
      <c r="J86" s="22">
        <v>30</v>
      </c>
      <c r="K86" s="21">
        <v>80</v>
      </c>
      <c r="L86" s="89">
        <v>50</v>
      </c>
      <c r="M86" s="90">
        <v>30</v>
      </c>
    </row>
    <row r="87" spans="1:13">
      <c r="A87" s="40" t="s">
        <v>90</v>
      </c>
      <c r="B87" s="21">
        <v>-10</v>
      </c>
      <c r="C87" s="22">
        <v>-2</v>
      </c>
      <c r="D87" s="22">
        <v>-8</v>
      </c>
      <c r="E87" s="21">
        <v>17</v>
      </c>
      <c r="F87" s="22">
        <v>14</v>
      </c>
      <c r="G87" s="23">
        <v>3</v>
      </c>
      <c r="H87" s="22">
        <v>67</v>
      </c>
      <c r="I87" s="22">
        <v>41</v>
      </c>
      <c r="J87" s="22">
        <v>26</v>
      </c>
      <c r="K87" s="21">
        <v>60</v>
      </c>
      <c r="L87" s="89">
        <v>29</v>
      </c>
      <c r="M87" s="90">
        <v>31</v>
      </c>
    </row>
    <row r="88" spans="1:13">
      <c r="A88" s="40" t="s">
        <v>91</v>
      </c>
      <c r="B88" s="21">
        <v>-18</v>
      </c>
      <c r="C88" s="22">
        <v>-8</v>
      </c>
      <c r="D88" s="22">
        <v>-10</v>
      </c>
      <c r="E88" s="21">
        <v>15</v>
      </c>
      <c r="F88" s="22">
        <v>9</v>
      </c>
      <c r="G88" s="23">
        <v>6</v>
      </c>
      <c r="H88" s="22">
        <v>49</v>
      </c>
      <c r="I88" s="22">
        <v>29</v>
      </c>
      <c r="J88" s="22">
        <v>20</v>
      </c>
      <c r="K88" s="21">
        <v>52</v>
      </c>
      <c r="L88" s="89">
        <v>28</v>
      </c>
      <c r="M88" s="90">
        <v>24</v>
      </c>
    </row>
    <row r="89" spans="1:13" ht="19.5" customHeight="1">
      <c r="A89" s="34" t="s">
        <v>92</v>
      </c>
      <c r="B89" s="17">
        <v>-90</v>
      </c>
      <c r="C89" s="18">
        <v>-79</v>
      </c>
      <c r="D89" s="18">
        <v>-11</v>
      </c>
      <c r="E89" s="17">
        <v>107</v>
      </c>
      <c r="F89" s="18">
        <v>75</v>
      </c>
      <c r="G89" s="19">
        <v>32</v>
      </c>
      <c r="H89" s="18">
        <v>254</v>
      </c>
      <c r="I89" s="18">
        <v>147</v>
      </c>
      <c r="J89" s="18">
        <v>107</v>
      </c>
      <c r="K89" s="17">
        <v>237</v>
      </c>
      <c r="L89" s="51">
        <v>151</v>
      </c>
      <c r="M89" s="52">
        <v>86</v>
      </c>
    </row>
    <row r="90" spans="1:13">
      <c r="A90" s="40" t="s">
        <v>93</v>
      </c>
      <c r="B90" s="21">
        <v>-26</v>
      </c>
      <c r="C90" s="22">
        <v>-26</v>
      </c>
      <c r="D90" s="22">
        <v>0</v>
      </c>
      <c r="E90" s="21">
        <v>24</v>
      </c>
      <c r="F90" s="22">
        <v>19</v>
      </c>
      <c r="G90" s="23">
        <v>5</v>
      </c>
      <c r="H90" s="22">
        <v>57</v>
      </c>
      <c r="I90" s="22">
        <v>32</v>
      </c>
      <c r="J90" s="22">
        <v>25</v>
      </c>
      <c r="K90" s="21">
        <v>59</v>
      </c>
      <c r="L90" s="89">
        <v>39</v>
      </c>
      <c r="M90" s="90">
        <v>20</v>
      </c>
    </row>
    <row r="91" spans="1:13">
      <c r="A91" s="40" t="s">
        <v>94</v>
      </c>
      <c r="B91" s="21">
        <v>9</v>
      </c>
      <c r="C91" s="22">
        <v>9</v>
      </c>
      <c r="D91" s="22">
        <v>0</v>
      </c>
      <c r="E91" s="21">
        <v>23</v>
      </c>
      <c r="F91" s="22">
        <v>15</v>
      </c>
      <c r="G91" s="23">
        <v>8</v>
      </c>
      <c r="H91" s="22">
        <v>64</v>
      </c>
      <c r="I91" s="22">
        <v>45</v>
      </c>
      <c r="J91" s="22">
        <v>19</v>
      </c>
      <c r="K91" s="21">
        <v>32</v>
      </c>
      <c r="L91" s="89">
        <v>21</v>
      </c>
      <c r="M91" s="90">
        <v>11</v>
      </c>
    </row>
    <row r="92" spans="1:13">
      <c r="A92" s="40" t="s">
        <v>95</v>
      </c>
      <c r="B92" s="21">
        <v>-15</v>
      </c>
      <c r="C92" s="22">
        <v>-10</v>
      </c>
      <c r="D92" s="22">
        <v>-5</v>
      </c>
      <c r="E92" s="21">
        <v>20</v>
      </c>
      <c r="F92" s="22">
        <v>13</v>
      </c>
      <c r="G92" s="23">
        <v>7</v>
      </c>
      <c r="H92" s="22">
        <v>58</v>
      </c>
      <c r="I92" s="22">
        <v>32</v>
      </c>
      <c r="J92" s="22">
        <v>26</v>
      </c>
      <c r="K92" s="21">
        <v>53</v>
      </c>
      <c r="L92" s="89">
        <v>29</v>
      </c>
      <c r="M92" s="90">
        <v>24</v>
      </c>
    </row>
    <row r="93" spans="1:13">
      <c r="A93" s="40" t="s">
        <v>96</v>
      </c>
      <c r="B93" s="21">
        <v>-34</v>
      </c>
      <c r="C93" s="22">
        <v>-31</v>
      </c>
      <c r="D93" s="22">
        <v>-3</v>
      </c>
      <c r="E93" s="21">
        <v>21</v>
      </c>
      <c r="F93" s="22">
        <v>14</v>
      </c>
      <c r="G93" s="23">
        <v>7</v>
      </c>
      <c r="H93" s="22">
        <v>35</v>
      </c>
      <c r="I93" s="22">
        <v>21</v>
      </c>
      <c r="J93" s="22">
        <v>14</v>
      </c>
      <c r="K93" s="21">
        <v>48</v>
      </c>
      <c r="L93" s="89">
        <v>38</v>
      </c>
      <c r="M93" s="90">
        <v>10</v>
      </c>
    </row>
    <row r="94" spans="1:13">
      <c r="A94" s="40" t="s">
        <v>97</v>
      </c>
      <c r="B94" s="21">
        <v>-24</v>
      </c>
      <c r="C94" s="22">
        <v>-21</v>
      </c>
      <c r="D94" s="22">
        <v>-3</v>
      </c>
      <c r="E94" s="21">
        <v>19</v>
      </c>
      <c r="F94" s="22">
        <v>14</v>
      </c>
      <c r="G94" s="23">
        <v>5</v>
      </c>
      <c r="H94" s="22">
        <v>40</v>
      </c>
      <c r="I94" s="22">
        <v>17</v>
      </c>
      <c r="J94" s="22">
        <v>23</v>
      </c>
      <c r="K94" s="21">
        <v>45</v>
      </c>
      <c r="L94" s="89">
        <v>24</v>
      </c>
      <c r="M94" s="90">
        <v>21</v>
      </c>
    </row>
    <row r="95" spans="1:13" ht="19.5" customHeight="1">
      <c r="A95" s="34" t="s">
        <v>98</v>
      </c>
      <c r="B95" s="17">
        <v>-130</v>
      </c>
      <c r="C95" s="18">
        <v>-105</v>
      </c>
      <c r="D95" s="18">
        <v>-25</v>
      </c>
      <c r="E95" s="17">
        <v>150</v>
      </c>
      <c r="F95" s="18">
        <v>101</v>
      </c>
      <c r="G95" s="19">
        <v>49</v>
      </c>
      <c r="H95" s="18">
        <v>208</v>
      </c>
      <c r="I95" s="18">
        <v>106</v>
      </c>
      <c r="J95" s="18">
        <v>102</v>
      </c>
      <c r="K95" s="17">
        <v>188</v>
      </c>
      <c r="L95" s="51">
        <v>110</v>
      </c>
      <c r="M95" s="52">
        <v>78</v>
      </c>
    </row>
    <row r="96" spans="1:13">
      <c r="A96" s="40" t="s">
        <v>99</v>
      </c>
      <c r="B96" s="21">
        <v>-13</v>
      </c>
      <c r="C96" s="22">
        <v>-18</v>
      </c>
      <c r="D96" s="22">
        <v>5</v>
      </c>
      <c r="E96" s="21">
        <v>23</v>
      </c>
      <c r="F96" s="22">
        <v>16</v>
      </c>
      <c r="G96" s="23">
        <v>7</v>
      </c>
      <c r="H96" s="22">
        <v>41</v>
      </c>
      <c r="I96" s="22">
        <v>18</v>
      </c>
      <c r="J96" s="22">
        <v>23</v>
      </c>
      <c r="K96" s="21">
        <v>31</v>
      </c>
      <c r="L96" s="89">
        <v>20</v>
      </c>
      <c r="M96" s="90">
        <v>11</v>
      </c>
    </row>
    <row r="97" spans="1:13">
      <c r="A97" s="40" t="s">
        <v>100</v>
      </c>
      <c r="B97" s="21">
        <v>-21</v>
      </c>
      <c r="C97" s="22">
        <v>-14</v>
      </c>
      <c r="D97" s="22">
        <v>-7</v>
      </c>
      <c r="E97" s="21">
        <v>23</v>
      </c>
      <c r="F97" s="22">
        <v>14</v>
      </c>
      <c r="G97" s="23">
        <v>9</v>
      </c>
      <c r="H97" s="22">
        <v>39</v>
      </c>
      <c r="I97" s="22">
        <v>21</v>
      </c>
      <c r="J97" s="22">
        <v>18</v>
      </c>
      <c r="K97" s="21">
        <v>37</v>
      </c>
      <c r="L97" s="89">
        <v>21</v>
      </c>
      <c r="M97" s="90">
        <v>16</v>
      </c>
    </row>
    <row r="98" spans="1:13">
      <c r="A98" s="40" t="s">
        <v>101</v>
      </c>
      <c r="B98" s="21">
        <v>-26</v>
      </c>
      <c r="C98" s="22">
        <v>-20</v>
      </c>
      <c r="D98" s="22">
        <v>-6</v>
      </c>
      <c r="E98" s="21">
        <v>34</v>
      </c>
      <c r="F98" s="22">
        <v>22</v>
      </c>
      <c r="G98" s="23">
        <v>12</v>
      </c>
      <c r="H98" s="22">
        <v>42</v>
      </c>
      <c r="I98" s="22">
        <v>24</v>
      </c>
      <c r="J98" s="22">
        <v>18</v>
      </c>
      <c r="K98" s="21">
        <v>34</v>
      </c>
      <c r="L98" s="89">
        <v>22</v>
      </c>
      <c r="M98" s="90">
        <v>12</v>
      </c>
    </row>
    <row r="99" spans="1:13">
      <c r="A99" s="40" t="s">
        <v>102</v>
      </c>
      <c r="B99" s="21">
        <v>-38</v>
      </c>
      <c r="C99" s="22">
        <v>-27</v>
      </c>
      <c r="D99" s="22">
        <v>-11</v>
      </c>
      <c r="E99" s="21">
        <v>32</v>
      </c>
      <c r="F99" s="22">
        <v>23</v>
      </c>
      <c r="G99" s="23">
        <v>9</v>
      </c>
      <c r="H99" s="22">
        <v>40</v>
      </c>
      <c r="I99" s="22">
        <v>23</v>
      </c>
      <c r="J99" s="22">
        <v>17</v>
      </c>
      <c r="K99" s="21">
        <v>46</v>
      </c>
      <c r="L99" s="89">
        <v>27</v>
      </c>
      <c r="M99" s="90">
        <v>19</v>
      </c>
    </row>
    <row r="100" spans="1:13">
      <c r="A100" s="40" t="s">
        <v>103</v>
      </c>
      <c r="B100" s="21">
        <v>-32</v>
      </c>
      <c r="C100" s="22">
        <v>-26</v>
      </c>
      <c r="D100" s="22">
        <v>-6</v>
      </c>
      <c r="E100" s="21">
        <v>38</v>
      </c>
      <c r="F100" s="22">
        <v>26</v>
      </c>
      <c r="G100" s="23">
        <v>12</v>
      </c>
      <c r="H100" s="22">
        <v>46</v>
      </c>
      <c r="I100" s="22">
        <v>20</v>
      </c>
      <c r="J100" s="22">
        <v>26</v>
      </c>
      <c r="K100" s="21">
        <v>40</v>
      </c>
      <c r="L100" s="89">
        <v>20</v>
      </c>
      <c r="M100" s="90">
        <v>20</v>
      </c>
    </row>
    <row r="101" spans="1:13" ht="19.5" customHeight="1">
      <c r="A101" s="34" t="s">
        <v>104</v>
      </c>
      <c r="B101" s="17">
        <v>-196</v>
      </c>
      <c r="C101" s="18">
        <v>-141</v>
      </c>
      <c r="D101" s="18">
        <v>-55</v>
      </c>
      <c r="E101" s="17">
        <v>243</v>
      </c>
      <c r="F101" s="18">
        <v>163</v>
      </c>
      <c r="G101" s="19">
        <v>80</v>
      </c>
      <c r="H101" s="18">
        <v>187</v>
      </c>
      <c r="I101" s="18">
        <v>96</v>
      </c>
      <c r="J101" s="18">
        <v>91</v>
      </c>
      <c r="K101" s="17">
        <v>140</v>
      </c>
      <c r="L101" s="51">
        <v>74</v>
      </c>
      <c r="M101" s="52">
        <v>66</v>
      </c>
    </row>
    <row r="102" spans="1:13">
      <c r="A102" s="40" t="s">
        <v>105</v>
      </c>
      <c r="B102" s="21">
        <v>-43</v>
      </c>
      <c r="C102" s="22">
        <v>-37</v>
      </c>
      <c r="D102" s="22">
        <v>-6</v>
      </c>
      <c r="E102" s="21">
        <v>57</v>
      </c>
      <c r="F102" s="22">
        <v>37</v>
      </c>
      <c r="G102" s="23">
        <v>20</v>
      </c>
      <c r="H102" s="22">
        <v>50</v>
      </c>
      <c r="I102" s="22">
        <v>22</v>
      </c>
      <c r="J102" s="22">
        <v>28</v>
      </c>
      <c r="K102" s="21">
        <v>36</v>
      </c>
      <c r="L102" s="89">
        <v>22</v>
      </c>
      <c r="M102" s="90">
        <v>14</v>
      </c>
    </row>
    <row r="103" spans="1:13">
      <c r="A103" s="40" t="s">
        <v>106</v>
      </c>
      <c r="B103" s="21">
        <v>-44</v>
      </c>
      <c r="C103" s="22">
        <v>-30</v>
      </c>
      <c r="D103" s="22">
        <v>-14</v>
      </c>
      <c r="E103" s="21">
        <v>45</v>
      </c>
      <c r="F103" s="22">
        <v>32</v>
      </c>
      <c r="G103" s="23">
        <v>13</v>
      </c>
      <c r="H103" s="22">
        <v>41</v>
      </c>
      <c r="I103" s="22">
        <v>22</v>
      </c>
      <c r="J103" s="22">
        <v>19</v>
      </c>
      <c r="K103" s="21">
        <v>40</v>
      </c>
      <c r="L103" s="89">
        <v>20</v>
      </c>
      <c r="M103" s="90">
        <v>20</v>
      </c>
    </row>
    <row r="104" spans="1:13">
      <c r="A104" s="40" t="s">
        <v>107</v>
      </c>
      <c r="B104" s="21">
        <v>-36</v>
      </c>
      <c r="C104" s="22">
        <v>-30</v>
      </c>
      <c r="D104" s="22">
        <v>-6</v>
      </c>
      <c r="E104" s="21">
        <v>60</v>
      </c>
      <c r="F104" s="22">
        <v>44</v>
      </c>
      <c r="G104" s="23">
        <v>16</v>
      </c>
      <c r="H104" s="22">
        <v>47</v>
      </c>
      <c r="I104" s="22">
        <v>25</v>
      </c>
      <c r="J104" s="22">
        <v>22</v>
      </c>
      <c r="K104" s="21">
        <v>23</v>
      </c>
      <c r="L104" s="89">
        <v>11</v>
      </c>
      <c r="M104" s="90">
        <v>12</v>
      </c>
    </row>
    <row r="105" spans="1:13">
      <c r="A105" s="40" t="s">
        <v>108</v>
      </c>
      <c r="B105" s="21">
        <v>-28</v>
      </c>
      <c r="C105" s="22">
        <v>-18</v>
      </c>
      <c r="D105" s="22">
        <v>-10</v>
      </c>
      <c r="E105" s="21">
        <v>35</v>
      </c>
      <c r="F105" s="22">
        <v>22</v>
      </c>
      <c r="G105" s="23">
        <v>13</v>
      </c>
      <c r="H105" s="22">
        <v>21</v>
      </c>
      <c r="I105" s="22">
        <v>11</v>
      </c>
      <c r="J105" s="22">
        <v>10</v>
      </c>
      <c r="K105" s="21">
        <v>14</v>
      </c>
      <c r="L105" s="89">
        <v>7</v>
      </c>
      <c r="M105" s="90">
        <v>7</v>
      </c>
    </row>
    <row r="106" spans="1:13">
      <c r="A106" s="40" t="s">
        <v>109</v>
      </c>
      <c r="B106" s="21">
        <v>-45</v>
      </c>
      <c r="C106" s="22">
        <v>-26</v>
      </c>
      <c r="D106" s="22">
        <v>-19</v>
      </c>
      <c r="E106" s="21">
        <v>46</v>
      </c>
      <c r="F106" s="22">
        <v>28</v>
      </c>
      <c r="G106" s="23">
        <v>18</v>
      </c>
      <c r="H106" s="22">
        <v>28</v>
      </c>
      <c r="I106" s="22">
        <v>16</v>
      </c>
      <c r="J106" s="22">
        <v>12</v>
      </c>
      <c r="K106" s="21">
        <v>27</v>
      </c>
      <c r="L106" s="89">
        <v>14</v>
      </c>
      <c r="M106" s="90">
        <v>13</v>
      </c>
    </row>
    <row r="107" spans="1:13" ht="19.5" customHeight="1">
      <c r="A107" s="34" t="s">
        <v>110</v>
      </c>
      <c r="B107" s="17">
        <v>-308</v>
      </c>
      <c r="C107" s="18">
        <v>-197</v>
      </c>
      <c r="D107" s="18">
        <v>-111</v>
      </c>
      <c r="E107" s="17">
        <v>373</v>
      </c>
      <c r="F107" s="18">
        <v>228</v>
      </c>
      <c r="G107" s="19">
        <v>145</v>
      </c>
      <c r="H107" s="18">
        <v>181</v>
      </c>
      <c r="I107" s="18">
        <v>81</v>
      </c>
      <c r="J107" s="18">
        <v>100</v>
      </c>
      <c r="K107" s="17">
        <v>116</v>
      </c>
      <c r="L107" s="51">
        <v>50</v>
      </c>
      <c r="M107" s="52">
        <v>66</v>
      </c>
    </row>
    <row r="108" spans="1:13">
      <c r="A108" s="40" t="s">
        <v>111</v>
      </c>
      <c r="B108" s="21">
        <v>-52</v>
      </c>
      <c r="C108" s="22">
        <v>-35</v>
      </c>
      <c r="D108" s="22">
        <v>-17</v>
      </c>
      <c r="E108" s="21">
        <v>62</v>
      </c>
      <c r="F108" s="22">
        <v>40</v>
      </c>
      <c r="G108" s="23">
        <v>22</v>
      </c>
      <c r="H108" s="22">
        <v>36</v>
      </c>
      <c r="I108" s="22">
        <v>14</v>
      </c>
      <c r="J108" s="22">
        <v>22</v>
      </c>
      <c r="K108" s="21">
        <v>26</v>
      </c>
      <c r="L108" s="89">
        <v>9</v>
      </c>
      <c r="M108" s="90">
        <v>17</v>
      </c>
    </row>
    <row r="109" spans="1:13">
      <c r="A109" s="40" t="s">
        <v>112</v>
      </c>
      <c r="B109" s="21">
        <v>-50</v>
      </c>
      <c r="C109" s="22">
        <v>-34</v>
      </c>
      <c r="D109" s="22">
        <v>-16</v>
      </c>
      <c r="E109" s="21">
        <v>57</v>
      </c>
      <c r="F109" s="22">
        <v>39</v>
      </c>
      <c r="G109" s="23">
        <v>18</v>
      </c>
      <c r="H109" s="22">
        <v>35</v>
      </c>
      <c r="I109" s="22">
        <v>19</v>
      </c>
      <c r="J109" s="22">
        <v>16</v>
      </c>
      <c r="K109" s="21">
        <v>28</v>
      </c>
      <c r="L109" s="89">
        <v>14</v>
      </c>
      <c r="M109" s="90">
        <v>14</v>
      </c>
    </row>
    <row r="110" spans="1:13">
      <c r="A110" s="40" t="s">
        <v>113</v>
      </c>
      <c r="B110" s="21">
        <v>-55</v>
      </c>
      <c r="C110" s="22">
        <v>-43</v>
      </c>
      <c r="D110" s="22">
        <v>-12</v>
      </c>
      <c r="E110" s="21">
        <v>69</v>
      </c>
      <c r="F110" s="22">
        <v>45</v>
      </c>
      <c r="G110" s="23">
        <v>24</v>
      </c>
      <c r="H110" s="22">
        <v>35</v>
      </c>
      <c r="I110" s="22">
        <v>11</v>
      </c>
      <c r="J110" s="22">
        <v>24</v>
      </c>
      <c r="K110" s="21">
        <v>21</v>
      </c>
      <c r="L110" s="89">
        <v>9</v>
      </c>
      <c r="M110" s="90">
        <v>12</v>
      </c>
    </row>
    <row r="111" spans="1:13">
      <c r="A111" s="40" t="s">
        <v>114</v>
      </c>
      <c r="B111" s="21">
        <v>-74</v>
      </c>
      <c r="C111" s="22">
        <v>-43</v>
      </c>
      <c r="D111" s="22">
        <v>-31</v>
      </c>
      <c r="E111" s="21">
        <v>97</v>
      </c>
      <c r="F111" s="22">
        <v>55</v>
      </c>
      <c r="G111" s="23">
        <v>42</v>
      </c>
      <c r="H111" s="22">
        <v>42</v>
      </c>
      <c r="I111" s="22">
        <v>19</v>
      </c>
      <c r="J111" s="22">
        <v>23</v>
      </c>
      <c r="K111" s="21">
        <v>19</v>
      </c>
      <c r="L111" s="89">
        <v>7</v>
      </c>
      <c r="M111" s="90">
        <v>12</v>
      </c>
    </row>
    <row r="112" spans="1:13">
      <c r="A112" s="40" t="s">
        <v>115</v>
      </c>
      <c r="B112" s="21">
        <v>-77</v>
      </c>
      <c r="C112" s="22">
        <v>-42</v>
      </c>
      <c r="D112" s="22">
        <v>-35</v>
      </c>
      <c r="E112" s="21">
        <v>88</v>
      </c>
      <c r="F112" s="22">
        <v>49</v>
      </c>
      <c r="G112" s="23">
        <v>39</v>
      </c>
      <c r="H112" s="22">
        <v>33</v>
      </c>
      <c r="I112" s="22">
        <v>18</v>
      </c>
      <c r="J112" s="22">
        <v>15</v>
      </c>
      <c r="K112" s="21">
        <v>22</v>
      </c>
      <c r="L112" s="89">
        <v>11</v>
      </c>
      <c r="M112" s="90">
        <v>11</v>
      </c>
    </row>
    <row r="113" spans="1:13" ht="19.5" customHeight="1">
      <c r="A113" s="34" t="s">
        <v>116</v>
      </c>
      <c r="B113" s="17">
        <v>-363</v>
      </c>
      <c r="C113" s="18">
        <v>-237</v>
      </c>
      <c r="D113" s="18">
        <v>-126</v>
      </c>
      <c r="E113" s="17">
        <v>412</v>
      </c>
      <c r="F113" s="18">
        <v>262</v>
      </c>
      <c r="G113" s="19">
        <v>150</v>
      </c>
      <c r="H113" s="18">
        <v>149</v>
      </c>
      <c r="I113" s="18">
        <v>61</v>
      </c>
      <c r="J113" s="18">
        <v>88</v>
      </c>
      <c r="K113" s="17">
        <v>100</v>
      </c>
      <c r="L113" s="51">
        <v>36</v>
      </c>
      <c r="M113" s="52">
        <v>64</v>
      </c>
    </row>
    <row r="114" spans="1:13">
      <c r="A114" s="40" t="s">
        <v>117</v>
      </c>
      <c r="B114" s="21">
        <v>-63</v>
      </c>
      <c r="C114" s="22">
        <v>-47</v>
      </c>
      <c r="D114" s="22">
        <v>-16</v>
      </c>
      <c r="E114" s="21">
        <v>68</v>
      </c>
      <c r="F114" s="22">
        <v>48</v>
      </c>
      <c r="G114" s="23">
        <v>20</v>
      </c>
      <c r="H114" s="22">
        <v>25</v>
      </c>
      <c r="I114" s="22">
        <v>10</v>
      </c>
      <c r="J114" s="22">
        <v>15</v>
      </c>
      <c r="K114" s="21">
        <v>20</v>
      </c>
      <c r="L114" s="89">
        <v>9</v>
      </c>
      <c r="M114" s="90">
        <v>11</v>
      </c>
    </row>
    <row r="115" spans="1:13">
      <c r="A115" s="40" t="s">
        <v>118</v>
      </c>
      <c r="B115" s="21">
        <v>-71</v>
      </c>
      <c r="C115" s="22">
        <v>-40</v>
      </c>
      <c r="D115" s="22">
        <v>-31</v>
      </c>
      <c r="E115" s="21">
        <v>77</v>
      </c>
      <c r="F115" s="22">
        <v>45</v>
      </c>
      <c r="G115" s="23">
        <v>32</v>
      </c>
      <c r="H115" s="22">
        <v>18</v>
      </c>
      <c r="I115" s="22">
        <v>9</v>
      </c>
      <c r="J115" s="22">
        <v>9</v>
      </c>
      <c r="K115" s="21">
        <v>12</v>
      </c>
      <c r="L115" s="89">
        <v>4</v>
      </c>
      <c r="M115" s="90">
        <v>8</v>
      </c>
    </row>
    <row r="116" spans="1:13">
      <c r="A116" s="40" t="s">
        <v>119</v>
      </c>
      <c r="B116" s="21">
        <v>-81</v>
      </c>
      <c r="C116" s="22">
        <v>-53</v>
      </c>
      <c r="D116" s="22">
        <v>-28</v>
      </c>
      <c r="E116" s="21">
        <v>95</v>
      </c>
      <c r="F116" s="22">
        <v>66</v>
      </c>
      <c r="G116" s="23">
        <v>29</v>
      </c>
      <c r="H116" s="22">
        <v>37</v>
      </c>
      <c r="I116" s="22">
        <v>19</v>
      </c>
      <c r="J116" s="22">
        <v>18</v>
      </c>
      <c r="K116" s="21">
        <v>23</v>
      </c>
      <c r="L116" s="89">
        <v>6</v>
      </c>
      <c r="M116" s="90">
        <v>17</v>
      </c>
    </row>
    <row r="117" spans="1:13">
      <c r="A117" s="40" t="s">
        <v>120</v>
      </c>
      <c r="B117" s="21">
        <v>-66</v>
      </c>
      <c r="C117" s="22">
        <v>-44</v>
      </c>
      <c r="D117" s="22">
        <v>-22</v>
      </c>
      <c r="E117" s="21">
        <v>82</v>
      </c>
      <c r="F117" s="22">
        <v>49</v>
      </c>
      <c r="G117" s="23">
        <v>33</v>
      </c>
      <c r="H117" s="22">
        <v>42</v>
      </c>
      <c r="I117" s="22">
        <v>15</v>
      </c>
      <c r="J117" s="22">
        <v>27</v>
      </c>
      <c r="K117" s="21">
        <v>26</v>
      </c>
      <c r="L117" s="89">
        <v>10</v>
      </c>
      <c r="M117" s="90">
        <v>16</v>
      </c>
    </row>
    <row r="118" spans="1:13">
      <c r="A118" s="40" t="s">
        <v>121</v>
      </c>
      <c r="B118" s="21">
        <v>-82</v>
      </c>
      <c r="C118" s="22">
        <v>-53</v>
      </c>
      <c r="D118" s="22">
        <v>-29</v>
      </c>
      <c r="E118" s="21">
        <v>90</v>
      </c>
      <c r="F118" s="22">
        <v>54</v>
      </c>
      <c r="G118" s="23">
        <v>36</v>
      </c>
      <c r="H118" s="22">
        <v>27</v>
      </c>
      <c r="I118" s="22">
        <v>8</v>
      </c>
      <c r="J118" s="22">
        <v>19</v>
      </c>
      <c r="K118" s="21">
        <v>19</v>
      </c>
      <c r="L118" s="89">
        <v>7</v>
      </c>
      <c r="M118" s="90">
        <v>12</v>
      </c>
    </row>
    <row r="119" spans="1:13" ht="19.5" customHeight="1">
      <c r="A119" s="34" t="s">
        <v>122</v>
      </c>
      <c r="B119" s="17">
        <v>-398</v>
      </c>
      <c r="C119" s="18">
        <v>-230</v>
      </c>
      <c r="D119" s="18">
        <v>-168</v>
      </c>
      <c r="E119" s="17">
        <v>437</v>
      </c>
      <c r="F119" s="18">
        <v>235</v>
      </c>
      <c r="G119" s="19">
        <v>202</v>
      </c>
      <c r="H119" s="18">
        <v>127</v>
      </c>
      <c r="I119" s="18">
        <v>35</v>
      </c>
      <c r="J119" s="18">
        <v>92</v>
      </c>
      <c r="K119" s="17">
        <v>88</v>
      </c>
      <c r="L119" s="51">
        <v>30</v>
      </c>
      <c r="M119" s="52">
        <v>58</v>
      </c>
    </row>
    <row r="120" spans="1:13">
      <c r="A120" s="40" t="s">
        <v>123</v>
      </c>
      <c r="B120" s="21">
        <v>-89</v>
      </c>
      <c r="C120" s="22">
        <v>-45</v>
      </c>
      <c r="D120" s="22">
        <v>-44</v>
      </c>
      <c r="E120" s="21">
        <v>91</v>
      </c>
      <c r="F120" s="22">
        <v>47</v>
      </c>
      <c r="G120" s="23">
        <v>44</v>
      </c>
      <c r="H120" s="22">
        <v>21</v>
      </c>
      <c r="I120" s="22">
        <v>9</v>
      </c>
      <c r="J120" s="22">
        <v>12</v>
      </c>
      <c r="K120" s="21">
        <v>19</v>
      </c>
      <c r="L120" s="89">
        <v>7</v>
      </c>
      <c r="M120" s="90">
        <v>12</v>
      </c>
    </row>
    <row r="121" spans="1:13">
      <c r="A121" s="40" t="s">
        <v>124</v>
      </c>
      <c r="B121" s="21">
        <v>-80</v>
      </c>
      <c r="C121" s="22">
        <v>-48</v>
      </c>
      <c r="D121" s="22">
        <v>-32</v>
      </c>
      <c r="E121" s="21">
        <v>83</v>
      </c>
      <c r="F121" s="22">
        <v>49</v>
      </c>
      <c r="G121" s="23">
        <v>34</v>
      </c>
      <c r="H121" s="22">
        <v>19</v>
      </c>
      <c r="I121" s="22">
        <v>5</v>
      </c>
      <c r="J121" s="22">
        <v>14</v>
      </c>
      <c r="K121" s="21">
        <v>16</v>
      </c>
      <c r="L121" s="89">
        <v>4</v>
      </c>
      <c r="M121" s="90">
        <v>12</v>
      </c>
    </row>
    <row r="122" spans="1:13">
      <c r="A122" s="40" t="s">
        <v>125</v>
      </c>
      <c r="B122" s="21">
        <v>-75</v>
      </c>
      <c r="C122" s="22">
        <v>-40</v>
      </c>
      <c r="D122" s="22">
        <v>-35</v>
      </c>
      <c r="E122" s="21">
        <v>85</v>
      </c>
      <c r="F122" s="22">
        <v>43</v>
      </c>
      <c r="G122" s="23">
        <v>42</v>
      </c>
      <c r="H122" s="22">
        <v>29</v>
      </c>
      <c r="I122" s="22">
        <v>9</v>
      </c>
      <c r="J122" s="22">
        <v>20</v>
      </c>
      <c r="K122" s="21">
        <v>19</v>
      </c>
      <c r="L122" s="89">
        <v>6</v>
      </c>
      <c r="M122" s="90">
        <v>13</v>
      </c>
    </row>
    <row r="123" spans="1:13">
      <c r="A123" s="40" t="s">
        <v>126</v>
      </c>
      <c r="B123" s="21">
        <v>-81</v>
      </c>
      <c r="C123" s="22">
        <v>-57</v>
      </c>
      <c r="D123" s="22">
        <v>-24</v>
      </c>
      <c r="E123" s="21">
        <v>98</v>
      </c>
      <c r="F123" s="22">
        <v>60</v>
      </c>
      <c r="G123" s="23">
        <v>38</v>
      </c>
      <c r="H123" s="22">
        <v>33</v>
      </c>
      <c r="I123" s="22">
        <v>9</v>
      </c>
      <c r="J123" s="22">
        <v>24</v>
      </c>
      <c r="K123" s="21">
        <v>16</v>
      </c>
      <c r="L123" s="89">
        <v>6</v>
      </c>
      <c r="M123" s="90">
        <v>10</v>
      </c>
    </row>
    <row r="124" spans="1:13">
      <c r="A124" s="40" t="s">
        <v>127</v>
      </c>
      <c r="B124" s="21">
        <v>-73</v>
      </c>
      <c r="C124" s="22">
        <v>-40</v>
      </c>
      <c r="D124" s="22">
        <v>-33</v>
      </c>
      <c r="E124" s="21">
        <v>80</v>
      </c>
      <c r="F124" s="22">
        <v>36</v>
      </c>
      <c r="G124" s="23">
        <v>44</v>
      </c>
      <c r="H124" s="22">
        <v>25</v>
      </c>
      <c r="I124" s="22">
        <v>3</v>
      </c>
      <c r="J124" s="22">
        <v>22</v>
      </c>
      <c r="K124" s="21">
        <v>18</v>
      </c>
      <c r="L124" s="89">
        <v>7</v>
      </c>
      <c r="M124" s="90">
        <v>11</v>
      </c>
    </row>
    <row r="125" spans="1:13" ht="19.5" customHeight="1">
      <c r="A125" s="34" t="s">
        <v>128</v>
      </c>
      <c r="B125" s="17">
        <v>-286</v>
      </c>
      <c r="C125" s="18">
        <v>-120</v>
      </c>
      <c r="D125" s="18">
        <v>-166</v>
      </c>
      <c r="E125" s="17">
        <v>302</v>
      </c>
      <c r="F125" s="18">
        <v>118</v>
      </c>
      <c r="G125" s="19">
        <v>184</v>
      </c>
      <c r="H125" s="18">
        <v>55</v>
      </c>
      <c r="I125" s="18">
        <v>12</v>
      </c>
      <c r="J125" s="18">
        <v>43</v>
      </c>
      <c r="K125" s="17">
        <v>39</v>
      </c>
      <c r="L125" s="51">
        <v>14</v>
      </c>
      <c r="M125" s="52">
        <v>25</v>
      </c>
    </row>
    <row r="126" spans="1:13">
      <c r="A126" s="40" t="s">
        <v>129</v>
      </c>
      <c r="B126" s="21">
        <v>-74</v>
      </c>
      <c r="C126" s="22">
        <v>-37</v>
      </c>
      <c r="D126" s="22">
        <v>-37</v>
      </c>
      <c r="E126" s="21">
        <v>70</v>
      </c>
      <c r="F126" s="22">
        <v>34</v>
      </c>
      <c r="G126" s="23">
        <v>36</v>
      </c>
      <c r="H126" s="22">
        <v>13</v>
      </c>
      <c r="I126" s="22">
        <v>3</v>
      </c>
      <c r="J126" s="22">
        <v>10</v>
      </c>
      <c r="K126" s="21">
        <v>17</v>
      </c>
      <c r="L126" s="89">
        <v>6</v>
      </c>
      <c r="M126" s="90">
        <v>11</v>
      </c>
    </row>
    <row r="127" spans="1:13">
      <c r="A127" s="40" t="s">
        <v>130</v>
      </c>
      <c r="B127" s="21">
        <v>-73</v>
      </c>
      <c r="C127" s="22">
        <v>-25</v>
      </c>
      <c r="D127" s="22">
        <v>-48</v>
      </c>
      <c r="E127" s="21">
        <v>74</v>
      </c>
      <c r="F127" s="22">
        <v>24</v>
      </c>
      <c r="G127" s="23">
        <v>50</v>
      </c>
      <c r="H127" s="22">
        <v>11</v>
      </c>
      <c r="I127" s="22">
        <v>3</v>
      </c>
      <c r="J127" s="22">
        <v>8</v>
      </c>
      <c r="K127" s="21">
        <v>10</v>
      </c>
      <c r="L127" s="89">
        <v>4</v>
      </c>
      <c r="M127" s="90">
        <v>6</v>
      </c>
    </row>
    <row r="128" spans="1:13">
      <c r="A128" s="40" t="s">
        <v>131</v>
      </c>
      <c r="B128" s="21">
        <v>-46</v>
      </c>
      <c r="C128" s="22">
        <v>-29</v>
      </c>
      <c r="D128" s="22">
        <v>-17</v>
      </c>
      <c r="E128" s="21">
        <v>56</v>
      </c>
      <c r="F128" s="22">
        <v>30</v>
      </c>
      <c r="G128" s="23">
        <v>26</v>
      </c>
      <c r="H128" s="22">
        <v>14</v>
      </c>
      <c r="I128" s="22">
        <v>3</v>
      </c>
      <c r="J128" s="22">
        <v>11</v>
      </c>
      <c r="K128" s="21">
        <v>4</v>
      </c>
      <c r="L128" s="89">
        <v>2</v>
      </c>
      <c r="M128" s="90">
        <v>2</v>
      </c>
    </row>
    <row r="129" spans="1:13">
      <c r="A129" s="40" t="s">
        <v>132</v>
      </c>
      <c r="B129" s="21">
        <v>-39</v>
      </c>
      <c r="C129" s="22">
        <v>-17</v>
      </c>
      <c r="D129" s="22">
        <v>-22</v>
      </c>
      <c r="E129" s="21">
        <v>47</v>
      </c>
      <c r="F129" s="22">
        <v>17</v>
      </c>
      <c r="G129" s="23">
        <v>30</v>
      </c>
      <c r="H129" s="22">
        <v>11</v>
      </c>
      <c r="I129" s="22">
        <v>2</v>
      </c>
      <c r="J129" s="22">
        <v>9</v>
      </c>
      <c r="K129" s="21">
        <v>3</v>
      </c>
      <c r="L129" s="89">
        <v>2</v>
      </c>
      <c r="M129" s="90">
        <v>1</v>
      </c>
    </row>
    <row r="130" spans="1:13">
      <c r="A130" s="40" t="s">
        <v>133</v>
      </c>
      <c r="B130" s="21">
        <v>-54</v>
      </c>
      <c r="C130" s="22">
        <v>-12</v>
      </c>
      <c r="D130" s="22">
        <v>-42</v>
      </c>
      <c r="E130" s="21">
        <v>55</v>
      </c>
      <c r="F130" s="22">
        <v>13</v>
      </c>
      <c r="G130" s="23">
        <v>42</v>
      </c>
      <c r="H130" s="22">
        <v>6</v>
      </c>
      <c r="I130" s="22">
        <v>1</v>
      </c>
      <c r="J130" s="22">
        <v>5</v>
      </c>
      <c r="K130" s="21">
        <v>5</v>
      </c>
      <c r="L130" s="89">
        <v>0</v>
      </c>
      <c r="M130" s="90">
        <v>5</v>
      </c>
    </row>
    <row r="131" spans="1:13" ht="19.5" customHeight="1">
      <c r="A131" s="34" t="s">
        <v>134</v>
      </c>
      <c r="B131" s="17">
        <v>-142</v>
      </c>
      <c r="C131" s="18">
        <v>-40</v>
      </c>
      <c r="D131" s="18">
        <v>-102</v>
      </c>
      <c r="E131" s="17">
        <v>145</v>
      </c>
      <c r="F131" s="18">
        <v>39</v>
      </c>
      <c r="G131" s="19">
        <v>106</v>
      </c>
      <c r="H131" s="18">
        <v>17</v>
      </c>
      <c r="I131" s="18">
        <v>4</v>
      </c>
      <c r="J131" s="18">
        <v>13</v>
      </c>
      <c r="K131" s="17">
        <v>14</v>
      </c>
      <c r="L131" s="51">
        <v>5</v>
      </c>
      <c r="M131" s="52">
        <v>9</v>
      </c>
    </row>
    <row r="132" spans="1:13">
      <c r="A132" s="40" t="s">
        <v>135</v>
      </c>
      <c r="B132" s="21">
        <v>-33</v>
      </c>
      <c r="C132" s="22">
        <v>-13</v>
      </c>
      <c r="D132" s="22">
        <v>-20</v>
      </c>
      <c r="E132" s="21">
        <v>36</v>
      </c>
      <c r="F132" s="22">
        <v>11</v>
      </c>
      <c r="G132" s="23">
        <v>25</v>
      </c>
      <c r="H132" s="22">
        <v>10</v>
      </c>
      <c r="I132" s="22">
        <v>1</v>
      </c>
      <c r="J132" s="22">
        <v>9</v>
      </c>
      <c r="K132" s="21">
        <v>7</v>
      </c>
      <c r="L132" s="89">
        <v>3</v>
      </c>
      <c r="M132" s="90">
        <v>4</v>
      </c>
    </row>
    <row r="133" spans="1:13">
      <c r="A133" s="40" t="s">
        <v>136</v>
      </c>
      <c r="B133" s="21">
        <v>-33</v>
      </c>
      <c r="C133" s="22">
        <v>-9</v>
      </c>
      <c r="D133" s="22">
        <v>-24</v>
      </c>
      <c r="E133" s="21">
        <v>36</v>
      </c>
      <c r="F133" s="22">
        <v>10</v>
      </c>
      <c r="G133" s="23">
        <v>26</v>
      </c>
      <c r="H133" s="22">
        <v>7</v>
      </c>
      <c r="I133" s="22">
        <v>3</v>
      </c>
      <c r="J133" s="22">
        <v>4</v>
      </c>
      <c r="K133" s="21">
        <v>4</v>
      </c>
      <c r="L133" s="89">
        <v>2</v>
      </c>
      <c r="M133" s="90">
        <v>2</v>
      </c>
    </row>
    <row r="134" spans="1:13">
      <c r="A134" s="40" t="s">
        <v>137</v>
      </c>
      <c r="B134" s="21">
        <v>-23</v>
      </c>
      <c r="C134" s="22">
        <v>-7</v>
      </c>
      <c r="D134" s="22">
        <v>-16</v>
      </c>
      <c r="E134" s="21">
        <v>22</v>
      </c>
      <c r="F134" s="22">
        <v>7</v>
      </c>
      <c r="G134" s="23">
        <v>15</v>
      </c>
      <c r="H134" s="22">
        <v>0</v>
      </c>
      <c r="I134" s="22">
        <v>0</v>
      </c>
      <c r="J134" s="22">
        <v>0</v>
      </c>
      <c r="K134" s="21">
        <v>1</v>
      </c>
      <c r="L134" s="89">
        <v>0</v>
      </c>
      <c r="M134" s="90">
        <v>1</v>
      </c>
    </row>
    <row r="135" spans="1:13">
      <c r="A135" s="40" t="s">
        <v>138</v>
      </c>
      <c r="B135" s="21">
        <v>-36</v>
      </c>
      <c r="C135" s="22">
        <v>-7</v>
      </c>
      <c r="D135" s="22">
        <v>-29</v>
      </c>
      <c r="E135" s="21">
        <v>35</v>
      </c>
      <c r="F135" s="22">
        <v>7</v>
      </c>
      <c r="G135" s="23">
        <v>28</v>
      </c>
      <c r="H135" s="22">
        <v>0</v>
      </c>
      <c r="I135" s="22">
        <v>0</v>
      </c>
      <c r="J135" s="22">
        <v>0</v>
      </c>
      <c r="K135" s="21">
        <v>1</v>
      </c>
      <c r="L135" s="89">
        <v>0</v>
      </c>
      <c r="M135" s="90">
        <v>1</v>
      </c>
    </row>
    <row r="136" spans="1:13">
      <c r="A136" s="40" t="s">
        <v>139</v>
      </c>
      <c r="B136" s="21">
        <v>-17</v>
      </c>
      <c r="C136" s="22">
        <v>-4</v>
      </c>
      <c r="D136" s="22">
        <v>-13</v>
      </c>
      <c r="E136" s="21">
        <v>16</v>
      </c>
      <c r="F136" s="22">
        <v>4</v>
      </c>
      <c r="G136" s="23">
        <v>12</v>
      </c>
      <c r="H136" s="22">
        <v>0</v>
      </c>
      <c r="I136" s="22">
        <v>0</v>
      </c>
      <c r="J136" s="22">
        <v>0</v>
      </c>
      <c r="K136" s="21">
        <v>1</v>
      </c>
      <c r="L136" s="89">
        <v>0</v>
      </c>
      <c r="M136" s="90">
        <v>1</v>
      </c>
    </row>
    <row r="137" spans="1:13" ht="19.5" customHeight="1">
      <c r="A137" s="41" t="s">
        <v>140</v>
      </c>
      <c r="B137" s="42">
        <v>-45</v>
      </c>
      <c r="C137" s="43">
        <v>-5</v>
      </c>
      <c r="D137" s="43">
        <v>-40</v>
      </c>
      <c r="E137" s="42">
        <v>42</v>
      </c>
      <c r="F137" s="43">
        <v>4</v>
      </c>
      <c r="G137" s="44">
        <v>38</v>
      </c>
      <c r="H137" s="43">
        <v>0</v>
      </c>
      <c r="I137" s="43">
        <v>0</v>
      </c>
      <c r="J137" s="43">
        <v>0</v>
      </c>
      <c r="K137" s="42">
        <v>3</v>
      </c>
      <c r="L137" s="67">
        <v>1</v>
      </c>
      <c r="M137" s="68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0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8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808</v>
      </c>
      <c r="C5" s="14">
        <v>478</v>
      </c>
      <c r="D5" s="14">
        <v>330</v>
      </c>
      <c r="E5" s="13">
        <v>2444</v>
      </c>
      <c r="F5" s="14">
        <v>1309</v>
      </c>
      <c r="G5" s="15">
        <v>1135</v>
      </c>
      <c r="H5" s="14">
        <v>15127</v>
      </c>
      <c r="I5" s="14">
        <v>7820</v>
      </c>
      <c r="J5" s="14">
        <v>7307</v>
      </c>
      <c r="K5" s="13">
        <v>13793</v>
      </c>
      <c r="L5" s="49">
        <v>7008</v>
      </c>
      <c r="M5" s="50">
        <v>6785</v>
      </c>
    </row>
    <row r="6" spans="1:13" ht="19.5" customHeight="1">
      <c r="A6" s="16" t="s">
        <v>13</v>
      </c>
      <c r="B6" s="17">
        <v>1883</v>
      </c>
      <c r="C6" s="18">
        <v>987</v>
      </c>
      <c r="D6" s="18">
        <v>896</v>
      </c>
      <c r="E6" s="17">
        <v>2</v>
      </c>
      <c r="F6" s="18">
        <v>1</v>
      </c>
      <c r="G6" s="19">
        <v>1</v>
      </c>
      <c r="H6" s="18">
        <v>711</v>
      </c>
      <c r="I6" s="18">
        <v>359</v>
      </c>
      <c r="J6" s="18">
        <v>352</v>
      </c>
      <c r="K6" s="17">
        <v>744</v>
      </c>
      <c r="L6" s="51">
        <v>346</v>
      </c>
      <c r="M6" s="52">
        <v>398</v>
      </c>
    </row>
    <row r="7" spans="1:13">
      <c r="A7" s="20" t="s">
        <v>14</v>
      </c>
      <c r="B7" s="21">
        <v>1923</v>
      </c>
      <c r="C7" s="22">
        <v>989</v>
      </c>
      <c r="D7" s="22">
        <v>934</v>
      </c>
      <c r="E7" s="21">
        <v>2</v>
      </c>
      <c r="F7" s="22">
        <v>1</v>
      </c>
      <c r="G7" s="23">
        <v>1</v>
      </c>
      <c r="H7" s="22">
        <v>130</v>
      </c>
      <c r="I7" s="22">
        <v>71</v>
      </c>
      <c r="J7" s="22">
        <v>59</v>
      </c>
      <c r="K7" s="21">
        <v>123</v>
      </c>
      <c r="L7" s="89">
        <v>56</v>
      </c>
      <c r="M7" s="90">
        <v>67</v>
      </c>
    </row>
    <row r="8" spans="1:13">
      <c r="A8" s="20" t="s">
        <v>15</v>
      </c>
      <c r="B8" s="21">
        <v>-7</v>
      </c>
      <c r="C8" s="22">
        <v>1</v>
      </c>
      <c r="D8" s="22">
        <v>-8</v>
      </c>
      <c r="E8" s="21">
        <v>0</v>
      </c>
      <c r="F8" s="22">
        <v>0</v>
      </c>
      <c r="G8" s="23">
        <v>0</v>
      </c>
      <c r="H8" s="22">
        <v>198</v>
      </c>
      <c r="I8" s="22">
        <v>103</v>
      </c>
      <c r="J8" s="22">
        <v>95</v>
      </c>
      <c r="K8" s="21">
        <v>205</v>
      </c>
      <c r="L8" s="89">
        <v>102</v>
      </c>
      <c r="M8" s="90">
        <v>103</v>
      </c>
    </row>
    <row r="9" spans="1:13">
      <c r="A9" s="20" t="s">
        <v>16</v>
      </c>
      <c r="B9" s="21">
        <v>-11</v>
      </c>
      <c r="C9" s="22">
        <v>-3</v>
      </c>
      <c r="D9" s="22">
        <v>-8</v>
      </c>
      <c r="E9" s="21">
        <v>0</v>
      </c>
      <c r="F9" s="22">
        <v>0</v>
      </c>
      <c r="G9" s="23">
        <v>0</v>
      </c>
      <c r="H9" s="22">
        <v>162</v>
      </c>
      <c r="I9" s="22">
        <v>80</v>
      </c>
      <c r="J9" s="22">
        <v>82</v>
      </c>
      <c r="K9" s="21">
        <v>173</v>
      </c>
      <c r="L9" s="89">
        <v>83</v>
      </c>
      <c r="M9" s="90">
        <v>90</v>
      </c>
    </row>
    <row r="10" spans="1:13">
      <c r="A10" s="20" t="s">
        <v>17</v>
      </c>
      <c r="B10" s="21">
        <v>-10</v>
      </c>
      <c r="C10" s="22">
        <v>-4</v>
      </c>
      <c r="D10" s="22">
        <v>-6</v>
      </c>
      <c r="E10" s="21">
        <v>0</v>
      </c>
      <c r="F10" s="22">
        <v>0</v>
      </c>
      <c r="G10" s="23">
        <v>0</v>
      </c>
      <c r="H10" s="22">
        <v>117</v>
      </c>
      <c r="I10" s="22">
        <v>60</v>
      </c>
      <c r="J10" s="22">
        <v>57</v>
      </c>
      <c r="K10" s="21">
        <v>127</v>
      </c>
      <c r="L10" s="89">
        <v>64</v>
      </c>
      <c r="M10" s="90">
        <v>63</v>
      </c>
    </row>
    <row r="11" spans="1:13">
      <c r="A11" s="20" t="s">
        <v>18</v>
      </c>
      <c r="B11" s="21">
        <v>-12</v>
      </c>
      <c r="C11" s="22">
        <v>4</v>
      </c>
      <c r="D11" s="22">
        <v>-16</v>
      </c>
      <c r="E11" s="21">
        <v>0</v>
      </c>
      <c r="F11" s="22">
        <v>0</v>
      </c>
      <c r="G11" s="23">
        <v>0</v>
      </c>
      <c r="H11" s="22">
        <v>104</v>
      </c>
      <c r="I11" s="22">
        <v>45</v>
      </c>
      <c r="J11" s="22">
        <v>59</v>
      </c>
      <c r="K11" s="21">
        <v>116</v>
      </c>
      <c r="L11" s="89">
        <v>41</v>
      </c>
      <c r="M11" s="90">
        <v>75</v>
      </c>
    </row>
    <row r="12" spans="1:13" ht="20.100000000000001" customHeight="1">
      <c r="A12" s="16" t="s">
        <v>19</v>
      </c>
      <c r="B12" s="17">
        <v>-4</v>
      </c>
      <c r="C12" s="18">
        <v>-18</v>
      </c>
      <c r="D12" s="18">
        <v>14</v>
      </c>
      <c r="E12" s="17">
        <v>0</v>
      </c>
      <c r="F12" s="18">
        <v>0</v>
      </c>
      <c r="G12" s="19">
        <v>0</v>
      </c>
      <c r="H12" s="18">
        <v>359</v>
      </c>
      <c r="I12" s="18">
        <v>169</v>
      </c>
      <c r="J12" s="18">
        <v>190</v>
      </c>
      <c r="K12" s="17">
        <v>363</v>
      </c>
      <c r="L12" s="51">
        <v>187</v>
      </c>
      <c r="M12" s="52">
        <v>176</v>
      </c>
    </row>
    <row r="13" spans="1:13">
      <c r="A13" s="20" t="s">
        <v>20</v>
      </c>
      <c r="B13" s="21">
        <v>-1</v>
      </c>
      <c r="C13" s="22">
        <v>-8</v>
      </c>
      <c r="D13" s="22">
        <v>7</v>
      </c>
      <c r="E13" s="21">
        <v>0</v>
      </c>
      <c r="F13" s="22">
        <v>0</v>
      </c>
      <c r="G13" s="23">
        <v>0</v>
      </c>
      <c r="H13" s="22">
        <v>97</v>
      </c>
      <c r="I13" s="22">
        <v>43</v>
      </c>
      <c r="J13" s="22">
        <v>54</v>
      </c>
      <c r="K13" s="21">
        <v>98</v>
      </c>
      <c r="L13" s="89">
        <v>51</v>
      </c>
      <c r="M13" s="90">
        <v>47</v>
      </c>
    </row>
    <row r="14" spans="1:13">
      <c r="A14" s="20" t="s">
        <v>21</v>
      </c>
      <c r="B14" s="21">
        <v>-3</v>
      </c>
      <c r="C14" s="22">
        <v>-2</v>
      </c>
      <c r="D14" s="22">
        <v>-1</v>
      </c>
      <c r="E14" s="21">
        <v>0</v>
      </c>
      <c r="F14" s="22">
        <v>0</v>
      </c>
      <c r="G14" s="23">
        <v>0</v>
      </c>
      <c r="H14" s="22">
        <v>86</v>
      </c>
      <c r="I14" s="22">
        <v>42</v>
      </c>
      <c r="J14" s="22">
        <v>44</v>
      </c>
      <c r="K14" s="21">
        <v>89</v>
      </c>
      <c r="L14" s="89">
        <v>44</v>
      </c>
      <c r="M14" s="90">
        <v>45</v>
      </c>
    </row>
    <row r="15" spans="1:13">
      <c r="A15" s="20" t="s">
        <v>22</v>
      </c>
      <c r="B15" s="21">
        <v>-2</v>
      </c>
      <c r="C15" s="22">
        <v>-4</v>
      </c>
      <c r="D15" s="22">
        <v>2</v>
      </c>
      <c r="E15" s="21">
        <v>0</v>
      </c>
      <c r="F15" s="22">
        <v>0</v>
      </c>
      <c r="G15" s="23">
        <v>0</v>
      </c>
      <c r="H15" s="22">
        <v>71</v>
      </c>
      <c r="I15" s="22">
        <v>32</v>
      </c>
      <c r="J15" s="22">
        <v>39</v>
      </c>
      <c r="K15" s="21">
        <v>73</v>
      </c>
      <c r="L15" s="89">
        <v>36</v>
      </c>
      <c r="M15" s="90">
        <v>37</v>
      </c>
    </row>
    <row r="16" spans="1:13">
      <c r="A16" s="20" t="s">
        <v>23</v>
      </c>
      <c r="B16" s="21">
        <v>5</v>
      </c>
      <c r="C16" s="22">
        <v>1</v>
      </c>
      <c r="D16" s="22">
        <v>4</v>
      </c>
      <c r="E16" s="21">
        <v>0</v>
      </c>
      <c r="F16" s="22">
        <v>0</v>
      </c>
      <c r="G16" s="23">
        <v>0</v>
      </c>
      <c r="H16" s="22">
        <v>54</v>
      </c>
      <c r="I16" s="22">
        <v>29</v>
      </c>
      <c r="J16" s="22">
        <v>25</v>
      </c>
      <c r="K16" s="21">
        <v>49</v>
      </c>
      <c r="L16" s="89">
        <v>28</v>
      </c>
      <c r="M16" s="90">
        <v>21</v>
      </c>
    </row>
    <row r="17" spans="1:13">
      <c r="A17" s="20" t="s">
        <v>24</v>
      </c>
      <c r="B17" s="21">
        <v>-3</v>
      </c>
      <c r="C17" s="22">
        <v>-5</v>
      </c>
      <c r="D17" s="22">
        <v>2</v>
      </c>
      <c r="E17" s="21">
        <v>0</v>
      </c>
      <c r="F17" s="22">
        <v>0</v>
      </c>
      <c r="G17" s="23">
        <v>0</v>
      </c>
      <c r="H17" s="22">
        <v>51</v>
      </c>
      <c r="I17" s="22">
        <v>23</v>
      </c>
      <c r="J17" s="22">
        <v>28</v>
      </c>
      <c r="K17" s="21">
        <v>54</v>
      </c>
      <c r="L17" s="89">
        <v>28</v>
      </c>
      <c r="M17" s="90">
        <v>26</v>
      </c>
    </row>
    <row r="18" spans="1:13" ht="20.100000000000001" customHeight="1">
      <c r="A18" s="16" t="s">
        <v>25</v>
      </c>
      <c r="B18" s="17">
        <v>26</v>
      </c>
      <c r="C18" s="18">
        <v>2</v>
      </c>
      <c r="D18" s="18">
        <v>24</v>
      </c>
      <c r="E18" s="17">
        <v>0</v>
      </c>
      <c r="F18" s="18">
        <v>0</v>
      </c>
      <c r="G18" s="19">
        <v>0</v>
      </c>
      <c r="H18" s="18">
        <v>201</v>
      </c>
      <c r="I18" s="18">
        <v>89</v>
      </c>
      <c r="J18" s="18">
        <v>112</v>
      </c>
      <c r="K18" s="17">
        <v>175</v>
      </c>
      <c r="L18" s="51">
        <v>87</v>
      </c>
      <c r="M18" s="52">
        <v>88</v>
      </c>
    </row>
    <row r="19" spans="1:13">
      <c r="A19" s="20" t="s">
        <v>26</v>
      </c>
      <c r="B19" s="21">
        <v>-4</v>
      </c>
      <c r="C19" s="22">
        <v>-2</v>
      </c>
      <c r="D19" s="22">
        <v>-2</v>
      </c>
      <c r="E19" s="21">
        <v>0</v>
      </c>
      <c r="F19" s="22">
        <v>0</v>
      </c>
      <c r="G19" s="23">
        <v>0</v>
      </c>
      <c r="H19" s="22">
        <v>38</v>
      </c>
      <c r="I19" s="22">
        <v>20</v>
      </c>
      <c r="J19" s="22">
        <v>18</v>
      </c>
      <c r="K19" s="21">
        <v>42</v>
      </c>
      <c r="L19" s="89">
        <v>22</v>
      </c>
      <c r="M19" s="90">
        <v>20</v>
      </c>
    </row>
    <row r="20" spans="1:13">
      <c r="A20" s="20" t="s">
        <v>27</v>
      </c>
      <c r="B20" s="21">
        <v>13</v>
      </c>
      <c r="C20" s="22">
        <v>4</v>
      </c>
      <c r="D20" s="22">
        <v>9</v>
      </c>
      <c r="E20" s="21">
        <v>0</v>
      </c>
      <c r="F20" s="22">
        <v>0</v>
      </c>
      <c r="G20" s="23">
        <v>0</v>
      </c>
      <c r="H20" s="22">
        <v>50</v>
      </c>
      <c r="I20" s="22">
        <v>25</v>
      </c>
      <c r="J20" s="22">
        <v>25</v>
      </c>
      <c r="K20" s="21">
        <v>37</v>
      </c>
      <c r="L20" s="89">
        <v>21</v>
      </c>
      <c r="M20" s="90">
        <v>16</v>
      </c>
    </row>
    <row r="21" spans="1:13">
      <c r="A21" s="20" t="s">
        <v>28</v>
      </c>
      <c r="B21" s="21">
        <v>1</v>
      </c>
      <c r="C21" s="22">
        <v>0</v>
      </c>
      <c r="D21" s="22">
        <v>1</v>
      </c>
      <c r="E21" s="21">
        <v>0</v>
      </c>
      <c r="F21" s="22">
        <v>0</v>
      </c>
      <c r="G21" s="23">
        <v>0</v>
      </c>
      <c r="H21" s="22">
        <v>36</v>
      </c>
      <c r="I21" s="22">
        <v>17</v>
      </c>
      <c r="J21" s="22">
        <v>19</v>
      </c>
      <c r="K21" s="21">
        <v>35</v>
      </c>
      <c r="L21" s="89">
        <v>17</v>
      </c>
      <c r="M21" s="90">
        <v>18</v>
      </c>
    </row>
    <row r="22" spans="1:13">
      <c r="A22" s="20" t="s">
        <v>29</v>
      </c>
      <c r="B22" s="21">
        <v>24</v>
      </c>
      <c r="C22" s="22">
        <v>9</v>
      </c>
      <c r="D22" s="22">
        <v>15</v>
      </c>
      <c r="E22" s="21">
        <v>0</v>
      </c>
      <c r="F22" s="22">
        <v>0</v>
      </c>
      <c r="G22" s="23">
        <v>0</v>
      </c>
      <c r="H22" s="22">
        <v>56</v>
      </c>
      <c r="I22" s="22">
        <v>20</v>
      </c>
      <c r="J22" s="22">
        <v>36</v>
      </c>
      <c r="K22" s="21">
        <v>32</v>
      </c>
      <c r="L22" s="89">
        <v>11</v>
      </c>
      <c r="M22" s="90">
        <v>21</v>
      </c>
    </row>
    <row r="23" spans="1:13">
      <c r="A23" s="20" t="s">
        <v>30</v>
      </c>
      <c r="B23" s="21">
        <v>-8</v>
      </c>
      <c r="C23" s="22">
        <v>-9</v>
      </c>
      <c r="D23" s="22">
        <v>1</v>
      </c>
      <c r="E23" s="21">
        <v>0</v>
      </c>
      <c r="F23" s="22">
        <v>0</v>
      </c>
      <c r="G23" s="23">
        <v>0</v>
      </c>
      <c r="H23" s="22">
        <v>21</v>
      </c>
      <c r="I23" s="22">
        <v>7</v>
      </c>
      <c r="J23" s="22">
        <v>14</v>
      </c>
      <c r="K23" s="21">
        <v>29</v>
      </c>
      <c r="L23" s="89">
        <v>16</v>
      </c>
      <c r="M23" s="90">
        <v>13</v>
      </c>
    </row>
    <row r="24" spans="1:13" ht="20.100000000000001" customHeight="1">
      <c r="A24" s="16" t="s">
        <v>31</v>
      </c>
      <c r="B24" s="17">
        <v>238</v>
      </c>
      <c r="C24" s="18">
        <v>90</v>
      </c>
      <c r="D24" s="18">
        <v>148</v>
      </c>
      <c r="E24" s="17">
        <v>3</v>
      </c>
      <c r="F24" s="18">
        <v>2</v>
      </c>
      <c r="G24" s="19">
        <v>1</v>
      </c>
      <c r="H24" s="18">
        <v>531</v>
      </c>
      <c r="I24" s="18">
        <v>236</v>
      </c>
      <c r="J24" s="18">
        <v>295</v>
      </c>
      <c r="K24" s="17">
        <v>290</v>
      </c>
      <c r="L24" s="51">
        <v>144</v>
      </c>
      <c r="M24" s="52">
        <v>146</v>
      </c>
    </row>
    <row r="25" spans="1:13">
      <c r="A25" s="20" t="s">
        <v>32</v>
      </c>
      <c r="B25" s="21">
        <v>-7</v>
      </c>
      <c r="C25" s="22">
        <v>-3</v>
      </c>
      <c r="D25" s="22">
        <v>-4</v>
      </c>
      <c r="E25" s="21">
        <v>1</v>
      </c>
      <c r="F25" s="22">
        <v>1</v>
      </c>
      <c r="G25" s="23">
        <v>0</v>
      </c>
      <c r="H25" s="22">
        <v>25</v>
      </c>
      <c r="I25" s="22">
        <v>14</v>
      </c>
      <c r="J25" s="22">
        <v>11</v>
      </c>
      <c r="K25" s="21">
        <v>31</v>
      </c>
      <c r="L25" s="89">
        <v>16</v>
      </c>
      <c r="M25" s="90">
        <v>15</v>
      </c>
    </row>
    <row r="26" spans="1:13">
      <c r="A26" s="20" t="s">
        <v>33</v>
      </c>
      <c r="B26" s="21">
        <v>10</v>
      </c>
      <c r="C26" s="22">
        <v>14</v>
      </c>
      <c r="D26" s="22">
        <v>-4</v>
      </c>
      <c r="E26" s="21">
        <v>0</v>
      </c>
      <c r="F26" s="22">
        <v>0</v>
      </c>
      <c r="G26" s="23">
        <v>0</v>
      </c>
      <c r="H26" s="22">
        <v>59</v>
      </c>
      <c r="I26" s="22">
        <v>37</v>
      </c>
      <c r="J26" s="22">
        <v>22</v>
      </c>
      <c r="K26" s="21">
        <v>49</v>
      </c>
      <c r="L26" s="89">
        <v>23</v>
      </c>
      <c r="M26" s="90">
        <v>26</v>
      </c>
    </row>
    <row r="27" spans="1:13">
      <c r="A27" s="20" t="s">
        <v>34</v>
      </c>
      <c r="B27" s="21">
        <v>10</v>
      </c>
      <c r="C27" s="22">
        <v>6</v>
      </c>
      <c r="D27" s="22">
        <v>4</v>
      </c>
      <c r="E27" s="21">
        <v>1</v>
      </c>
      <c r="F27" s="22">
        <v>1</v>
      </c>
      <c r="G27" s="23">
        <v>0</v>
      </c>
      <c r="H27" s="22">
        <v>39</v>
      </c>
      <c r="I27" s="22">
        <v>16</v>
      </c>
      <c r="J27" s="22">
        <v>23</v>
      </c>
      <c r="K27" s="21">
        <v>28</v>
      </c>
      <c r="L27" s="89">
        <v>9</v>
      </c>
      <c r="M27" s="90">
        <v>19</v>
      </c>
    </row>
    <row r="28" spans="1:13">
      <c r="A28" s="20" t="s">
        <v>35</v>
      </c>
      <c r="B28" s="21">
        <v>41</v>
      </c>
      <c r="C28" s="22">
        <v>7</v>
      </c>
      <c r="D28" s="22">
        <v>34</v>
      </c>
      <c r="E28" s="21">
        <v>0</v>
      </c>
      <c r="F28" s="22">
        <v>0</v>
      </c>
      <c r="G28" s="23">
        <v>0</v>
      </c>
      <c r="H28" s="22">
        <v>95</v>
      </c>
      <c r="I28" s="22">
        <v>34</v>
      </c>
      <c r="J28" s="22">
        <v>61</v>
      </c>
      <c r="K28" s="21">
        <v>54</v>
      </c>
      <c r="L28" s="89">
        <v>27</v>
      </c>
      <c r="M28" s="90">
        <v>27</v>
      </c>
    </row>
    <row r="29" spans="1:13">
      <c r="A29" s="20" t="s">
        <v>36</v>
      </c>
      <c r="B29" s="21">
        <v>184</v>
      </c>
      <c r="C29" s="22">
        <v>66</v>
      </c>
      <c r="D29" s="22">
        <v>118</v>
      </c>
      <c r="E29" s="21">
        <v>1</v>
      </c>
      <c r="F29" s="22">
        <v>0</v>
      </c>
      <c r="G29" s="23">
        <v>1</v>
      </c>
      <c r="H29" s="22">
        <v>313</v>
      </c>
      <c r="I29" s="22">
        <v>135</v>
      </c>
      <c r="J29" s="22">
        <v>178</v>
      </c>
      <c r="K29" s="21">
        <v>128</v>
      </c>
      <c r="L29" s="89">
        <v>69</v>
      </c>
      <c r="M29" s="90">
        <v>59</v>
      </c>
    </row>
    <row r="30" spans="1:13" ht="20.100000000000001" customHeight="1">
      <c r="A30" s="16" t="s">
        <v>37</v>
      </c>
      <c r="B30" s="17">
        <v>794</v>
      </c>
      <c r="C30" s="18">
        <v>413</v>
      </c>
      <c r="D30" s="18">
        <v>381</v>
      </c>
      <c r="E30" s="17">
        <v>4</v>
      </c>
      <c r="F30" s="18">
        <v>2</v>
      </c>
      <c r="G30" s="19">
        <v>2</v>
      </c>
      <c r="H30" s="18">
        <v>2764</v>
      </c>
      <c r="I30" s="18">
        <v>1327</v>
      </c>
      <c r="J30" s="18">
        <v>1437</v>
      </c>
      <c r="K30" s="17">
        <v>1966</v>
      </c>
      <c r="L30" s="51">
        <v>912</v>
      </c>
      <c r="M30" s="52">
        <v>1054</v>
      </c>
    </row>
    <row r="31" spans="1:13">
      <c r="A31" s="20" t="s">
        <v>38</v>
      </c>
      <c r="B31" s="21">
        <v>132</v>
      </c>
      <c r="C31" s="22">
        <v>78</v>
      </c>
      <c r="D31" s="22">
        <v>54</v>
      </c>
      <c r="E31" s="21">
        <v>1</v>
      </c>
      <c r="F31" s="22">
        <v>0</v>
      </c>
      <c r="G31" s="23">
        <v>1</v>
      </c>
      <c r="H31" s="22">
        <v>308</v>
      </c>
      <c r="I31" s="22">
        <v>158</v>
      </c>
      <c r="J31" s="22">
        <v>150</v>
      </c>
      <c r="K31" s="21">
        <v>175</v>
      </c>
      <c r="L31" s="89">
        <v>80</v>
      </c>
      <c r="M31" s="90">
        <v>95</v>
      </c>
    </row>
    <row r="32" spans="1:13">
      <c r="A32" s="20" t="s">
        <v>39</v>
      </c>
      <c r="B32" s="21">
        <v>194</v>
      </c>
      <c r="C32" s="22">
        <v>107</v>
      </c>
      <c r="D32" s="22">
        <v>87</v>
      </c>
      <c r="E32" s="21">
        <v>3</v>
      </c>
      <c r="F32" s="22">
        <v>2</v>
      </c>
      <c r="G32" s="23">
        <v>1</v>
      </c>
      <c r="H32" s="22">
        <v>454</v>
      </c>
      <c r="I32" s="22">
        <v>216</v>
      </c>
      <c r="J32" s="22">
        <v>238</v>
      </c>
      <c r="K32" s="21">
        <v>257</v>
      </c>
      <c r="L32" s="89">
        <v>107</v>
      </c>
      <c r="M32" s="90">
        <v>150</v>
      </c>
    </row>
    <row r="33" spans="1:13">
      <c r="A33" s="20" t="s">
        <v>40</v>
      </c>
      <c r="B33" s="21">
        <v>152</v>
      </c>
      <c r="C33" s="22">
        <v>68</v>
      </c>
      <c r="D33" s="22">
        <v>84</v>
      </c>
      <c r="E33" s="21">
        <v>0</v>
      </c>
      <c r="F33" s="22">
        <v>0</v>
      </c>
      <c r="G33" s="23">
        <v>0</v>
      </c>
      <c r="H33" s="22">
        <v>508</v>
      </c>
      <c r="I33" s="22">
        <v>235</v>
      </c>
      <c r="J33" s="22">
        <v>273</v>
      </c>
      <c r="K33" s="21">
        <v>356</v>
      </c>
      <c r="L33" s="89">
        <v>167</v>
      </c>
      <c r="M33" s="90">
        <v>189</v>
      </c>
    </row>
    <row r="34" spans="1:13">
      <c r="A34" s="20" t="s">
        <v>41</v>
      </c>
      <c r="B34" s="21">
        <v>200</v>
      </c>
      <c r="C34" s="22">
        <v>69</v>
      </c>
      <c r="D34" s="22">
        <v>131</v>
      </c>
      <c r="E34" s="21">
        <v>0</v>
      </c>
      <c r="F34" s="22">
        <v>0</v>
      </c>
      <c r="G34" s="23">
        <v>0</v>
      </c>
      <c r="H34" s="22">
        <v>826</v>
      </c>
      <c r="I34" s="22">
        <v>382</v>
      </c>
      <c r="J34" s="22">
        <v>444</v>
      </c>
      <c r="K34" s="21">
        <v>626</v>
      </c>
      <c r="L34" s="89">
        <v>313</v>
      </c>
      <c r="M34" s="90">
        <v>313</v>
      </c>
    </row>
    <row r="35" spans="1:13">
      <c r="A35" s="20" t="s">
        <v>42</v>
      </c>
      <c r="B35" s="21">
        <v>116</v>
      </c>
      <c r="C35" s="22">
        <v>91</v>
      </c>
      <c r="D35" s="22">
        <v>25</v>
      </c>
      <c r="E35" s="21">
        <v>0</v>
      </c>
      <c r="F35" s="22">
        <v>0</v>
      </c>
      <c r="G35" s="23">
        <v>0</v>
      </c>
      <c r="H35" s="22">
        <v>668</v>
      </c>
      <c r="I35" s="22">
        <v>336</v>
      </c>
      <c r="J35" s="22">
        <v>332</v>
      </c>
      <c r="K35" s="21">
        <v>552</v>
      </c>
      <c r="L35" s="89">
        <v>245</v>
      </c>
      <c r="M35" s="90">
        <v>307</v>
      </c>
    </row>
    <row r="36" spans="1:13" ht="20.100000000000001" customHeight="1">
      <c r="A36" s="16" t="s">
        <v>43</v>
      </c>
      <c r="B36" s="17">
        <v>49</v>
      </c>
      <c r="C36" s="18">
        <v>159</v>
      </c>
      <c r="D36" s="18">
        <v>-110</v>
      </c>
      <c r="E36" s="17">
        <v>4</v>
      </c>
      <c r="F36" s="18">
        <v>3</v>
      </c>
      <c r="G36" s="19">
        <v>1</v>
      </c>
      <c r="H36" s="18">
        <v>3163</v>
      </c>
      <c r="I36" s="18">
        <v>1683</v>
      </c>
      <c r="J36" s="18">
        <v>1480</v>
      </c>
      <c r="K36" s="17">
        <v>3110</v>
      </c>
      <c r="L36" s="51">
        <v>1521</v>
      </c>
      <c r="M36" s="52">
        <v>1589</v>
      </c>
    </row>
    <row r="37" spans="1:13">
      <c r="A37" s="20" t="s">
        <v>44</v>
      </c>
      <c r="B37" s="21">
        <v>38</v>
      </c>
      <c r="C37" s="22">
        <v>30</v>
      </c>
      <c r="D37" s="22">
        <v>8</v>
      </c>
      <c r="E37" s="21">
        <v>3</v>
      </c>
      <c r="F37" s="22">
        <v>2</v>
      </c>
      <c r="G37" s="23">
        <v>1</v>
      </c>
      <c r="H37" s="22">
        <v>722</v>
      </c>
      <c r="I37" s="22">
        <v>387</v>
      </c>
      <c r="J37" s="22">
        <v>335</v>
      </c>
      <c r="K37" s="21">
        <v>681</v>
      </c>
      <c r="L37" s="89">
        <v>355</v>
      </c>
      <c r="M37" s="90">
        <v>326</v>
      </c>
    </row>
    <row r="38" spans="1:13">
      <c r="A38" s="20" t="s">
        <v>45</v>
      </c>
      <c r="B38" s="21">
        <v>10</v>
      </c>
      <c r="C38" s="22">
        <v>40</v>
      </c>
      <c r="D38" s="22">
        <v>-30</v>
      </c>
      <c r="E38" s="21">
        <v>1</v>
      </c>
      <c r="F38" s="22">
        <v>1</v>
      </c>
      <c r="G38" s="23">
        <v>0</v>
      </c>
      <c r="H38" s="22">
        <v>687</v>
      </c>
      <c r="I38" s="22">
        <v>349</v>
      </c>
      <c r="J38" s="22">
        <v>338</v>
      </c>
      <c r="K38" s="21">
        <v>676</v>
      </c>
      <c r="L38" s="89">
        <v>308</v>
      </c>
      <c r="M38" s="90">
        <v>368</v>
      </c>
    </row>
    <row r="39" spans="1:13">
      <c r="A39" s="20" t="s">
        <v>46</v>
      </c>
      <c r="B39" s="21">
        <v>19</v>
      </c>
      <c r="C39" s="22">
        <v>58</v>
      </c>
      <c r="D39" s="22">
        <v>-39</v>
      </c>
      <c r="E39" s="21">
        <v>0</v>
      </c>
      <c r="F39" s="22">
        <v>0</v>
      </c>
      <c r="G39" s="23">
        <v>0</v>
      </c>
      <c r="H39" s="22">
        <v>673</v>
      </c>
      <c r="I39" s="22">
        <v>356</v>
      </c>
      <c r="J39" s="22">
        <v>317</v>
      </c>
      <c r="K39" s="21">
        <v>654</v>
      </c>
      <c r="L39" s="89">
        <v>298</v>
      </c>
      <c r="M39" s="90">
        <v>356</v>
      </c>
    </row>
    <row r="40" spans="1:13">
      <c r="A40" s="20" t="s">
        <v>47</v>
      </c>
      <c r="B40" s="21">
        <v>21</v>
      </c>
      <c r="C40" s="22">
        <v>13</v>
      </c>
      <c r="D40" s="22">
        <v>8</v>
      </c>
      <c r="E40" s="21">
        <v>0</v>
      </c>
      <c r="F40" s="22">
        <v>0</v>
      </c>
      <c r="G40" s="23">
        <v>0</v>
      </c>
      <c r="H40" s="22">
        <v>587</v>
      </c>
      <c r="I40" s="22">
        <v>306</v>
      </c>
      <c r="J40" s="22">
        <v>281</v>
      </c>
      <c r="K40" s="21">
        <v>566</v>
      </c>
      <c r="L40" s="89">
        <v>293</v>
      </c>
      <c r="M40" s="90">
        <v>273</v>
      </c>
    </row>
    <row r="41" spans="1:13">
      <c r="A41" s="20" t="s">
        <v>48</v>
      </c>
      <c r="B41" s="21">
        <v>-39</v>
      </c>
      <c r="C41" s="22">
        <v>18</v>
      </c>
      <c r="D41" s="22">
        <v>-57</v>
      </c>
      <c r="E41" s="21">
        <v>0</v>
      </c>
      <c r="F41" s="22">
        <v>0</v>
      </c>
      <c r="G41" s="23">
        <v>0</v>
      </c>
      <c r="H41" s="22">
        <v>494</v>
      </c>
      <c r="I41" s="22">
        <v>285</v>
      </c>
      <c r="J41" s="22">
        <v>209</v>
      </c>
      <c r="K41" s="21">
        <v>533</v>
      </c>
      <c r="L41" s="89">
        <v>267</v>
      </c>
      <c r="M41" s="90">
        <v>266</v>
      </c>
    </row>
    <row r="42" spans="1:13" ht="20.100000000000001" customHeight="1">
      <c r="A42" s="16" t="s">
        <v>49</v>
      </c>
      <c r="B42" s="17">
        <v>-57</v>
      </c>
      <c r="C42" s="18">
        <v>-1</v>
      </c>
      <c r="D42" s="18">
        <v>-56</v>
      </c>
      <c r="E42" s="17">
        <v>7</v>
      </c>
      <c r="F42" s="18">
        <v>5</v>
      </c>
      <c r="G42" s="19">
        <v>2</v>
      </c>
      <c r="H42" s="18">
        <v>2042</v>
      </c>
      <c r="I42" s="18">
        <v>1093</v>
      </c>
      <c r="J42" s="18">
        <v>949</v>
      </c>
      <c r="K42" s="17">
        <v>2092</v>
      </c>
      <c r="L42" s="51">
        <v>1089</v>
      </c>
      <c r="M42" s="52">
        <v>1003</v>
      </c>
    </row>
    <row r="43" spans="1:13">
      <c r="A43" s="20" t="s">
        <v>50</v>
      </c>
      <c r="B43" s="21">
        <v>-19</v>
      </c>
      <c r="C43" s="22">
        <v>2</v>
      </c>
      <c r="D43" s="22">
        <v>-21</v>
      </c>
      <c r="E43" s="21">
        <v>1</v>
      </c>
      <c r="F43" s="22">
        <v>1</v>
      </c>
      <c r="G43" s="23">
        <v>0</v>
      </c>
      <c r="H43" s="22">
        <v>491</v>
      </c>
      <c r="I43" s="22">
        <v>252</v>
      </c>
      <c r="J43" s="22">
        <v>239</v>
      </c>
      <c r="K43" s="21">
        <v>509</v>
      </c>
      <c r="L43" s="89">
        <v>249</v>
      </c>
      <c r="M43" s="90">
        <v>260</v>
      </c>
    </row>
    <row r="44" spans="1:13">
      <c r="A44" s="20" t="s">
        <v>51</v>
      </c>
      <c r="B44" s="21">
        <v>-19</v>
      </c>
      <c r="C44" s="22">
        <v>-14</v>
      </c>
      <c r="D44" s="22">
        <v>-5</v>
      </c>
      <c r="E44" s="21">
        <v>1</v>
      </c>
      <c r="F44" s="22">
        <v>0</v>
      </c>
      <c r="G44" s="23">
        <v>1</v>
      </c>
      <c r="H44" s="22">
        <v>443</v>
      </c>
      <c r="I44" s="22">
        <v>234</v>
      </c>
      <c r="J44" s="22">
        <v>209</v>
      </c>
      <c r="K44" s="21">
        <v>461</v>
      </c>
      <c r="L44" s="89">
        <v>248</v>
      </c>
      <c r="M44" s="90">
        <v>213</v>
      </c>
    </row>
    <row r="45" spans="1:13">
      <c r="A45" s="20" t="s">
        <v>52</v>
      </c>
      <c r="B45" s="21">
        <v>-1</v>
      </c>
      <c r="C45" s="22">
        <v>15</v>
      </c>
      <c r="D45" s="22">
        <v>-16</v>
      </c>
      <c r="E45" s="21">
        <v>2</v>
      </c>
      <c r="F45" s="22">
        <v>1</v>
      </c>
      <c r="G45" s="23">
        <v>1</v>
      </c>
      <c r="H45" s="22">
        <v>416</v>
      </c>
      <c r="I45" s="22">
        <v>223</v>
      </c>
      <c r="J45" s="22">
        <v>193</v>
      </c>
      <c r="K45" s="21">
        <v>415</v>
      </c>
      <c r="L45" s="89">
        <v>207</v>
      </c>
      <c r="M45" s="90">
        <v>208</v>
      </c>
    </row>
    <row r="46" spans="1:13">
      <c r="A46" s="20" t="s">
        <v>53</v>
      </c>
      <c r="B46" s="21">
        <v>-19</v>
      </c>
      <c r="C46" s="22">
        <v>-4</v>
      </c>
      <c r="D46" s="22">
        <v>-15</v>
      </c>
      <c r="E46" s="21">
        <v>2</v>
      </c>
      <c r="F46" s="22">
        <v>2</v>
      </c>
      <c r="G46" s="23">
        <v>0</v>
      </c>
      <c r="H46" s="22">
        <v>357</v>
      </c>
      <c r="I46" s="22">
        <v>198</v>
      </c>
      <c r="J46" s="22">
        <v>159</v>
      </c>
      <c r="K46" s="21">
        <v>374</v>
      </c>
      <c r="L46" s="89">
        <v>200</v>
      </c>
      <c r="M46" s="90">
        <v>174</v>
      </c>
    </row>
    <row r="47" spans="1:13">
      <c r="A47" s="20" t="s">
        <v>54</v>
      </c>
      <c r="B47" s="21">
        <v>1</v>
      </c>
      <c r="C47" s="22">
        <v>0</v>
      </c>
      <c r="D47" s="22">
        <v>1</v>
      </c>
      <c r="E47" s="21">
        <v>1</v>
      </c>
      <c r="F47" s="22">
        <v>1</v>
      </c>
      <c r="G47" s="23">
        <v>0</v>
      </c>
      <c r="H47" s="22">
        <v>335</v>
      </c>
      <c r="I47" s="22">
        <v>186</v>
      </c>
      <c r="J47" s="22">
        <v>149</v>
      </c>
      <c r="K47" s="21">
        <v>333</v>
      </c>
      <c r="L47" s="89">
        <v>185</v>
      </c>
      <c r="M47" s="90">
        <v>148</v>
      </c>
    </row>
    <row r="48" spans="1:13" ht="20.100000000000001" customHeight="1">
      <c r="A48" s="16" t="s">
        <v>55</v>
      </c>
      <c r="B48" s="17">
        <v>17</v>
      </c>
      <c r="C48" s="18">
        <v>5</v>
      </c>
      <c r="D48" s="18">
        <v>12</v>
      </c>
      <c r="E48" s="17">
        <v>8</v>
      </c>
      <c r="F48" s="18">
        <v>6</v>
      </c>
      <c r="G48" s="19">
        <v>2</v>
      </c>
      <c r="H48" s="18">
        <v>1326</v>
      </c>
      <c r="I48" s="18">
        <v>742</v>
      </c>
      <c r="J48" s="18">
        <v>584</v>
      </c>
      <c r="K48" s="17">
        <v>1301</v>
      </c>
      <c r="L48" s="51">
        <v>731</v>
      </c>
      <c r="M48" s="52">
        <v>570</v>
      </c>
    </row>
    <row r="49" spans="1:13">
      <c r="A49" s="20" t="s">
        <v>56</v>
      </c>
      <c r="B49" s="21">
        <v>2</v>
      </c>
      <c r="C49" s="22">
        <v>-8</v>
      </c>
      <c r="D49" s="22">
        <v>10</v>
      </c>
      <c r="E49" s="21">
        <v>1</v>
      </c>
      <c r="F49" s="22">
        <v>0</v>
      </c>
      <c r="G49" s="23">
        <v>1</v>
      </c>
      <c r="H49" s="22">
        <v>307</v>
      </c>
      <c r="I49" s="22">
        <v>159</v>
      </c>
      <c r="J49" s="22">
        <v>148</v>
      </c>
      <c r="K49" s="21">
        <v>304</v>
      </c>
      <c r="L49" s="89">
        <v>167</v>
      </c>
      <c r="M49" s="90">
        <v>137</v>
      </c>
    </row>
    <row r="50" spans="1:13">
      <c r="A50" s="20" t="s">
        <v>57</v>
      </c>
      <c r="B50" s="21">
        <v>-21</v>
      </c>
      <c r="C50" s="22">
        <v>1</v>
      </c>
      <c r="D50" s="22">
        <v>-22</v>
      </c>
      <c r="E50" s="21">
        <v>0</v>
      </c>
      <c r="F50" s="22">
        <v>0</v>
      </c>
      <c r="G50" s="23">
        <v>0</v>
      </c>
      <c r="H50" s="22">
        <v>278</v>
      </c>
      <c r="I50" s="22">
        <v>164</v>
      </c>
      <c r="J50" s="22">
        <v>114</v>
      </c>
      <c r="K50" s="21">
        <v>299</v>
      </c>
      <c r="L50" s="89">
        <v>163</v>
      </c>
      <c r="M50" s="90">
        <v>136</v>
      </c>
    </row>
    <row r="51" spans="1:13">
      <c r="A51" s="20" t="s">
        <v>58</v>
      </c>
      <c r="B51" s="21">
        <v>11</v>
      </c>
      <c r="C51" s="22">
        <v>11</v>
      </c>
      <c r="D51" s="22">
        <v>0</v>
      </c>
      <c r="E51" s="21">
        <v>4</v>
      </c>
      <c r="F51" s="22">
        <v>4</v>
      </c>
      <c r="G51" s="23">
        <v>0</v>
      </c>
      <c r="H51" s="22">
        <v>276</v>
      </c>
      <c r="I51" s="22">
        <v>159</v>
      </c>
      <c r="J51" s="22">
        <v>117</v>
      </c>
      <c r="K51" s="21">
        <v>261</v>
      </c>
      <c r="L51" s="89">
        <v>144</v>
      </c>
      <c r="M51" s="90">
        <v>117</v>
      </c>
    </row>
    <row r="52" spans="1:13">
      <c r="A52" s="20" t="s">
        <v>59</v>
      </c>
      <c r="B52" s="21">
        <v>25</v>
      </c>
      <c r="C52" s="22">
        <v>2</v>
      </c>
      <c r="D52" s="22">
        <v>23</v>
      </c>
      <c r="E52" s="21">
        <v>0</v>
      </c>
      <c r="F52" s="22">
        <v>0</v>
      </c>
      <c r="G52" s="23">
        <v>0</v>
      </c>
      <c r="H52" s="22">
        <v>247</v>
      </c>
      <c r="I52" s="22">
        <v>144</v>
      </c>
      <c r="J52" s="22">
        <v>103</v>
      </c>
      <c r="K52" s="21">
        <v>222</v>
      </c>
      <c r="L52" s="89">
        <v>142</v>
      </c>
      <c r="M52" s="90">
        <v>80</v>
      </c>
    </row>
    <row r="53" spans="1:13">
      <c r="A53" s="20" t="s">
        <v>60</v>
      </c>
      <c r="B53" s="21">
        <v>0</v>
      </c>
      <c r="C53" s="22">
        <v>-1</v>
      </c>
      <c r="D53" s="22">
        <v>1</v>
      </c>
      <c r="E53" s="21">
        <v>3</v>
      </c>
      <c r="F53" s="22">
        <v>2</v>
      </c>
      <c r="G53" s="23">
        <v>1</v>
      </c>
      <c r="H53" s="22">
        <v>218</v>
      </c>
      <c r="I53" s="22">
        <v>116</v>
      </c>
      <c r="J53" s="22">
        <v>102</v>
      </c>
      <c r="K53" s="21">
        <v>215</v>
      </c>
      <c r="L53" s="89">
        <v>115</v>
      </c>
      <c r="M53" s="90">
        <v>100</v>
      </c>
    </row>
    <row r="54" spans="1:13" ht="20.100000000000001" customHeight="1">
      <c r="A54" s="16" t="s">
        <v>61</v>
      </c>
      <c r="B54" s="17">
        <v>57</v>
      </c>
      <c r="C54" s="18">
        <v>7</v>
      </c>
      <c r="D54" s="18">
        <v>50</v>
      </c>
      <c r="E54" s="17">
        <v>13</v>
      </c>
      <c r="F54" s="18">
        <v>8</v>
      </c>
      <c r="G54" s="19">
        <v>5</v>
      </c>
      <c r="H54" s="18">
        <v>891</v>
      </c>
      <c r="I54" s="18">
        <v>501</v>
      </c>
      <c r="J54" s="18">
        <v>390</v>
      </c>
      <c r="K54" s="17">
        <v>821</v>
      </c>
      <c r="L54" s="51">
        <v>486</v>
      </c>
      <c r="M54" s="52">
        <v>335</v>
      </c>
    </row>
    <row r="55" spans="1:13">
      <c r="A55" s="20" t="s">
        <v>62</v>
      </c>
      <c r="B55" s="21">
        <v>14</v>
      </c>
      <c r="C55" s="22">
        <v>2</v>
      </c>
      <c r="D55" s="22">
        <v>12</v>
      </c>
      <c r="E55" s="21">
        <v>1</v>
      </c>
      <c r="F55" s="22">
        <v>1</v>
      </c>
      <c r="G55" s="23">
        <v>0</v>
      </c>
      <c r="H55" s="22">
        <v>187</v>
      </c>
      <c r="I55" s="22">
        <v>108</v>
      </c>
      <c r="J55" s="22">
        <v>79</v>
      </c>
      <c r="K55" s="21">
        <v>172</v>
      </c>
      <c r="L55" s="89">
        <v>105</v>
      </c>
      <c r="M55" s="90">
        <v>67</v>
      </c>
    </row>
    <row r="56" spans="1:13">
      <c r="A56" s="20" t="s">
        <v>63</v>
      </c>
      <c r="B56" s="21">
        <v>18</v>
      </c>
      <c r="C56" s="22">
        <v>9</v>
      </c>
      <c r="D56" s="22">
        <v>9</v>
      </c>
      <c r="E56" s="21">
        <v>2</v>
      </c>
      <c r="F56" s="22">
        <v>1</v>
      </c>
      <c r="G56" s="23">
        <v>1</v>
      </c>
      <c r="H56" s="22">
        <v>181</v>
      </c>
      <c r="I56" s="22">
        <v>97</v>
      </c>
      <c r="J56" s="22">
        <v>84</v>
      </c>
      <c r="K56" s="21">
        <v>161</v>
      </c>
      <c r="L56" s="89">
        <v>87</v>
      </c>
      <c r="M56" s="90">
        <v>74</v>
      </c>
    </row>
    <row r="57" spans="1:13">
      <c r="A57" s="20" t="s">
        <v>64</v>
      </c>
      <c r="B57" s="21">
        <v>11</v>
      </c>
      <c r="C57" s="22">
        <v>7</v>
      </c>
      <c r="D57" s="22">
        <v>4</v>
      </c>
      <c r="E57" s="21">
        <v>3</v>
      </c>
      <c r="F57" s="22">
        <v>2</v>
      </c>
      <c r="G57" s="23">
        <v>1</v>
      </c>
      <c r="H57" s="22">
        <v>178</v>
      </c>
      <c r="I57" s="22">
        <v>102</v>
      </c>
      <c r="J57" s="22">
        <v>76</v>
      </c>
      <c r="K57" s="21">
        <v>164</v>
      </c>
      <c r="L57" s="89">
        <v>93</v>
      </c>
      <c r="M57" s="90">
        <v>71</v>
      </c>
    </row>
    <row r="58" spans="1:13">
      <c r="A58" s="20" t="s">
        <v>65</v>
      </c>
      <c r="B58" s="21">
        <v>-3</v>
      </c>
      <c r="C58" s="22">
        <v>-15</v>
      </c>
      <c r="D58" s="22">
        <v>12</v>
      </c>
      <c r="E58" s="21">
        <v>4</v>
      </c>
      <c r="F58" s="22">
        <v>3</v>
      </c>
      <c r="G58" s="23">
        <v>1</v>
      </c>
      <c r="H58" s="22">
        <v>169</v>
      </c>
      <c r="I58" s="22">
        <v>92</v>
      </c>
      <c r="J58" s="22">
        <v>77</v>
      </c>
      <c r="K58" s="21">
        <v>168</v>
      </c>
      <c r="L58" s="89">
        <v>104</v>
      </c>
      <c r="M58" s="90">
        <v>64</v>
      </c>
    </row>
    <row r="59" spans="1:13">
      <c r="A59" s="20" t="s">
        <v>66</v>
      </c>
      <c r="B59" s="21">
        <v>17</v>
      </c>
      <c r="C59" s="22">
        <v>4</v>
      </c>
      <c r="D59" s="22">
        <v>13</v>
      </c>
      <c r="E59" s="21">
        <v>3</v>
      </c>
      <c r="F59" s="22">
        <v>1</v>
      </c>
      <c r="G59" s="23">
        <v>2</v>
      </c>
      <c r="H59" s="22">
        <v>176</v>
      </c>
      <c r="I59" s="22">
        <v>102</v>
      </c>
      <c r="J59" s="22">
        <v>74</v>
      </c>
      <c r="K59" s="21">
        <v>156</v>
      </c>
      <c r="L59" s="89">
        <v>97</v>
      </c>
      <c r="M59" s="90">
        <v>59</v>
      </c>
    </row>
    <row r="60" spans="1:13" ht="20.100000000000001" customHeight="1">
      <c r="A60" s="16" t="s">
        <v>67</v>
      </c>
      <c r="B60" s="17">
        <v>15</v>
      </c>
      <c r="C60" s="18">
        <v>11</v>
      </c>
      <c r="D60" s="18">
        <v>4</v>
      </c>
      <c r="E60" s="17">
        <v>31</v>
      </c>
      <c r="F60" s="18">
        <v>19</v>
      </c>
      <c r="G60" s="19">
        <v>12</v>
      </c>
      <c r="H60" s="18">
        <v>744</v>
      </c>
      <c r="I60" s="18">
        <v>413</v>
      </c>
      <c r="J60" s="18">
        <v>331</v>
      </c>
      <c r="K60" s="17">
        <v>698</v>
      </c>
      <c r="L60" s="51">
        <v>383</v>
      </c>
      <c r="M60" s="52">
        <v>315</v>
      </c>
    </row>
    <row r="61" spans="1:13">
      <c r="A61" s="20" t="s">
        <v>68</v>
      </c>
      <c r="B61" s="21">
        <v>23</v>
      </c>
      <c r="C61" s="22">
        <v>19</v>
      </c>
      <c r="D61" s="22">
        <v>4</v>
      </c>
      <c r="E61" s="21">
        <v>5</v>
      </c>
      <c r="F61" s="22">
        <v>4</v>
      </c>
      <c r="G61" s="23">
        <v>1</v>
      </c>
      <c r="H61" s="22">
        <v>154</v>
      </c>
      <c r="I61" s="22">
        <v>100</v>
      </c>
      <c r="J61" s="22">
        <v>54</v>
      </c>
      <c r="K61" s="21">
        <v>126</v>
      </c>
      <c r="L61" s="89">
        <v>77</v>
      </c>
      <c r="M61" s="90">
        <v>49</v>
      </c>
    </row>
    <row r="62" spans="1:13">
      <c r="A62" s="20" t="s">
        <v>69</v>
      </c>
      <c r="B62" s="21">
        <v>-22</v>
      </c>
      <c r="C62" s="22">
        <v>-9</v>
      </c>
      <c r="D62" s="22">
        <v>-13</v>
      </c>
      <c r="E62" s="21">
        <v>7</v>
      </c>
      <c r="F62" s="22">
        <v>2</v>
      </c>
      <c r="G62" s="23">
        <v>5</v>
      </c>
      <c r="H62" s="22">
        <v>151</v>
      </c>
      <c r="I62" s="22">
        <v>83</v>
      </c>
      <c r="J62" s="22">
        <v>68</v>
      </c>
      <c r="K62" s="21">
        <v>166</v>
      </c>
      <c r="L62" s="89">
        <v>90</v>
      </c>
      <c r="M62" s="90">
        <v>76</v>
      </c>
    </row>
    <row r="63" spans="1:13">
      <c r="A63" s="20" t="s">
        <v>70</v>
      </c>
      <c r="B63" s="21">
        <v>13</v>
      </c>
      <c r="C63" s="22">
        <v>9</v>
      </c>
      <c r="D63" s="22">
        <v>4</v>
      </c>
      <c r="E63" s="21">
        <v>4</v>
      </c>
      <c r="F63" s="22">
        <v>3</v>
      </c>
      <c r="G63" s="23">
        <v>1</v>
      </c>
      <c r="H63" s="22">
        <v>153</v>
      </c>
      <c r="I63" s="22">
        <v>87</v>
      </c>
      <c r="J63" s="22">
        <v>66</v>
      </c>
      <c r="K63" s="21">
        <v>136</v>
      </c>
      <c r="L63" s="89">
        <v>75</v>
      </c>
      <c r="M63" s="90">
        <v>61</v>
      </c>
    </row>
    <row r="64" spans="1:13">
      <c r="A64" s="20" t="s">
        <v>71</v>
      </c>
      <c r="B64" s="21">
        <v>-2</v>
      </c>
      <c r="C64" s="22">
        <v>-3</v>
      </c>
      <c r="D64" s="22">
        <v>1</v>
      </c>
      <c r="E64" s="21">
        <v>4</v>
      </c>
      <c r="F64" s="22">
        <v>3</v>
      </c>
      <c r="G64" s="23">
        <v>1</v>
      </c>
      <c r="H64" s="22">
        <v>133</v>
      </c>
      <c r="I64" s="22">
        <v>66</v>
      </c>
      <c r="J64" s="22">
        <v>67</v>
      </c>
      <c r="K64" s="21">
        <v>131</v>
      </c>
      <c r="L64" s="89">
        <v>66</v>
      </c>
      <c r="M64" s="90">
        <v>65</v>
      </c>
    </row>
    <row r="65" spans="1:13">
      <c r="A65" s="24" t="s">
        <v>72</v>
      </c>
      <c r="B65" s="25">
        <v>3</v>
      </c>
      <c r="C65" s="26">
        <v>-5</v>
      </c>
      <c r="D65" s="26">
        <v>8</v>
      </c>
      <c r="E65" s="25">
        <v>11</v>
      </c>
      <c r="F65" s="26">
        <v>7</v>
      </c>
      <c r="G65" s="27">
        <v>4</v>
      </c>
      <c r="H65" s="26">
        <v>153</v>
      </c>
      <c r="I65" s="26">
        <v>77</v>
      </c>
      <c r="J65" s="26">
        <v>76</v>
      </c>
      <c r="K65" s="25">
        <v>139</v>
      </c>
      <c r="L65" s="91">
        <v>75</v>
      </c>
      <c r="M65" s="92">
        <v>64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918</v>
      </c>
      <c r="C69" s="58">
        <v>975</v>
      </c>
      <c r="D69" s="59">
        <v>94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918</v>
      </c>
      <c r="C70" s="61">
        <v>975</v>
      </c>
      <c r="D70" s="62">
        <v>943</v>
      </c>
    </row>
    <row r="71" spans="1:13">
      <c r="A71" s="24" t="s">
        <v>14</v>
      </c>
      <c r="B71" s="63">
        <v>1918</v>
      </c>
      <c r="C71" s="64">
        <v>975</v>
      </c>
      <c r="D71" s="65">
        <v>943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8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2</v>
      </c>
      <c r="C77" s="18">
        <v>-7</v>
      </c>
      <c r="D77" s="18">
        <v>5</v>
      </c>
      <c r="E77" s="17">
        <v>35</v>
      </c>
      <c r="F77" s="18">
        <v>27</v>
      </c>
      <c r="G77" s="19">
        <v>8</v>
      </c>
      <c r="H77" s="18">
        <v>605</v>
      </c>
      <c r="I77" s="18">
        <v>340</v>
      </c>
      <c r="J77" s="18">
        <v>265</v>
      </c>
      <c r="K77" s="17">
        <v>572</v>
      </c>
      <c r="L77" s="51">
        <v>320</v>
      </c>
      <c r="M77" s="52">
        <v>252</v>
      </c>
    </row>
    <row r="78" spans="1:13">
      <c r="A78" s="40" t="s">
        <v>81</v>
      </c>
      <c r="B78" s="21">
        <v>-13</v>
      </c>
      <c r="C78" s="22">
        <v>-5</v>
      </c>
      <c r="D78" s="22">
        <v>-8</v>
      </c>
      <c r="E78" s="21">
        <v>7</v>
      </c>
      <c r="F78" s="22">
        <v>6</v>
      </c>
      <c r="G78" s="23">
        <v>1</v>
      </c>
      <c r="H78" s="22">
        <v>131</v>
      </c>
      <c r="I78" s="22">
        <v>78</v>
      </c>
      <c r="J78" s="22">
        <v>53</v>
      </c>
      <c r="K78" s="21">
        <v>137</v>
      </c>
      <c r="L78" s="89">
        <v>77</v>
      </c>
      <c r="M78" s="90">
        <v>60</v>
      </c>
    </row>
    <row r="79" spans="1:13">
      <c r="A79" s="40" t="s">
        <v>82</v>
      </c>
      <c r="B79" s="21">
        <v>-5</v>
      </c>
      <c r="C79" s="22">
        <v>5</v>
      </c>
      <c r="D79" s="22">
        <v>-10</v>
      </c>
      <c r="E79" s="21">
        <v>7</v>
      </c>
      <c r="F79" s="22">
        <v>6</v>
      </c>
      <c r="G79" s="23">
        <v>1</v>
      </c>
      <c r="H79" s="22">
        <v>120</v>
      </c>
      <c r="I79" s="22">
        <v>73</v>
      </c>
      <c r="J79" s="22">
        <v>47</v>
      </c>
      <c r="K79" s="21">
        <v>118</v>
      </c>
      <c r="L79" s="89">
        <v>62</v>
      </c>
      <c r="M79" s="90">
        <v>56</v>
      </c>
    </row>
    <row r="80" spans="1:13">
      <c r="A80" s="40" t="s">
        <v>83</v>
      </c>
      <c r="B80" s="21">
        <v>6</v>
      </c>
      <c r="C80" s="22">
        <v>0</v>
      </c>
      <c r="D80" s="22">
        <v>6</v>
      </c>
      <c r="E80" s="21">
        <v>6</v>
      </c>
      <c r="F80" s="22">
        <v>5</v>
      </c>
      <c r="G80" s="23">
        <v>1</v>
      </c>
      <c r="H80" s="22">
        <v>128</v>
      </c>
      <c r="I80" s="22">
        <v>78</v>
      </c>
      <c r="J80" s="22">
        <v>50</v>
      </c>
      <c r="K80" s="21">
        <v>116</v>
      </c>
      <c r="L80" s="89">
        <v>73</v>
      </c>
      <c r="M80" s="90">
        <v>43</v>
      </c>
    </row>
    <row r="81" spans="1:13">
      <c r="A81" s="40" t="s">
        <v>84</v>
      </c>
      <c r="B81" s="21">
        <v>36</v>
      </c>
      <c r="C81" s="22">
        <v>12</v>
      </c>
      <c r="D81" s="22">
        <v>24</v>
      </c>
      <c r="E81" s="21">
        <v>8</v>
      </c>
      <c r="F81" s="22">
        <v>4</v>
      </c>
      <c r="G81" s="23">
        <v>4</v>
      </c>
      <c r="H81" s="22">
        <v>116</v>
      </c>
      <c r="I81" s="22">
        <v>60</v>
      </c>
      <c r="J81" s="22">
        <v>56</v>
      </c>
      <c r="K81" s="21">
        <v>72</v>
      </c>
      <c r="L81" s="89">
        <v>44</v>
      </c>
      <c r="M81" s="90">
        <v>28</v>
      </c>
    </row>
    <row r="82" spans="1:13">
      <c r="A82" s="40" t="s">
        <v>85</v>
      </c>
      <c r="B82" s="21">
        <v>-26</v>
      </c>
      <c r="C82" s="22">
        <v>-19</v>
      </c>
      <c r="D82" s="22">
        <v>-7</v>
      </c>
      <c r="E82" s="21">
        <v>7</v>
      </c>
      <c r="F82" s="22">
        <v>6</v>
      </c>
      <c r="G82" s="23">
        <v>1</v>
      </c>
      <c r="H82" s="22">
        <v>110</v>
      </c>
      <c r="I82" s="22">
        <v>51</v>
      </c>
      <c r="J82" s="22">
        <v>59</v>
      </c>
      <c r="K82" s="21">
        <v>129</v>
      </c>
      <c r="L82" s="89">
        <v>64</v>
      </c>
      <c r="M82" s="90">
        <v>65</v>
      </c>
    </row>
    <row r="83" spans="1:13" ht="19.5" customHeight="1">
      <c r="A83" s="34" t="s">
        <v>86</v>
      </c>
      <c r="B83" s="17">
        <v>-28</v>
      </c>
      <c r="C83" s="18">
        <v>-10</v>
      </c>
      <c r="D83" s="18">
        <v>-18</v>
      </c>
      <c r="E83" s="17">
        <v>60</v>
      </c>
      <c r="F83" s="18">
        <v>40</v>
      </c>
      <c r="G83" s="19">
        <v>20</v>
      </c>
      <c r="H83" s="18">
        <v>422</v>
      </c>
      <c r="I83" s="18">
        <v>242</v>
      </c>
      <c r="J83" s="18">
        <v>180</v>
      </c>
      <c r="K83" s="17">
        <v>390</v>
      </c>
      <c r="L83" s="51">
        <v>212</v>
      </c>
      <c r="M83" s="52">
        <v>178</v>
      </c>
    </row>
    <row r="84" spans="1:13">
      <c r="A84" s="40" t="s">
        <v>87</v>
      </c>
      <c r="B84" s="21">
        <v>-13</v>
      </c>
      <c r="C84" s="22">
        <v>0</v>
      </c>
      <c r="D84" s="22">
        <v>-13</v>
      </c>
      <c r="E84" s="21">
        <v>8</v>
      </c>
      <c r="F84" s="22">
        <v>3</v>
      </c>
      <c r="G84" s="23">
        <v>5</v>
      </c>
      <c r="H84" s="22">
        <v>89</v>
      </c>
      <c r="I84" s="22">
        <v>50</v>
      </c>
      <c r="J84" s="22">
        <v>39</v>
      </c>
      <c r="K84" s="21">
        <v>94</v>
      </c>
      <c r="L84" s="89">
        <v>47</v>
      </c>
      <c r="M84" s="90">
        <v>47</v>
      </c>
    </row>
    <row r="85" spans="1:13">
      <c r="A85" s="40" t="s">
        <v>88</v>
      </c>
      <c r="B85" s="21">
        <v>14</v>
      </c>
      <c r="C85" s="22">
        <v>13</v>
      </c>
      <c r="D85" s="22">
        <v>1</v>
      </c>
      <c r="E85" s="21">
        <v>11</v>
      </c>
      <c r="F85" s="22">
        <v>7</v>
      </c>
      <c r="G85" s="23">
        <v>4</v>
      </c>
      <c r="H85" s="22">
        <v>98</v>
      </c>
      <c r="I85" s="22">
        <v>56</v>
      </c>
      <c r="J85" s="22">
        <v>42</v>
      </c>
      <c r="K85" s="21">
        <v>73</v>
      </c>
      <c r="L85" s="89">
        <v>36</v>
      </c>
      <c r="M85" s="90">
        <v>37</v>
      </c>
    </row>
    <row r="86" spans="1:13">
      <c r="A86" s="40" t="s">
        <v>89</v>
      </c>
      <c r="B86" s="21">
        <v>-23</v>
      </c>
      <c r="C86" s="22">
        <v>-15</v>
      </c>
      <c r="D86" s="22">
        <v>-8</v>
      </c>
      <c r="E86" s="21">
        <v>14</v>
      </c>
      <c r="F86" s="22">
        <v>13</v>
      </c>
      <c r="G86" s="23">
        <v>1</v>
      </c>
      <c r="H86" s="22">
        <v>77</v>
      </c>
      <c r="I86" s="22">
        <v>43</v>
      </c>
      <c r="J86" s="22">
        <v>34</v>
      </c>
      <c r="K86" s="21">
        <v>86</v>
      </c>
      <c r="L86" s="89">
        <v>45</v>
      </c>
      <c r="M86" s="90">
        <v>41</v>
      </c>
    </row>
    <row r="87" spans="1:13">
      <c r="A87" s="40" t="s">
        <v>90</v>
      </c>
      <c r="B87" s="21">
        <v>5</v>
      </c>
      <c r="C87" s="22">
        <v>1</v>
      </c>
      <c r="D87" s="22">
        <v>4</v>
      </c>
      <c r="E87" s="21">
        <v>15</v>
      </c>
      <c r="F87" s="22">
        <v>10</v>
      </c>
      <c r="G87" s="23">
        <v>5</v>
      </c>
      <c r="H87" s="22">
        <v>98</v>
      </c>
      <c r="I87" s="22">
        <v>61</v>
      </c>
      <c r="J87" s="22">
        <v>37</v>
      </c>
      <c r="K87" s="21">
        <v>78</v>
      </c>
      <c r="L87" s="89">
        <v>50</v>
      </c>
      <c r="M87" s="90">
        <v>28</v>
      </c>
    </row>
    <row r="88" spans="1:13">
      <c r="A88" s="40" t="s">
        <v>91</v>
      </c>
      <c r="B88" s="21">
        <v>-11</v>
      </c>
      <c r="C88" s="22">
        <v>-9</v>
      </c>
      <c r="D88" s="22">
        <v>-2</v>
      </c>
      <c r="E88" s="21">
        <v>12</v>
      </c>
      <c r="F88" s="22">
        <v>7</v>
      </c>
      <c r="G88" s="23">
        <v>5</v>
      </c>
      <c r="H88" s="22">
        <v>60</v>
      </c>
      <c r="I88" s="22">
        <v>32</v>
      </c>
      <c r="J88" s="22">
        <v>28</v>
      </c>
      <c r="K88" s="21">
        <v>59</v>
      </c>
      <c r="L88" s="89">
        <v>34</v>
      </c>
      <c r="M88" s="90">
        <v>25</v>
      </c>
    </row>
    <row r="89" spans="1:13" ht="19.5" customHeight="1">
      <c r="A89" s="34" t="s">
        <v>92</v>
      </c>
      <c r="B89" s="17">
        <v>-134</v>
      </c>
      <c r="C89" s="18">
        <v>-85</v>
      </c>
      <c r="D89" s="18">
        <v>-49</v>
      </c>
      <c r="E89" s="17">
        <v>93</v>
      </c>
      <c r="F89" s="18">
        <v>67</v>
      </c>
      <c r="G89" s="19">
        <v>26</v>
      </c>
      <c r="H89" s="18">
        <v>296</v>
      </c>
      <c r="I89" s="18">
        <v>166</v>
      </c>
      <c r="J89" s="18">
        <v>130</v>
      </c>
      <c r="K89" s="17">
        <v>337</v>
      </c>
      <c r="L89" s="51">
        <v>184</v>
      </c>
      <c r="M89" s="52">
        <v>153</v>
      </c>
    </row>
    <row r="90" spans="1:13">
      <c r="A90" s="40" t="s">
        <v>93</v>
      </c>
      <c r="B90" s="21">
        <v>-32</v>
      </c>
      <c r="C90" s="22">
        <v>-1</v>
      </c>
      <c r="D90" s="22">
        <v>-31</v>
      </c>
      <c r="E90" s="21">
        <v>13</v>
      </c>
      <c r="F90" s="22">
        <v>8</v>
      </c>
      <c r="G90" s="23">
        <v>5</v>
      </c>
      <c r="H90" s="22">
        <v>81</v>
      </c>
      <c r="I90" s="22">
        <v>57</v>
      </c>
      <c r="J90" s="22">
        <v>24</v>
      </c>
      <c r="K90" s="21">
        <v>100</v>
      </c>
      <c r="L90" s="89">
        <v>50</v>
      </c>
      <c r="M90" s="90">
        <v>50</v>
      </c>
    </row>
    <row r="91" spans="1:13">
      <c r="A91" s="40" t="s">
        <v>94</v>
      </c>
      <c r="B91" s="21">
        <v>-35</v>
      </c>
      <c r="C91" s="22">
        <v>-34</v>
      </c>
      <c r="D91" s="22">
        <v>-1</v>
      </c>
      <c r="E91" s="21">
        <v>23</v>
      </c>
      <c r="F91" s="22">
        <v>18</v>
      </c>
      <c r="G91" s="23">
        <v>5</v>
      </c>
      <c r="H91" s="22">
        <v>63</v>
      </c>
      <c r="I91" s="22">
        <v>31</v>
      </c>
      <c r="J91" s="22">
        <v>32</v>
      </c>
      <c r="K91" s="21">
        <v>75</v>
      </c>
      <c r="L91" s="89">
        <v>47</v>
      </c>
      <c r="M91" s="90">
        <v>28</v>
      </c>
    </row>
    <row r="92" spans="1:13">
      <c r="A92" s="40" t="s">
        <v>95</v>
      </c>
      <c r="B92" s="21">
        <v>-44</v>
      </c>
      <c r="C92" s="22">
        <v>-28</v>
      </c>
      <c r="D92" s="22">
        <v>-16</v>
      </c>
      <c r="E92" s="21">
        <v>16</v>
      </c>
      <c r="F92" s="22">
        <v>12</v>
      </c>
      <c r="G92" s="23">
        <v>4</v>
      </c>
      <c r="H92" s="22">
        <v>38</v>
      </c>
      <c r="I92" s="22">
        <v>17</v>
      </c>
      <c r="J92" s="22">
        <v>21</v>
      </c>
      <c r="K92" s="21">
        <v>66</v>
      </c>
      <c r="L92" s="89">
        <v>33</v>
      </c>
      <c r="M92" s="90">
        <v>33</v>
      </c>
    </row>
    <row r="93" spans="1:13">
      <c r="A93" s="40" t="s">
        <v>96</v>
      </c>
      <c r="B93" s="21">
        <v>-14</v>
      </c>
      <c r="C93" s="22">
        <v>-17</v>
      </c>
      <c r="D93" s="22">
        <v>3</v>
      </c>
      <c r="E93" s="21">
        <v>25</v>
      </c>
      <c r="F93" s="22">
        <v>16</v>
      </c>
      <c r="G93" s="23">
        <v>9</v>
      </c>
      <c r="H93" s="22">
        <v>59</v>
      </c>
      <c r="I93" s="22">
        <v>27</v>
      </c>
      <c r="J93" s="22">
        <v>32</v>
      </c>
      <c r="K93" s="21">
        <v>48</v>
      </c>
      <c r="L93" s="89">
        <v>28</v>
      </c>
      <c r="M93" s="90">
        <v>20</v>
      </c>
    </row>
    <row r="94" spans="1:13">
      <c r="A94" s="40" t="s">
        <v>97</v>
      </c>
      <c r="B94" s="21">
        <v>-9</v>
      </c>
      <c r="C94" s="22">
        <v>-5</v>
      </c>
      <c r="D94" s="22">
        <v>-4</v>
      </c>
      <c r="E94" s="21">
        <v>16</v>
      </c>
      <c r="F94" s="22">
        <v>13</v>
      </c>
      <c r="G94" s="23">
        <v>3</v>
      </c>
      <c r="H94" s="22">
        <v>55</v>
      </c>
      <c r="I94" s="22">
        <v>34</v>
      </c>
      <c r="J94" s="22">
        <v>21</v>
      </c>
      <c r="K94" s="21">
        <v>48</v>
      </c>
      <c r="L94" s="89">
        <v>26</v>
      </c>
      <c r="M94" s="90">
        <v>22</v>
      </c>
    </row>
    <row r="95" spans="1:13" ht="19.5" customHeight="1">
      <c r="A95" s="34" t="s">
        <v>98</v>
      </c>
      <c r="B95" s="17">
        <v>-131</v>
      </c>
      <c r="C95" s="18">
        <v>-103</v>
      </c>
      <c r="D95" s="18">
        <v>-28</v>
      </c>
      <c r="E95" s="17">
        <v>140</v>
      </c>
      <c r="F95" s="18">
        <v>107</v>
      </c>
      <c r="G95" s="19">
        <v>33</v>
      </c>
      <c r="H95" s="18">
        <v>259</v>
      </c>
      <c r="I95" s="18">
        <v>135</v>
      </c>
      <c r="J95" s="18">
        <v>124</v>
      </c>
      <c r="K95" s="17">
        <v>250</v>
      </c>
      <c r="L95" s="51">
        <v>131</v>
      </c>
      <c r="M95" s="52">
        <v>119</v>
      </c>
    </row>
    <row r="96" spans="1:13">
      <c r="A96" s="40" t="s">
        <v>99</v>
      </c>
      <c r="B96" s="21">
        <v>-23</v>
      </c>
      <c r="C96" s="22">
        <v>-8</v>
      </c>
      <c r="D96" s="22">
        <v>-15</v>
      </c>
      <c r="E96" s="21">
        <v>19</v>
      </c>
      <c r="F96" s="22">
        <v>12</v>
      </c>
      <c r="G96" s="23">
        <v>7</v>
      </c>
      <c r="H96" s="22">
        <v>63</v>
      </c>
      <c r="I96" s="22">
        <v>40</v>
      </c>
      <c r="J96" s="22">
        <v>23</v>
      </c>
      <c r="K96" s="21">
        <v>67</v>
      </c>
      <c r="L96" s="89">
        <v>36</v>
      </c>
      <c r="M96" s="90">
        <v>31</v>
      </c>
    </row>
    <row r="97" spans="1:13">
      <c r="A97" s="40" t="s">
        <v>100</v>
      </c>
      <c r="B97" s="21">
        <v>-15</v>
      </c>
      <c r="C97" s="22">
        <v>-19</v>
      </c>
      <c r="D97" s="22">
        <v>4</v>
      </c>
      <c r="E97" s="21">
        <v>22</v>
      </c>
      <c r="F97" s="22">
        <v>17</v>
      </c>
      <c r="G97" s="23">
        <v>5</v>
      </c>
      <c r="H97" s="22">
        <v>50</v>
      </c>
      <c r="I97" s="22">
        <v>26</v>
      </c>
      <c r="J97" s="22">
        <v>24</v>
      </c>
      <c r="K97" s="21">
        <v>43</v>
      </c>
      <c r="L97" s="89">
        <v>28</v>
      </c>
      <c r="M97" s="90">
        <v>15</v>
      </c>
    </row>
    <row r="98" spans="1:13">
      <c r="A98" s="40" t="s">
        <v>101</v>
      </c>
      <c r="B98" s="21">
        <v>-22</v>
      </c>
      <c r="C98" s="22">
        <v>-27</v>
      </c>
      <c r="D98" s="22">
        <v>5</v>
      </c>
      <c r="E98" s="21">
        <v>29</v>
      </c>
      <c r="F98" s="22">
        <v>20</v>
      </c>
      <c r="G98" s="23">
        <v>9</v>
      </c>
      <c r="H98" s="22">
        <v>51</v>
      </c>
      <c r="I98" s="22">
        <v>18</v>
      </c>
      <c r="J98" s="22">
        <v>33</v>
      </c>
      <c r="K98" s="21">
        <v>44</v>
      </c>
      <c r="L98" s="89">
        <v>25</v>
      </c>
      <c r="M98" s="90">
        <v>19</v>
      </c>
    </row>
    <row r="99" spans="1:13">
      <c r="A99" s="40" t="s">
        <v>102</v>
      </c>
      <c r="B99" s="21">
        <v>-39</v>
      </c>
      <c r="C99" s="22">
        <v>-25</v>
      </c>
      <c r="D99" s="22">
        <v>-14</v>
      </c>
      <c r="E99" s="21">
        <v>31</v>
      </c>
      <c r="F99" s="22">
        <v>27</v>
      </c>
      <c r="G99" s="23">
        <v>4</v>
      </c>
      <c r="H99" s="22">
        <v>42</v>
      </c>
      <c r="I99" s="22">
        <v>24</v>
      </c>
      <c r="J99" s="22">
        <v>18</v>
      </c>
      <c r="K99" s="21">
        <v>50</v>
      </c>
      <c r="L99" s="89">
        <v>22</v>
      </c>
      <c r="M99" s="90">
        <v>28</v>
      </c>
    </row>
    <row r="100" spans="1:13">
      <c r="A100" s="40" t="s">
        <v>103</v>
      </c>
      <c r="B100" s="21">
        <v>-32</v>
      </c>
      <c r="C100" s="22">
        <v>-24</v>
      </c>
      <c r="D100" s="22">
        <v>-8</v>
      </c>
      <c r="E100" s="21">
        <v>39</v>
      </c>
      <c r="F100" s="22">
        <v>31</v>
      </c>
      <c r="G100" s="23">
        <v>8</v>
      </c>
      <c r="H100" s="22">
        <v>53</v>
      </c>
      <c r="I100" s="22">
        <v>27</v>
      </c>
      <c r="J100" s="22">
        <v>26</v>
      </c>
      <c r="K100" s="21">
        <v>46</v>
      </c>
      <c r="L100" s="89">
        <v>20</v>
      </c>
      <c r="M100" s="90">
        <v>26</v>
      </c>
    </row>
    <row r="101" spans="1:13" ht="19.5" customHeight="1">
      <c r="A101" s="34" t="s">
        <v>104</v>
      </c>
      <c r="B101" s="17">
        <v>-195</v>
      </c>
      <c r="C101" s="18">
        <v>-131</v>
      </c>
      <c r="D101" s="18">
        <v>-64</v>
      </c>
      <c r="E101" s="17">
        <v>241</v>
      </c>
      <c r="F101" s="18">
        <v>155</v>
      </c>
      <c r="G101" s="19">
        <v>86</v>
      </c>
      <c r="H101" s="18">
        <v>234</v>
      </c>
      <c r="I101" s="18">
        <v>116</v>
      </c>
      <c r="J101" s="18">
        <v>118</v>
      </c>
      <c r="K101" s="17">
        <v>188</v>
      </c>
      <c r="L101" s="51">
        <v>92</v>
      </c>
      <c r="M101" s="52">
        <v>96</v>
      </c>
    </row>
    <row r="102" spans="1:13">
      <c r="A102" s="40" t="s">
        <v>105</v>
      </c>
      <c r="B102" s="21">
        <v>-49</v>
      </c>
      <c r="C102" s="22">
        <v>-32</v>
      </c>
      <c r="D102" s="22">
        <v>-17</v>
      </c>
      <c r="E102" s="21">
        <v>53</v>
      </c>
      <c r="F102" s="22">
        <v>33</v>
      </c>
      <c r="G102" s="23">
        <v>20</v>
      </c>
      <c r="H102" s="22">
        <v>49</v>
      </c>
      <c r="I102" s="22">
        <v>25</v>
      </c>
      <c r="J102" s="22">
        <v>24</v>
      </c>
      <c r="K102" s="21">
        <v>45</v>
      </c>
      <c r="L102" s="89">
        <v>24</v>
      </c>
      <c r="M102" s="90">
        <v>21</v>
      </c>
    </row>
    <row r="103" spans="1:13">
      <c r="A103" s="40" t="s">
        <v>106</v>
      </c>
      <c r="B103" s="21">
        <v>-40</v>
      </c>
      <c r="C103" s="22">
        <v>-26</v>
      </c>
      <c r="D103" s="22">
        <v>-14</v>
      </c>
      <c r="E103" s="21">
        <v>62</v>
      </c>
      <c r="F103" s="22">
        <v>41</v>
      </c>
      <c r="G103" s="23">
        <v>21</v>
      </c>
      <c r="H103" s="22">
        <v>54</v>
      </c>
      <c r="I103" s="22">
        <v>32</v>
      </c>
      <c r="J103" s="22">
        <v>22</v>
      </c>
      <c r="K103" s="21">
        <v>32</v>
      </c>
      <c r="L103" s="89">
        <v>17</v>
      </c>
      <c r="M103" s="90">
        <v>15</v>
      </c>
    </row>
    <row r="104" spans="1:13">
      <c r="A104" s="40" t="s">
        <v>107</v>
      </c>
      <c r="B104" s="21">
        <v>-44</v>
      </c>
      <c r="C104" s="22">
        <v>-29</v>
      </c>
      <c r="D104" s="22">
        <v>-15</v>
      </c>
      <c r="E104" s="21">
        <v>52</v>
      </c>
      <c r="F104" s="22">
        <v>33</v>
      </c>
      <c r="G104" s="23">
        <v>19</v>
      </c>
      <c r="H104" s="22">
        <v>60</v>
      </c>
      <c r="I104" s="22">
        <v>28</v>
      </c>
      <c r="J104" s="22">
        <v>32</v>
      </c>
      <c r="K104" s="21">
        <v>52</v>
      </c>
      <c r="L104" s="89">
        <v>24</v>
      </c>
      <c r="M104" s="90">
        <v>28</v>
      </c>
    </row>
    <row r="105" spans="1:13">
      <c r="A105" s="40" t="s">
        <v>108</v>
      </c>
      <c r="B105" s="21">
        <v>-27</v>
      </c>
      <c r="C105" s="22">
        <v>-19</v>
      </c>
      <c r="D105" s="22">
        <v>-8</v>
      </c>
      <c r="E105" s="21">
        <v>36</v>
      </c>
      <c r="F105" s="22">
        <v>25</v>
      </c>
      <c r="G105" s="23">
        <v>11</v>
      </c>
      <c r="H105" s="22">
        <v>36</v>
      </c>
      <c r="I105" s="22">
        <v>19</v>
      </c>
      <c r="J105" s="22">
        <v>17</v>
      </c>
      <c r="K105" s="21">
        <v>27</v>
      </c>
      <c r="L105" s="89">
        <v>13</v>
      </c>
      <c r="M105" s="90">
        <v>14</v>
      </c>
    </row>
    <row r="106" spans="1:13">
      <c r="A106" s="40" t="s">
        <v>109</v>
      </c>
      <c r="B106" s="21">
        <v>-35</v>
      </c>
      <c r="C106" s="22">
        <v>-25</v>
      </c>
      <c r="D106" s="22">
        <v>-10</v>
      </c>
      <c r="E106" s="21">
        <v>38</v>
      </c>
      <c r="F106" s="22">
        <v>23</v>
      </c>
      <c r="G106" s="23">
        <v>15</v>
      </c>
      <c r="H106" s="22">
        <v>35</v>
      </c>
      <c r="I106" s="22">
        <v>12</v>
      </c>
      <c r="J106" s="22">
        <v>23</v>
      </c>
      <c r="K106" s="21">
        <v>32</v>
      </c>
      <c r="L106" s="89">
        <v>14</v>
      </c>
      <c r="M106" s="90">
        <v>18</v>
      </c>
    </row>
    <row r="107" spans="1:13" ht="19.5" customHeight="1">
      <c r="A107" s="34" t="s">
        <v>110</v>
      </c>
      <c r="B107" s="17">
        <v>-326</v>
      </c>
      <c r="C107" s="18">
        <v>-230</v>
      </c>
      <c r="D107" s="18">
        <v>-96</v>
      </c>
      <c r="E107" s="17">
        <v>323</v>
      </c>
      <c r="F107" s="18">
        <v>210</v>
      </c>
      <c r="G107" s="19">
        <v>113</v>
      </c>
      <c r="H107" s="18">
        <v>169</v>
      </c>
      <c r="I107" s="18">
        <v>66</v>
      </c>
      <c r="J107" s="18">
        <v>103</v>
      </c>
      <c r="K107" s="17">
        <v>172</v>
      </c>
      <c r="L107" s="51">
        <v>86</v>
      </c>
      <c r="M107" s="52">
        <v>86</v>
      </c>
    </row>
    <row r="108" spans="1:13">
      <c r="A108" s="40" t="s">
        <v>111</v>
      </c>
      <c r="B108" s="21">
        <v>-78</v>
      </c>
      <c r="C108" s="22">
        <v>-49</v>
      </c>
      <c r="D108" s="22">
        <v>-29</v>
      </c>
      <c r="E108" s="21">
        <v>67</v>
      </c>
      <c r="F108" s="22">
        <v>43</v>
      </c>
      <c r="G108" s="23">
        <v>24</v>
      </c>
      <c r="H108" s="22">
        <v>34</v>
      </c>
      <c r="I108" s="22">
        <v>13</v>
      </c>
      <c r="J108" s="22">
        <v>21</v>
      </c>
      <c r="K108" s="21">
        <v>45</v>
      </c>
      <c r="L108" s="89">
        <v>19</v>
      </c>
      <c r="M108" s="90">
        <v>26</v>
      </c>
    </row>
    <row r="109" spans="1:13">
      <c r="A109" s="40" t="s">
        <v>112</v>
      </c>
      <c r="B109" s="21">
        <v>-59</v>
      </c>
      <c r="C109" s="22">
        <v>-42</v>
      </c>
      <c r="D109" s="22">
        <v>-17</v>
      </c>
      <c r="E109" s="21">
        <v>59</v>
      </c>
      <c r="F109" s="22">
        <v>38</v>
      </c>
      <c r="G109" s="23">
        <v>21</v>
      </c>
      <c r="H109" s="22">
        <v>34</v>
      </c>
      <c r="I109" s="22">
        <v>16</v>
      </c>
      <c r="J109" s="22">
        <v>18</v>
      </c>
      <c r="K109" s="21">
        <v>34</v>
      </c>
      <c r="L109" s="89">
        <v>20</v>
      </c>
      <c r="M109" s="90">
        <v>14</v>
      </c>
    </row>
    <row r="110" spans="1:13">
      <c r="A110" s="40" t="s">
        <v>113</v>
      </c>
      <c r="B110" s="21">
        <v>-61</v>
      </c>
      <c r="C110" s="22">
        <v>-43</v>
      </c>
      <c r="D110" s="22">
        <v>-18</v>
      </c>
      <c r="E110" s="21">
        <v>59</v>
      </c>
      <c r="F110" s="22">
        <v>39</v>
      </c>
      <c r="G110" s="23">
        <v>20</v>
      </c>
      <c r="H110" s="22">
        <v>29</v>
      </c>
      <c r="I110" s="22">
        <v>11</v>
      </c>
      <c r="J110" s="22">
        <v>18</v>
      </c>
      <c r="K110" s="21">
        <v>31</v>
      </c>
      <c r="L110" s="89">
        <v>15</v>
      </c>
      <c r="M110" s="90">
        <v>16</v>
      </c>
    </row>
    <row r="111" spans="1:13">
      <c r="A111" s="40" t="s">
        <v>114</v>
      </c>
      <c r="B111" s="21">
        <v>-72</v>
      </c>
      <c r="C111" s="22">
        <v>-45</v>
      </c>
      <c r="D111" s="22">
        <v>-27</v>
      </c>
      <c r="E111" s="21">
        <v>72</v>
      </c>
      <c r="F111" s="22">
        <v>41</v>
      </c>
      <c r="G111" s="23">
        <v>31</v>
      </c>
      <c r="H111" s="22">
        <v>30</v>
      </c>
      <c r="I111" s="22">
        <v>12</v>
      </c>
      <c r="J111" s="22">
        <v>18</v>
      </c>
      <c r="K111" s="21">
        <v>30</v>
      </c>
      <c r="L111" s="89">
        <v>16</v>
      </c>
      <c r="M111" s="90">
        <v>14</v>
      </c>
    </row>
    <row r="112" spans="1:13">
      <c r="A112" s="40" t="s">
        <v>115</v>
      </c>
      <c r="B112" s="21">
        <v>-56</v>
      </c>
      <c r="C112" s="22">
        <v>-51</v>
      </c>
      <c r="D112" s="22">
        <v>-5</v>
      </c>
      <c r="E112" s="21">
        <v>66</v>
      </c>
      <c r="F112" s="22">
        <v>49</v>
      </c>
      <c r="G112" s="23">
        <v>17</v>
      </c>
      <c r="H112" s="22">
        <v>42</v>
      </c>
      <c r="I112" s="22">
        <v>14</v>
      </c>
      <c r="J112" s="22">
        <v>28</v>
      </c>
      <c r="K112" s="21">
        <v>32</v>
      </c>
      <c r="L112" s="89">
        <v>16</v>
      </c>
      <c r="M112" s="90">
        <v>16</v>
      </c>
    </row>
    <row r="113" spans="1:13" ht="19.5" customHeight="1">
      <c r="A113" s="34" t="s">
        <v>116</v>
      </c>
      <c r="B113" s="17">
        <v>-384</v>
      </c>
      <c r="C113" s="18">
        <v>-220</v>
      </c>
      <c r="D113" s="18">
        <v>-164</v>
      </c>
      <c r="E113" s="17">
        <v>402</v>
      </c>
      <c r="F113" s="18">
        <v>228</v>
      </c>
      <c r="G113" s="19">
        <v>174</v>
      </c>
      <c r="H113" s="18">
        <v>158</v>
      </c>
      <c r="I113" s="18">
        <v>63</v>
      </c>
      <c r="J113" s="18">
        <v>95</v>
      </c>
      <c r="K113" s="17">
        <v>140</v>
      </c>
      <c r="L113" s="51">
        <v>55</v>
      </c>
      <c r="M113" s="52">
        <v>85</v>
      </c>
    </row>
    <row r="114" spans="1:13">
      <c r="A114" s="40" t="s">
        <v>117</v>
      </c>
      <c r="B114" s="21">
        <v>-52</v>
      </c>
      <c r="C114" s="22">
        <v>-37</v>
      </c>
      <c r="D114" s="22">
        <v>-15</v>
      </c>
      <c r="E114" s="21">
        <v>57</v>
      </c>
      <c r="F114" s="22">
        <v>38</v>
      </c>
      <c r="G114" s="23">
        <v>19</v>
      </c>
      <c r="H114" s="22">
        <v>33</v>
      </c>
      <c r="I114" s="22">
        <v>13</v>
      </c>
      <c r="J114" s="22">
        <v>20</v>
      </c>
      <c r="K114" s="21">
        <v>28</v>
      </c>
      <c r="L114" s="89">
        <v>12</v>
      </c>
      <c r="M114" s="90">
        <v>16</v>
      </c>
    </row>
    <row r="115" spans="1:13">
      <c r="A115" s="40" t="s">
        <v>118</v>
      </c>
      <c r="B115" s="21">
        <v>-78</v>
      </c>
      <c r="C115" s="22">
        <v>-50</v>
      </c>
      <c r="D115" s="22">
        <v>-28</v>
      </c>
      <c r="E115" s="21">
        <v>71</v>
      </c>
      <c r="F115" s="22">
        <v>48</v>
      </c>
      <c r="G115" s="23">
        <v>23</v>
      </c>
      <c r="H115" s="22">
        <v>20</v>
      </c>
      <c r="I115" s="22">
        <v>7</v>
      </c>
      <c r="J115" s="22">
        <v>13</v>
      </c>
      <c r="K115" s="21">
        <v>27</v>
      </c>
      <c r="L115" s="89">
        <v>9</v>
      </c>
      <c r="M115" s="90">
        <v>18</v>
      </c>
    </row>
    <row r="116" spans="1:13">
      <c r="A116" s="40" t="s">
        <v>119</v>
      </c>
      <c r="B116" s="21">
        <v>-92</v>
      </c>
      <c r="C116" s="22">
        <v>-46</v>
      </c>
      <c r="D116" s="22">
        <v>-46</v>
      </c>
      <c r="E116" s="21">
        <v>88</v>
      </c>
      <c r="F116" s="22">
        <v>46</v>
      </c>
      <c r="G116" s="23">
        <v>42</v>
      </c>
      <c r="H116" s="22">
        <v>27</v>
      </c>
      <c r="I116" s="22">
        <v>11</v>
      </c>
      <c r="J116" s="22">
        <v>16</v>
      </c>
      <c r="K116" s="21">
        <v>31</v>
      </c>
      <c r="L116" s="89">
        <v>11</v>
      </c>
      <c r="M116" s="90">
        <v>20</v>
      </c>
    </row>
    <row r="117" spans="1:13">
      <c r="A117" s="40" t="s">
        <v>120</v>
      </c>
      <c r="B117" s="21">
        <v>-78</v>
      </c>
      <c r="C117" s="22">
        <v>-48</v>
      </c>
      <c r="D117" s="22">
        <v>-30</v>
      </c>
      <c r="E117" s="21">
        <v>91</v>
      </c>
      <c r="F117" s="22">
        <v>50</v>
      </c>
      <c r="G117" s="23">
        <v>41</v>
      </c>
      <c r="H117" s="22">
        <v>41</v>
      </c>
      <c r="I117" s="22">
        <v>15</v>
      </c>
      <c r="J117" s="22">
        <v>26</v>
      </c>
      <c r="K117" s="21">
        <v>28</v>
      </c>
      <c r="L117" s="89">
        <v>13</v>
      </c>
      <c r="M117" s="90">
        <v>15</v>
      </c>
    </row>
    <row r="118" spans="1:13">
      <c r="A118" s="40" t="s">
        <v>121</v>
      </c>
      <c r="B118" s="21">
        <v>-84</v>
      </c>
      <c r="C118" s="22">
        <v>-39</v>
      </c>
      <c r="D118" s="22">
        <v>-45</v>
      </c>
      <c r="E118" s="21">
        <v>95</v>
      </c>
      <c r="F118" s="22">
        <v>46</v>
      </c>
      <c r="G118" s="23">
        <v>49</v>
      </c>
      <c r="H118" s="22">
        <v>37</v>
      </c>
      <c r="I118" s="22">
        <v>17</v>
      </c>
      <c r="J118" s="22">
        <v>20</v>
      </c>
      <c r="K118" s="21">
        <v>26</v>
      </c>
      <c r="L118" s="89">
        <v>10</v>
      </c>
      <c r="M118" s="90">
        <v>16</v>
      </c>
    </row>
    <row r="119" spans="1:13" ht="19.5" customHeight="1">
      <c r="A119" s="34" t="s">
        <v>122</v>
      </c>
      <c r="B119" s="17">
        <v>-445</v>
      </c>
      <c r="C119" s="18">
        <v>-221</v>
      </c>
      <c r="D119" s="18">
        <v>-224</v>
      </c>
      <c r="E119" s="17">
        <v>472</v>
      </c>
      <c r="F119" s="18">
        <v>239</v>
      </c>
      <c r="G119" s="19">
        <v>233</v>
      </c>
      <c r="H119" s="18">
        <v>145</v>
      </c>
      <c r="I119" s="18">
        <v>49</v>
      </c>
      <c r="J119" s="18">
        <v>96</v>
      </c>
      <c r="K119" s="17">
        <v>118</v>
      </c>
      <c r="L119" s="51">
        <v>31</v>
      </c>
      <c r="M119" s="52">
        <v>87</v>
      </c>
    </row>
    <row r="120" spans="1:13">
      <c r="A120" s="40" t="s">
        <v>123</v>
      </c>
      <c r="B120" s="21">
        <v>-87</v>
      </c>
      <c r="C120" s="22">
        <v>-43</v>
      </c>
      <c r="D120" s="22">
        <v>-44</v>
      </c>
      <c r="E120" s="21">
        <v>96</v>
      </c>
      <c r="F120" s="22">
        <v>48</v>
      </c>
      <c r="G120" s="23">
        <v>48</v>
      </c>
      <c r="H120" s="22">
        <v>34</v>
      </c>
      <c r="I120" s="22">
        <v>12</v>
      </c>
      <c r="J120" s="22">
        <v>22</v>
      </c>
      <c r="K120" s="21">
        <v>25</v>
      </c>
      <c r="L120" s="89">
        <v>7</v>
      </c>
      <c r="M120" s="90">
        <v>18</v>
      </c>
    </row>
    <row r="121" spans="1:13">
      <c r="A121" s="40" t="s">
        <v>124</v>
      </c>
      <c r="B121" s="21">
        <v>-112</v>
      </c>
      <c r="C121" s="22">
        <v>-60</v>
      </c>
      <c r="D121" s="22">
        <v>-52</v>
      </c>
      <c r="E121" s="21">
        <v>107</v>
      </c>
      <c r="F121" s="22">
        <v>55</v>
      </c>
      <c r="G121" s="23">
        <v>52</v>
      </c>
      <c r="H121" s="22">
        <v>21</v>
      </c>
      <c r="I121" s="22">
        <v>4</v>
      </c>
      <c r="J121" s="22">
        <v>17</v>
      </c>
      <c r="K121" s="21">
        <v>26</v>
      </c>
      <c r="L121" s="89">
        <v>9</v>
      </c>
      <c r="M121" s="90">
        <v>17</v>
      </c>
    </row>
    <row r="122" spans="1:13">
      <c r="A122" s="40" t="s">
        <v>125</v>
      </c>
      <c r="B122" s="21">
        <v>-83</v>
      </c>
      <c r="C122" s="22">
        <v>-35</v>
      </c>
      <c r="D122" s="22">
        <v>-48</v>
      </c>
      <c r="E122" s="21">
        <v>92</v>
      </c>
      <c r="F122" s="22">
        <v>46</v>
      </c>
      <c r="G122" s="23">
        <v>46</v>
      </c>
      <c r="H122" s="22">
        <v>30</v>
      </c>
      <c r="I122" s="22">
        <v>13</v>
      </c>
      <c r="J122" s="22">
        <v>17</v>
      </c>
      <c r="K122" s="21">
        <v>21</v>
      </c>
      <c r="L122" s="89">
        <v>2</v>
      </c>
      <c r="M122" s="90">
        <v>19</v>
      </c>
    </row>
    <row r="123" spans="1:13">
      <c r="A123" s="40" t="s">
        <v>126</v>
      </c>
      <c r="B123" s="21">
        <v>-93</v>
      </c>
      <c r="C123" s="22">
        <v>-48</v>
      </c>
      <c r="D123" s="22">
        <v>-45</v>
      </c>
      <c r="E123" s="21">
        <v>96</v>
      </c>
      <c r="F123" s="22">
        <v>51</v>
      </c>
      <c r="G123" s="23">
        <v>45</v>
      </c>
      <c r="H123" s="22">
        <v>25</v>
      </c>
      <c r="I123" s="22">
        <v>8</v>
      </c>
      <c r="J123" s="22">
        <v>17</v>
      </c>
      <c r="K123" s="21">
        <v>22</v>
      </c>
      <c r="L123" s="89">
        <v>5</v>
      </c>
      <c r="M123" s="90">
        <v>17</v>
      </c>
    </row>
    <row r="124" spans="1:13">
      <c r="A124" s="40" t="s">
        <v>127</v>
      </c>
      <c r="B124" s="21">
        <v>-70</v>
      </c>
      <c r="C124" s="22">
        <v>-35</v>
      </c>
      <c r="D124" s="22">
        <v>-35</v>
      </c>
      <c r="E124" s="21">
        <v>81</v>
      </c>
      <c r="F124" s="22">
        <v>39</v>
      </c>
      <c r="G124" s="23">
        <v>42</v>
      </c>
      <c r="H124" s="22">
        <v>35</v>
      </c>
      <c r="I124" s="22">
        <v>12</v>
      </c>
      <c r="J124" s="22">
        <v>23</v>
      </c>
      <c r="K124" s="21">
        <v>24</v>
      </c>
      <c r="L124" s="89">
        <v>8</v>
      </c>
      <c r="M124" s="90">
        <v>16</v>
      </c>
    </row>
    <row r="125" spans="1:13" ht="19.5" customHeight="1">
      <c r="A125" s="34" t="s">
        <v>128</v>
      </c>
      <c r="B125" s="17">
        <v>-349</v>
      </c>
      <c r="C125" s="18">
        <v>-126</v>
      </c>
      <c r="D125" s="18">
        <v>-223</v>
      </c>
      <c r="E125" s="17">
        <v>369</v>
      </c>
      <c r="F125" s="18">
        <v>136</v>
      </c>
      <c r="G125" s="19">
        <v>233</v>
      </c>
      <c r="H125" s="18">
        <v>67</v>
      </c>
      <c r="I125" s="18">
        <v>19</v>
      </c>
      <c r="J125" s="18">
        <v>48</v>
      </c>
      <c r="K125" s="17">
        <v>47</v>
      </c>
      <c r="L125" s="51">
        <v>9</v>
      </c>
      <c r="M125" s="52">
        <v>38</v>
      </c>
    </row>
    <row r="126" spans="1:13">
      <c r="A126" s="40" t="s">
        <v>129</v>
      </c>
      <c r="B126" s="21">
        <v>-91</v>
      </c>
      <c r="C126" s="22">
        <v>-35</v>
      </c>
      <c r="D126" s="22">
        <v>-56</v>
      </c>
      <c r="E126" s="21">
        <v>98</v>
      </c>
      <c r="F126" s="22">
        <v>36</v>
      </c>
      <c r="G126" s="23">
        <v>62</v>
      </c>
      <c r="H126" s="22">
        <v>19</v>
      </c>
      <c r="I126" s="22">
        <v>4</v>
      </c>
      <c r="J126" s="22">
        <v>15</v>
      </c>
      <c r="K126" s="21">
        <v>12</v>
      </c>
      <c r="L126" s="89">
        <v>3</v>
      </c>
      <c r="M126" s="90">
        <v>9</v>
      </c>
    </row>
    <row r="127" spans="1:13">
      <c r="A127" s="40" t="s">
        <v>130</v>
      </c>
      <c r="B127" s="21">
        <v>-71</v>
      </c>
      <c r="C127" s="22">
        <v>-20</v>
      </c>
      <c r="D127" s="22">
        <v>-51</v>
      </c>
      <c r="E127" s="21">
        <v>84</v>
      </c>
      <c r="F127" s="22">
        <v>27</v>
      </c>
      <c r="G127" s="23">
        <v>57</v>
      </c>
      <c r="H127" s="22">
        <v>26</v>
      </c>
      <c r="I127" s="22">
        <v>9</v>
      </c>
      <c r="J127" s="22">
        <v>17</v>
      </c>
      <c r="K127" s="21">
        <v>13</v>
      </c>
      <c r="L127" s="89">
        <v>2</v>
      </c>
      <c r="M127" s="90">
        <v>11</v>
      </c>
    </row>
    <row r="128" spans="1:13">
      <c r="A128" s="40" t="s">
        <v>131</v>
      </c>
      <c r="B128" s="21">
        <v>-73</v>
      </c>
      <c r="C128" s="22">
        <v>-27</v>
      </c>
      <c r="D128" s="22">
        <v>-46</v>
      </c>
      <c r="E128" s="21">
        <v>73</v>
      </c>
      <c r="F128" s="22">
        <v>31</v>
      </c>
      <c r="G128" s="23">
        <v>42</v>
      </c>
      <c r="H128" s="22">
        <v>8</v>
      </c>
      <c r="I128" s="22">
        <v>4</v>
      </c>
      <c r="J128" s="22">
        <v>4</v>
      </c>
      <c r="K128" s="21">
        <v>8</v>
      </c>
      <c r="L128" s="89">
        <v>0</v>
      </c>
      <c r="M128" s="90">
        <v>8</v>
      </c>
    </row>
    <row r="129" spans="1:13">
      <c r="A129" s="40" t="s">
        <v>132</v>
      </c>
      <c r="B129" s="21">
        <v>-64</v>
      </c>
      <c r="C129" s="22">
        <v>-22</v>
      </c>
      <c r="D129" s="22">
        <v>-42</v>
      </c>
      <c r="E129" s="21">
        <v>57</v>
      </c>
      <c r="F129" s="22">
        <v>20</v>
      </c>
      <c r="G129" s="23">
        <v>37</v>
      </c>
      <c r="H129" s="22">
        <v>3</v>
      </c>
      <c r="I129" s="22">
        <v>1</v>
      </c>
      <c r="J129" s="22">
        <v>2</v>
      </c>
      <c r="K129" s="21">
        <v>10</v>
      </c>
      <c r="L129" s="89">
        <v>3</v>
      </c>
      <c r="M129" s="90">
        <v>7</v>
      </c>
    </row>
    <row r="130" spans="1:13">
      <c r="A130" s="40" t="s">
        <v>133</v>
      </c>
      <c r="B130" s="21">
        <v>-50</v>
      </c>
      <c r="C130" s="22">
        <v>-22</v>
      </c>
      <c r="D130" s="22">
        <v>-28</v>
      </c>
      <c r="E130" s="21">
        <v>57</v>
      </c>
      <c r="F130" s="22">
        <v>22</v>
      </c>
      <c r="G130" s="23">
        <v>35</v>
      </c>
      <c r="H130" s="22">
        <v>11</v>
      </c>
      <c r="I130" s="22">
        <v>1</v>
      </c>
      <c r="J130" s="22">
        <v>10</v>
      </c>
      <c r="K130" s="21">
        <v>4</v>
      </c>
      <c r="L130" s="89">
        <v>1</v>
      </c>
      <c r="M130" s="90">
        <v>3</v>
      </c>
    </row>
    <row r="131" spans="1:13" ht="19.5" customHeight="1">
      <c r="A131" s="34" t="s">
        <v>134</v>
      </c>
      <c r="B131" s="17">
        <v>-169</v>
      </c>
      <c r="C131" s="18">
        <v>-38</v>
      </c>
      <c r="D131" s="18">
        <v>-131</v>
      </c>
      <c r="E131" s="17">
        <v>186</v>
      </c>
      <c r="F131" s="18">
        <v>45</v>
      </c>
      <c r="G131" s="19">
        <v>141</v>
      </c>
      <c r="H131" s="18">
        <v>34</v>
      </c>
      <c r="I131" s="18">
        <v>9</v>
      </c>
      <c r="J131" s="18">
        <v>25</v>
      </c>
      <c r="K131" s="17">
        <v>17</v>
      </c>
      <c r="L131" s="51">
        <v>2</v>
      </c>
      <c r="M131" s="52">
        <v>15</v>
      </c>
    </row>
    <row r="132" spans="1:13">
      <c r="A132" s="40" t="s">
        <v>135</v>
      </c>
      <c r="B132" s="21">
        <v>-50</v>
      </c>
      <c r="C132" s="22">
        <v>-17</v>
      </c>
      <c r="D132" s="22">
        <v>-33</v>
      </c>
      <c r="E132" s="21">
        <v>57</v>
      </c>
      <c r="F132" s="22">
        <v>19</v>
      </c>
      <c r="G132" s="23">
        <v>38</v>
      </c>
      <c r="H132" s="22">
        <v>13</v>
      </c>
      <c r="I132" s="22">
        <v>3</v>
      </c>
      <c r="J132" s="22">
        <v>10</v>
      </c>
      <c r="K132" s="21">
        <v>6</v>
      </c>
      <c r="L132" s="89">
        <v>1</v>
      </c>
      <c r="M132" s="90">
        <v>5</v>
      </c>
    </row>
    <row r="133" spans="1:13">
      <c r="A133" s="40" t="s">
        <v>136</v>
      </c>
      <c r="B133" s="21">
        <v>-36</v>
      </c>
      <c r="C133" s="22">
        <v>-3</v>
      </c>
      <c r="D133" s="22">
        <v>-33</v>
      </c>
      <c r="E133" s="21">
        <v>43</v>
      </c>
      <c r="F133" s="22">
        <v>8</v>
      </c>
      <c r="G133" s="23">
        <v>35</v>
      </c>
      <c r="H133" s="22">
        <v>12</v>
      </c>
      <c r="I133" s="22">
        <v>6</v>
      </c>
      <c r="J133" s="22">
        <v>6</v>
      </c>
      <c r="K133" s="21">
        <v>5</v>
      </c>
      <c r="L133" s="89">
        <v>1</v>
      </c>
      <c r="M133" s="90">
        <v>4</v>
      </c>
    </row>
    <row r="134" spans="1:13">
      <c r="A134" s="40" t="s">
        <v>137</v>
      </c>
      <c r="B134" s="21">
        <v>-35</v>
      </c>
      <c r="C134" s="22">
        <v>-6</v>
      </c>
      <c r="D134" s="22">
        <v>-29</v>
      </c>
      <c r="E134" s="21">
        <v>36</v>
      </c>
      <c r="F134" s="22">
        <v>6</v>
      </c>
      <c r="G134" s="23">
        <v>30</v>
      </c>
      <c r="H134" s="22">
        <v>3</v>
      </c>
      <c r="I134" s="22">
        <v>0</v>
      </c>
      <c r="J134" s="22">
        <v>3</v>
      </c>
      <c r="K134" s="21">
        <v>2</v>
      </c>
      <c r="L134" s="89">
        <v>0</v>
      </c>
      <c r="M134" s="90">
        <v>2</v>
      </c>
    </row>
    <row r="135" spans="1:13">
      <c r="A135" s="40" t="s">
        <v>138</v>
      </c>
      <c r="B135" s="21">
        <v>-22</v>
      </c>
      <c r="C135" s="22">
        <v>-5</v>
      </c>
      <c r="D135" s="22">
        <v>-17</v>
      </c>
      <c r="E135" s="21">
        <v>23</v>
      </c>
      <c r="F135" s="22">
        <v>5</v>
      </c>
      <c r="G135" s="23">
        <v>18</v>
      </c>
      <c r="H135" s="22">
        <v>2</v>
      </c>
      <c r="I135" s="22">
        <v>0</v>
      </c>
      <c r="J135" s="22">
        <v>2</v>
      </c>
      <c r="K135" s="21">
        <v>1</v>
      </c>
      <c r="L135" s="89">
        <v>0</v>
      </c>
      <c r="M135" s="90">
        <v>1</v>
      </c>
    </row>
    <row r="136" spans="1:13">
      <c r="A136" s="40" t="s">
        <v>139</v>
      </c>
      <c r="B136" s="21">
        <v>-26</v>
      </c>
      <c r="C136" s="22">
        <v>-7</v>
      </c>
      <c r="D136" s="22">
        <v>-19</v>
      </c>
      <c r="E136" s="21">
        <v>27</v>
      </c>
      <c r="F136" s="22">
        <v>7</v>
      </c>
      <c r="G136" s="23">
        <v>20</v>
      </c>
      <c r="H136" s="22">
        <v>4</v>
      </c>
      <c r="I136" s="22">
        <v>0</v>
      </c>
      <c r="J136" s="22">
        <v>4</v>
      </c>
      <c r="K136" s="21">
        <v>3</v>
      </c>
      <c r="L136" s="89">
        <v>0</v>
      </c>
      <c r="M136" s="90">
        <v>3</v>
      </c>
    </row>
    <row r="137" spans="1:13" ht="19.5" customHeight="1">
      <c r="A137" s="41" t="s">
        <v>140</v>
      </c>
      <c r="B137" s="42">
        <v>-47</v>
      </c>
      <c r="C137" s="43">
        <v>-6</v>
      </c>
      <c r="D137" s="43">
        <v>-41</v>
      </c>
      <c r="E137" s="42">
        <v>51</v>
      </c>
      <c r="F137" s="43">
        <v>9</v>
      </c>
      <c r="G137" s="44">
        <v>42</v>
      </c>
      <c r="H137" s="43">
        <v>6</v>
      </c>
      <c r="I137" s="43">
        <v>3</v>
      </c>
      <c r="J137" s="43">
        <v>3</v>
      </c>
      <c r="K137" s="42">
        <v>2</v>
      </c>
      <c r="L137" s="67">
        <v>0</v>
      </c>
      <c r="M137" s="68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0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4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712</v>
      </c>
      <c r="C5" s="14">
        <v>875</v>
      </c>
      <c r="D5" s="14">
        <v>837</v>
      </c>
      <c r="E5" s="13">
        <v>2120</v>
      </c>
      <c r="F5" s="14">
        <v>1112</v>
      </c>
      <c r="G5" s="15">
        <v>1008</v>
      </c>
      <c r="H5" s="14">
        <v>18730</v>
      </c>
      <c r="I5" s="14">
        <v>10063</v>
      </c>
      <c r="J5" s="14">
        <v>8667</v>
      </c>
      <c r="K5" s="13">
        <v>16719</v>
      </c>
      <c r="L5" s="49">
        <v>8971</v>
      </c>
      <c r="M5" s="50">
        <v>7748</v>
      </c>
    </row>
    <row r="6" spans="1:13" ht="19.5" customHeight="1">
      <c r="A6" s="16" t="s">
        <v>13</v>
      </c>
      <c r="B6" s="17">
        <v>1668</v>
      </c>
      <c r="C6" s="18">
        <v>837</v>
      </c>
      <c r="D6" s="18">
        <v>831</v>
      </c>
      <c r="E6" s="17">
        <v>6</v>
      </c>
      <c r="F6" s="18">
        <v>4</v>
      </c>
      <c r="G6" s="19">
        <v>2</v>
      </c>
      <c r="H6" s="18">
        <v>727</v>
      </c>
      <c r="I6" s="18">
        <v>370</v>
      </c>
      <c r="J6" s="18">
        <v>357</v>
      </c>
      <c r="K6" s="17">
        <v>874</v>
      </c>
      <c r="L6" s="51">
        <v>424</v>
      </c>
      <c r="M6" s="52">
        <v>450</v>
      </c>
    </row>
    <row r="7" spans="1:13">
      <c r="A7" s="20" t="s">
        <v>14</v>
      </c>
      <c r="B7" s="21">
        <v>1806</v>
      </c>
      <c r="C7" s="22">
        <v>892</v>
      </c>
      <c r="D7" s="22">
        <v>914</v>
      </c>
      <c r="E7" s="21">
        <v>5</v>
      </c>
      <c r="F7" s="22">
        <v>3</v>
      </c>
      <c r="G7" s="23">
        <v>2</v>
      </c>
      <c r="H7" s="22">
        <v>115</v>
      </c>
      <c r="I7" s="22">
        <v>59</v>
      </c>
      <c r="J7" s="22">
        <v>56</v>
      </c>
      <c r="K7" s="21">
        <v>125</v>
      </c>
      <c r="L7" s="53">
        <v>59</v>
      </c>
      <c r="M7" s="54">
        <v>66</v>
      </c>
    </row>
    <row r="8" spans="1:13">
      <c r="A8" s="20" t="s">
        <v>15</v>
      </c>
      <c r="B8" s="21">
        <v>-18</v>
      </c>
      <c r="C8" s="22">
        <v>-12</v>
      </c>
      <c r="D8" s="22">
        <v>-6</v>
      </c>
      <c r="E8" s="21">
        <v>1</v>
      </c>
      <c r="F8" s="22">
        <v>1</v>
      </c>
      <c r="G8" s="23">
        <v>0</v>
      </c>
      <c r="H8" s="22">
        <v>224</v>
      </c>
      <c r="I8" s="22">
        <v>116</v>
      </c>
      <c r="J8" s="22">
        <v>108</v>
      </c>
      <c r="K8" s="21">
        <v>241</v>
      </c>
      <c r="L8" s="53">
        <v>127</v>
      </c>
      <c r="M8" s="54">
        <v>114</v>
      </c>
    </row>
    <row r="9" spans="1:13">
      <c r="A9" s="20" t="s">
        <v>16</v>
      </c>
      <c r="B9" s="21">
        <v>-55</v>
      </c>
      <c r="C9" s="22">
        <v>-8</v>
      </c>
      <c r="D9" s="22">
        <v>-47</v>
      </c>
      <c r="E9" s="21">
        <v>0</v>
      </c>
      <c r="F9" s="22">
        <v>0</v>
      </c>
      <c r="G9" s="23">
        <v>0</v>
      </c>
      <c r="H9" s="22">
        <v>138</v>
      </c>
      <c r="I9" s="22">
        <v>72</v>
      </c>
      <c r="J9" s="22">
        <v>66</v>
      </c>
      <c r="K9" s="21">
        <v>193</v>
      </c>
      <c r="L9" s="53">
        <v>80</v>
      </c>
      <c r="M9" s="54">
        <v>113</v>
      </c>
    </row>
    <row r="10" spans="1:13">
      <c r="A10" s="20" t="s">
        <v>17</v>
      </c>
      <c r="B10" s="21">
        <v>-48</v>
      </c>
      <c r="C10" s="22">
        <v>-20</v>
      </c>
      <c r="D10" s="22">
        <v>-28</v>
      </c>
      <c r="E10" s="21">
        <v>0</v>
      </c>
      <c r="F10" s="22">
        <v>0</v>
      </c>
      <c r="G10" s="23">
        <v>0</v>
      </c>
      <c r="H10" s="22">
        <v>134</v>
      </c>
      <c r="I10" s="22">
        <v>67</v>
      </c>
      <c r="J10" s="22">
        <v>67</v>
      </c>
      <c r="K10" s="21">
        <v>182</v>
      </c>
      <c r="L10" s="53">
        <v>87</v>
      </c>
      <c r="M10" s="54">
        <v>95</v>
      </c>
    </row>
    <row r="11" spans="1:13">
      <c r="A11" s="20" t="s">
        <v>18</v>
      </c>
      <c r="B11" s="21">
        <v>-17</v>
      </c>
      <c r="C11" s="22">
        <v>-15</v>
      </c>
      <c r="D11" s="22">
        <v>-2</v>
      </c>
      <c r="E11" s="21">
        <v>0</v>
      </c>
      <c r="F11" s="22">
        <v>0</v>
      </c>
      <c r="G11" s="23">
        <v>0</v>
      </c>
      <c r="H11" s="22">
        <v>116</v>
      </c>
      <c r="I11" s="22">
        <v>56</v>
      </c>
      <c r="J11" s="22">
        <v>60</v>
      </c>
      <c r="K11" s="21">
        <v>133</v>
      </c>
      <c r="L11" s="53">
        <v>71</v>
      </c>
      <c r="M11" s="54">
        <v>62</v>
      </c>
    </row>
    <row r="12" spans="1:13" ht="20.100000000000001" customHeight="1">
      <c r="A12" s="16" t="s">
        <v>19</v>
      </c>
      <c r="B12" s="17">
        <v>-20</v>
      </c>
      <c r="C12" s="18">
        <v>-14</v>
      </c>
      <c r="D12" s="18">
        <v>-6</v>
      </c>
      <c r="E12" s="17">
        <v>0</v>
      </c>
      <c r="F12" s="18">
        <v>0</v>
      </c>
      <c r="G12" s="19">
        <v>0</v>
      </c>
      <c r="H12" s="18">
        <v>370</v>
      </c>
      <c r="I12" s="18">
        <v>175</v>
      </c>
      <c r="J12" s="18">
        <v>195</v>
      </c>
      <c r="K12" s="17">
        <v>390</v>
      </c>
      <c r="L12" s="51">
        <v>189</v>
      </c>
      <c r="M12" s="52">
        <v>201</v>
      </c>
    </row>
    <row r="13" spans="1:13">
      <c r="A13" s="20" t="s">
        <v>20</v>
      </c>
      <c r="B13" s="21">
        <v>-27</v>
      </c>
      <c r="C13" s="22">
        <v>-15</v>
      </c>
      <c r="D13" s="22">
        <v>-12</v>
      </c>
      <c r="E13" s="21">
        <v>0</v>
      </c>
      <c r="F13" s="22">
        <v>0</v>
      </c>
      <c r="G13" s="23">
        <v>0</v>
      </c>
      <c r="H13" s="22">
        <v>78</v>
      </c>
      <c r="I13" s="22">
        <v>39</v>
      </c>
      <c r="J13" s="22">
        <v>39</v>
      </c>
      <c r="K13" s="21">
        <v>105</v>
      </c>
      <c r="L13" s="53">
        <v>54</v>
      </c>
      <c r="M13" s="54">
        <v>51</v>
      </c>
    </row>
    <row r="14" spans="1:13">
      <c r="A14" s="20" t="s">
        <v>21</v>
      </c>
      <c r="B14" s="21">
        <v>-10</v>
      </c>
      <c r="C14" s="22">
        <v>-4</v>
      </c>
      <c r="D14" s="22">
        <v>-6</v>
      </c>
      <c r="E14" s="21">
        <v>0</v>
      </c>
      <c r="F14" s="22">
        <v>0</v>
      </c>
      <c r="G14" s="23">
        <v>0</v>
      </c>
      <c r="H14" s="22">
        <v>90</v>
      </c>
      <c r="I14" s="22">
        <v>46</v>
      </c>
      <c r="J14" s="22">
        <v>44</v>
      </c>
      <c r="K14" s="21">
        <v>100</v>
      </c>
      <c r="L14" s="53">
        <v>50</v>
      </c>
      <c r="M14" s="54">
        <v>50</v>
      </c>
    </row>
    <row r="15" spans="1:13">
      <c r="A15" s="20" t="s">
        <v>22</v>
      </c>
      <c r="B15" s="21">
        <v>-4</v>
      </c>
      <c r="C15" s="22">
        <v>1</v>
      </c>
      <c r="D15" s="22">
        <v>-5</v>
      </c>
      <c r="E15" s="21">
        <v>0</v>
      </c>
      <c r="F15" s="22">
        <v>0</v>
      </c>
      <c r="G15" s="23">
        <v>0</v>
      </c>
      <c r="H15" s="22">
        <v>80</v>
      </c>
      <c r="I15" s="22">
        <v>39</v>
      </c>
      <c r="J15" s="22">
        <v>41</v>
      </c>
      <c r="K15" s="21">
        <v>84</v>
      </c>
      <c r="L15" s="53">
        <v>38</v>
      </c>
      <c r="M15" s="54">
        <v>46</v>
      </c>
    </row>
    <row r="16" spans="1:13">
      <c r="A16" s="20" t="s">
        <v>23</v>
      </c>
      <c r="B16" s="21">
        <v>11</v>
      </c>
      <c r="C16" s="22">
        <v>-1</v>
      </c>
      <c r="D16" s="22">
        <v>12</v>
      </c>
      <c r="E16" s="21">
        <v>0</v>
      </c>
      <c r="F16" s="22">
        <v>0</v>
      </c>
      <c r="G16" s="23">
        <v>0</v>
      </c>
      <c r="H16" s="22">
        <v>65</v>
      </c>
      <c r="I16" s="22">
        <v>26</v>
      </c>
      <c r="J16" s="22">
        <v>39</v>
      </c>
      <c r="K16" s="21">
        <v>54</v>
      </c>
      <c r="L16" s="53">
        <v>27</v>
      </c>
      <c r="M16" s="54">
        <v>27</v>
      </c>
    </row>
    <row r="17" spans="1:13">
      <c r="A17" s="20" t="s">
        <v>24</v>
      </c>
      <c r="B17" s="21">
        <v>10</v>
      </c>
      <c r="C17" s="22">
        <v>5</v>
      </c>
      <c r="D17" s="22">
        <v>5</v>
      </c>
      <c r="E17" s="21">
        <v>0</v>
      </c>
      <c r="F17" s="22">
        <v>0</v>
      </c>
      <c r="G17" s="23">
        <v>0</v>
      </c>
      <c r="H17" s="22">
        <v>57</v>
      </c>
      <c r="I17" s="22">
        <v>25</v>
      </c>
      <c r="J17" s="22">
        <v>32</v>
      </c>
      <c r="K17" s="21">
        <v>47</v>
      </c>
      <c r="L17" s="53">
        <v>20</v>
      </c>
      <c r="M17" s="54">
        <v>27</v>
      </c>
    </row>
    <row r="18" spans="1:13" ht="20.100000000000001" customHeight="1">
      <c r="A18" s="16" t="s">
        <v>25</v>
      </c>
      <c r="B18" s="17">
        <v>47</v>
      </c>
      <c r="C18" s="18">
        <v>18</v>
      </c>
      <c r="D18" s="18">
        <v>29</v>
      </c>
      <c r="E18" s="17">
        <v>0</v>
      </c>
      <c r="F18" s="18">
        <v>0</v>
      </c>
      <c r="G18" s="19">
        <v>0</v>
      </c>
      <c r="H18" s="18">
        <v>251</v>
      </c>
      <c r="I18" s="18">
        <v>123</v>
      </c>
      <c r="J18" s="18">
        <v>128</v>
      </c>
      <c r="K18" s="17">
        <v>204</v>
      </c>
      <c r="L18" s="51">
        <v>105</v>
      </c>
      <c r="M18" s="52">
        <v>99</v>
      </c>
    </row>
    <row r="19" spans="1:13">
      <c r="A19" s="20" t="s">
        <v>26</v>
      </c>
      <c r="B19" s="21">
        <v>10</v>
      </c>
      <c r="C19" s="22">
        <v>-7</v>
      </c>
      <c r="D19" s="22">
        <v>17</v>
      </c>
      <c r="E19" s="21">
        <v>0</v>
      </c>
      <c r="F19" s="22">
        <v>0</v>
      </c>
      <c r="G19" s="23">
        <v>0</v>
      </c>
      <c r="H19" s="22">
        <v>60</v>
      </c>
      <c r="I19" s="22">
        <v>23</v>
      </c>
      <c r="J19" s="22">
        <v>37</v>
      </c>
      <c r="K19" s="21">
        <v>50</v>
      </c>
      <c r="L19" s="53">
        <v>30</v>
      </c>
      <c r="M19" s="54">
        <v>20</v>
      </c>
    </row>
    <row r="20" spans="1:13">
      <c r="A20" s="20" t="s">
        <v>27</v>
      </c>
      <c r="B20" s="21">
        <v>1</v>
      </c>
      <c r="C20" s="22">
        <v>2</v>
      </c>
      <c r="D20" s="22">
        <v>-1</v>
      </c>
      <c r="E20" s="21">
        <v>0</v>
      </c>
      <c r="F20" s="22">
        <v>0</v>
      </c>
      <c r="G20" s="23">
        <v>0</v>
      </c>
      <c r="H20" s="22">
        <v>33</v>
      </c>
      <c r="I20" s="22">
        <v>15</v>
      </c>
      <c r="J20" s="22">
        <v>18</v>
      </c>
      <c r="K20" s="21">
        <v>32</v>
      </c>
      <c r="L20" s="53">
        <v>13</v>
      </c>
      <c r="M20" s="54">
        <v>19</v>
      </c>
    </row>
    <row r="21" spans="1:13">
      <c r="A21" s="20" t="s">
        <v>28</v>
      </c>
      <c r="B21" s="21">
        <v>7</v>
      </c>
      <c r="C21" s="22">
        <v>5</v>
      </c>
      <c r="D21" s="22">
        <v>2</v>
      </c>
      <c r="E21" s="21">
        <v>0</v>
      </c>
      <c r="F21" s="22">
        <v>0</v>
      </c>
      <c r="G21" s="23">
        <v>0</v>
      </c>
      <c r="H21" s="22">
        <v>45</v>
      </c>
      <c r="I21" s="22">
        <v>27</v>
      </c>
      <c r="J21" s="22">
        <v>18</v>
      </c>
      <c r="K21" s="21">
        <v>38</v>
      </c>
      <c r="L21" s="53">
        <v>22</v>
      </c>
      <c r="M21" s="54">
        <v>16</v>
      </c>
    </row>
    <row r="22" spans="1:13">
      <c r="A22" s="20" t="s">
        <v>29</v>
      </c>
      <c r="B22" s="21">
        <v>26</v>
      </c>
      <c r="C22" s="22">
        <v>17</v>
      </c>
      <c r="D22" s="22">
        <v>9</v>
      </c>
      <c r="E22" s="21">
        <v>0</v>
      </c>
      <c r="F22" s="22">
        <v>0</v>
      </c>
      <c r="G22" s="23">
        <v>0</v>
      </c>
      <c r="H22" s="22">
        <v>75</v>
      </c>
      <c r="I22" s="22">
        <v>41</v>
      </c>
      <c r="J22" s="22">
        <v>34</v>
      </c>
      <c r="K22" s="21">
        <v>49</v>
      </c>
      <c r="L22" s="53">
        <v>24</v>
      </c>
      <c r="M22" s="54">
        <v>25</v>
      </c>
    </row>
    <row r="23" spans="1:13">
      <c r="A23" s="20" t="s">
        <v>30</v>
      </c>
      <c r="B23" s="21">
        <v>3</v>
      </c>
      <c r="C23" s="22">
        <v>1</v>
      </c>
      <c r="D23" s="22">
        <v>2</v>
      </c>
      <c r="E23" s="21">
        <v>0</v>
      </c>
      <c r="F23" s="22">
        <v>0</v>
      </c>
      <c r="G23" s="23">
        <v>0</v>
      </c>
      <c r="H23" s="22">
        <v>38</v>
      </c>
      <c r="I23" s="22">
        <v>17</v>
      </c>
      <c r="J23" s="22">
        <v>21</v>
      </c>
      <c r="K23" s="21">
        <v>35</v>
      </c>
      <c r="L23" s="53">
        <v>16</v>
      </c>
      <c r="M23" s="54">
        <v>19</v>
      </c>
    </row>
    <row r="24" spans="1:13" ht="20.100000000000001" customHeight="1">
      <c r="A24" s="16" t="s">
        <v>31</v>
      </c>
      <c r="B24" s="17">
        <v>372</v>
      </c>
      <c r="C24" s="18">
        <v>236</v>
      </c>
      <c r="D24" s="18">
        <v>136</v>
      </c>
      <c r="E24" s="17">
        <v>2</v>
      </c>
      <c r="F24" s="18">
        <v>1</v>
      </c>
      <c r="G24" s="19">
        <v>1</v>
      </c>
      <c r="H24" s="18">
        <v>696</v>
      </c>
      <c r="I24" s="18">
        <v>400</v>
      </c>
      <c r="J24" s="18">
        <v>296</v>
      </c>
      <c r="K24" s="17">
        <v>322</v>
      </c>
      <c r="L24" s="51">
        <v>163</v>
      </c>
      <c r="M24" s="52">
        <v>159</v>
      </c>
    </row>
    <row r="25" spans="1:13">
      <c r="A25" s="20" t="s">
        <v>32</v>
      </c>
      <c r="B25" s="21">
        <v>-10</v>
      </c>
      <c r="C25" s="22">
        <v>0</v>
      </c>
      <c r="D25" s="22">
        <v>-10</v>
      </c>
      <c r="E25" s="21">
        <v>1</v>
      </c>
      <c r="F25" s="22">
        <v>0</v>
      </c>
      <c r="G25" s="23">
        <v>1</v>
      </c>
      <c r="H25" s="22">
        <v>41</v>
      </c>
      <c r="I25" s="22">
        <v>25</v>
      </c>
      <c r="J25" s="22">
        <v>16</v>
      </c>
      <c r="K25" s="21">
        <v>50</v>
      </c>
      <c r="L25" s="53">
        <v>25</v>
      </c>
      <c r="M25" s="54">
        <v>25</v>
      </c>
    </row>
    <row r="26" spans="1:13">
      <c r="A26" s="20" t="s">
        <v>33</v>
      </c>
      <c r="B26" s="21">
        <v>11</v>
      </c>
      <c r="C26" s="22">
        <v>8</v>
      </c>
      <c r="D26" s="22">
        <v>3</v>
      </c>
      <c r="E26" s="21">
        <v>0</v>
      </c>
      <c r="F26" s="22">
        <v>0</v>
      </c>
      <c r="G26" s="23">
        <v>0</v>
      </c>
      <c r="H26" s="22">
        <v>65</v>
      </c>
      <c r="I26" s="22">
        <v>31</v>
      </c>
      <c r="J26" s="22">
        <v>34</v>
      </c>
      <c r="K26" s="21">
        <v>54</v>
      </c>
      <c r="L26" s="53">
        <v>23</v>
      </c>
      <c r="M26" s="54">
        <v>31</v>
      </c>
    </row>
    <row r="27" spans="1:13">
      <c r="A27" s="20" t="s">
        <v>34</v>
      </c>
      <c r="B27" s="21">
        <v>22</v>
      </c>
      <c r="C27" s="22">
        <v>9</v>
      </c>
      <c r="D27" s="22">
        <v>13</v>
      </c>
      <c r="E27" s="21">
        <v>0</v>
      </c>
      <c r="F27" s="22">
        <v>0</v>
      </c>
      <c r="G27" s="23">
        <v>0</v>
      </c>
      <c r="H27" s="22">
        <v>49</v>
      </c>
      <c r="I27" s="22">
        <v>23</v>
      </c>
      <c r="J27" s="22">
        <v>26</v>
      </c>
      <c r="K27" s="21">
        <v>27</v>
      </c>
      <c r="L27" s="53">
        <v>14</v>
      </c>
      <c r="M27" s="54">
        <v>13</v>
      </c>
    </row>
    <row r="28" spans="1:13">
      <c r="A28" s="20" t="s">
        <v>35</v>
      </c>
      <c r="B28" s="21">
        <v>62</v>
      </c>
      <c r="C28" s="22">
        <v>29</v>
      </c>
      <c r="D28" s="22">
        <v>33</v>
      </c>
      <c r="E28" s="21">
        <v>1</v>
      </c>
      <c r="F28" s="22">
        <v>1</v>
      </c>
      <c r="G28" s="23">
        <v>0</v>
      </c>
      <c r="H28" s="22">
        <v>121</v>
      </c>
      <c r="I28" s="22">
        <v>68</v>
      </c>
      <c r="J28" s="22">
        <v>53</v>
      </c>
      <c r="K28" s="21">
        <v>58</v>
      </c>
      <c r="L28" s="53">
        <v>38</v>
      </c>
      <c r="M28" s="54">
        <v>20</v>
      </c>
    </row>
    <row r="29" spans="1:13">
      <c r="A29" s="20" t="s">
        <v>36</v>
      </c>
      <c r="B29" s="21">
        <v>287</v>
      </c>
      <c r="C29" s="22">
        <v>190</v>
      </c>
      <c r="D29" s="22">
        <v>97</v>
      </c>
      <c r="E29" s="21">
        <v>0</v>
      </c>
      <c r="F29" s="22">
        <v>0</v>
      </c>
      <c r="G29" s="23">
        <v>0</v>
      </c>
      <c r="H29" s="22">
        <v>420</v>
      </c>
      <c r="I29" s="22">
        <v>253</v>
      </c>
      <c r="J29" s="22">
        <v>167</v>
      </c>
      <c r="K29" s="21">
        <v>133</v>
      </c>
      <c r="L29" s="53">
        <v>63</v>
      </c>
      <c r="M29" s="54">
        <v>70</v>
      </c>
    </row>
    <row r="30" spans="1:13" ht="20.100000000000001" customHeight="1">
      <c r="A30" s="16" t="s">
        <v>37</v>
      </c>
      <c r="B30" s="17">
        <v>1581</v>
      </c>
      <c r="C30" s="18">
        <v>836</v>
      </c>
      <c r="D30" s="18">
        <v>745</v>
      </c>
      <c r="E30" s="17">
        <v>1</v>
      </c>
      <c r="F30" s="18">
        <v>1</v>
      </c>
      <c r="G30" s="19">
        <v>0</v>
      </c>
      <c r="H30" s="18">
        <v>3767</v>
      </c>
      <c r="I30" s="18">
        <v>1963</v>
      </c>
      <c r="J30" s="18">
        <v>1804</v>
      </c>
      <c r="K30" s="17">
        <v>2185</v>
      </c>
      <c r="L30" s="51">
        <v>1126</v>
      </c>
      <c r="M30" s="52">
        <v>1059</v>
      </c>
    </row>
    <row r="31" spans="1:13">
      <c r="A31" s="20" t="s">
        <v>38</v>
      </c>
      <c r="B31" s="21">
        <v>150</v>
      </c>
      <c r="C31" s="22">
        <v>86</v>
      </c>
      <c r="D31" s="22">
        <v>64</v>
      </c>
      <c r="E31" s="21">
        <v>0</v>
      </c>
      <c r="F31" s="22">
        <v>0</v>
      </c>
      <c r="G31" s="23">
        <v>0</v>
      </c>
      <c r="H31" s="22">
        <v>321</v>
      </c>
      <c r="I31" s="22">
        <v>173</v>
      </c>
      <c r="J31" s="22">
        <v>148</v>
      </c>
      <c r="K31" s="21">
        <v>171</v>
      </c>
      <c r="L31" s="53">
        <v>87</v>
      </c>
      <c r="M31" s="54">
        <v>84</v>
      </c>
    </row>
    <row r="32" spans="1:13">
      <c r="A32" s="20" t="s">
        <v>39</v>
      </c>
      <c r="B32" s="21">
        <v>304</v>
      </c>
      <c r="C32" s="22">
        <v>138</v>
      </c>
      <c r="D32" s="22">
        <v>166</v>
      </c>
      <c r="E32" s="21">
        <v>1</v>
      </c>
      <c r="F32" s="22">
        <v>1</v>
      </c>
      <c r="G32" s="23">
        <v>0</v>
      </c>
      <c r="H32" s="22">
        <v>557</v>
      </c>
      <c r="I32" s="22">
        <v>272</v>
      </c>
      <c r="J32" s="22">
        <v>285</v>
      </c>
      <c r="K32" s="21">
        <v>252</v>
      </c>
      <c r="L32" s="53">
        <v>133</v>
      </c>
      <c r="M32" s="54">
        <v>119</v>
      </c>
    </row>
    <row r="33" spans="1:13">
      <c r="A33" s="20" t="s">
        <v>40</v>
      </c>
      <c r="B33" s="21">
        <v>249</v>
      </c>
      <c r="C33" s="22">
        <v>146</v>
      </c>
      <c r="D33" s="22">
        <v>103</v>
      </c>
      <c r="E33" s="21">
        <v>0</v>
      </c>
      <c r="F33" s="22">
        <v>0</v>
      </c>
      <c r="G33" s="23">
        <v>0</v>
      </c>
      <c r="H33" s="22">
        <v>629</v>
      </c>
      <c r="I33" s="22">
        <v>329</v>
      </c>
      <c r="J33" s="22">
        <v>300</v>
      </c>
      <c r="K33" s="21">
        <v>380</v>
      </c>
      <c r="L33" s="53">
        <v>183</v>
      </c>
      <c r="M33" s="54">
        <v>197</v>
      </c>
    </row>
    <row r="34" spans="1:13">
      <c r="A34" s="20" t="s">
        <v>41</v>
      </c>
      <c r="B34" s="21">
        <v>573</v>
      </c>
      <c r="C34" s="22">
        <v>273</v>
      </c>
      <c r="D34" s="22">
        <v>300</v>
      </c>
      <c r="E34" s="21">
        <v>0</v>
      </c>
      <c r="F34" s="22">
        <v>0</v>
      </c>
      <c r="G34" s="23">
        <v>0</v>
      </c>
      <c r="H34" s="22">
        <v>1269</v>
      </c>
      <c r="I34" s="22">
        <v>636</v>
      </c>
      <c r="J34" s="22">
        <v>633</v>
      </c>
      <c r="K34" s="21">
        <v>696</v>
      </c>
      <c r="L34" s="53">
        <v>363</v>
      </c>
      <c r="M34" s="54">
        <v>333</v>
      </c>
    </row>
    <row r="35" spans="1:13">
      <c r="A35" s="20" t="s">
        <v>42</v>
      </c>
      <c r="B35" s="21">
        <v>305</v>
      </c>
      <c r="C35" s="22">
        <v>193</v>
      </c>
      <c r="D35" s="22">
        <v>112</v>
      </c>
      <c r="E35" s="21">
        <v>0</v>
      </c>
      <c r="F35" s="22">
        <v>0</v>
      </c>
      <c r="G35" s="23">
        <v>0</v>
      </c>
      <c r="H35" s="22">
        <v>991</v>
      </c>
      <c r="I35" s="22">
        <v>553</v>
      </c>
      <c r="J35" s="22">
        <v>438</v>
      </c>
      <c r="K35" s="21">
        <v>686</v>
      </c>
      <c r="L35" s="53">
        <v>360</v>
      </c>
      <c r="M35" s="54">
        <v>326</v>
      </c>
    </row>
    <row r="36" spans="1:13" ht="20.100000000000001" customHeight="1">
      <c r="A36" s="16" t="s">
        <v>43</v>
      </c>
      <c r="B36" s="17">
        <v>628</v>
      </c>
      <c r="C36" s="18">
        <v>337</v>
      </c>
      <c r="D36" s="18">
        <v>291</v>
      </c>
      <c r="E36" s="17">
        <v>5</v>
      </c>
      <c r="F36" s="18">
        <v>4</v>
      </c>
      <c r="G36" s="19">
        <v>1</v>
      </c>
      <c r="H36" s="18">
        <v>4597</v>
      </c>
      <c r="I36" s="18">
        <v>2488</v>
      </c>
      <c r="J36" s="18">
        <v>2109</v>
      </c>
      <c r="K36" s="17">
        <v>3964</v>
      </c>
      <c r="L36" s="51">
        <v>2147</v>
      </c>
      <c r="M36" s="52">
        <v>1817</v>
      </c>
    </row>
    <row r="37" spans="1:13">
      <c r="A37" s="20" t="s">
        <v>44</v>
      </c>
      <c r="B37" s="21">
        <v>288</v>
      </c>
      <c r="C37" s="22">
        <v>176</v>
      </c>
      <c r="D37" s="22">
        <v>112</v>
      </c>
      <c r="E37" s="21">
        <v>0</v>
      </c>
      <c r="F37" s="22">
        <v>0</v>
      </c>
      <c r="G37" s="23">
        <v>0</v>
      </c>
      <c r="H37" s="22">
        <v>1084</v>
      </c>
      <c r="I37" s="22">
        <v>599</v>
      </c>
      <c r="J37" s="22">
        <v>485</v>
      </c>
      <c r="K37" s="21">
        <v>796</v>
      </c>
      <c r="L37" s="53">
        <v>423</v>
      </c>
      <c r="M37" s="54">
        <v>373</v>
      </c>
    </row>
    <row r="38" spans="1:13">
      <c r="A38" s="20" t="s">
        <v>45</v>
      </c>
      <c r="B38" s="21">
        <v>195</v>
      </c>
      <c r="C38" s="22">
        <v>94</v>
      </c>
      <c r="D38" s="22">
        <v>101</v>
      </c>
      <c r="E38" s="21">
        <v>1</v>
      </c>
      <c r="F38" s="22">
        <v>1</v>
      </c>
      <c r="G38" s="23">
        <v>0</v>
      </c>
      <c r="H38" s="22">
        <v>984</v>
      </c>
      <c r="I38" s="22">
        <v>530</v>
      </c>
      <c r="J38" s="22">
        <v>454</v>
      </c>
      <c r="K38" s="21">
        <v>788</v>
      </c>
      <c r="L38" s="53">
        <v>435</v>
      </c>
      <c r="M38" s="54">
        <v>353</v>
      </c>
    </row>
    <row r="39" spans="1:13">
      <c r="A39" s="20" t="s">
        <v>46</v>
      </c>
      <c r="B39" s="21">
        <v>88</v>
      </c>
      <c r="C39" s="22">
        <v>54</v>
      </c>
      <c r="D39" s="22">
        <v>34</v>
      </c>
      <c r="E39" s="21">
        <v>2</v>
      </c>
      <c r="F39" s="22">
        <v>2</v>
      </c>
      <c r="G39" s="23">
        <v>0</v>
      </c>
      <c r="H39" s="22">
        <v>915</v>
      </c>
      <c r="I39" s="22">
        <v>504</v>
      </c>
      <c r="J39" s="22">
        <v>411</v>
      </c>
      <c r="K39" s="21">
        <v>825</v>
      </c>
      <c r="L39" s="53">
        <v>448</v>
      </c>
      <c r="M39" s="54">
        <v>377</v>
      </c>
    </row>
    <row r="40" spans="1:13">
      <c r="A40" s="20" t="s">
        <v>47</v>
      </c>
      <c r="B40" s="21">
        <v>33</v>
      </c>
      <c r="C40" s="22">
        <v>29</v>
      </c>
      <c r="D40" s="22">
        <v>4</v>
      </c>
      <c r="E40" s="21">
        <v>0</v>
      </c>
      <c r="F40" s="22">
        <v>0</v>
      </c>
      <c r="G40" s="23">
        <v>0</v>
      </c>
      <c r="H40" s="22">
        <v>829</v>
      </c>
      <c r="I40" s="22">
        <v>449</v>
      </c>
      <c r="J40" s="22">
        <v>380</v>
      </c>
      <c r="K40" s="21">
        <v>796</v>
      </c>
      <c r="L40" s="53">
        <v>420</v>
      </c>
      <c r="M40" s="54">
        <v>376</v>
      </c>
    </row>
    <row r="41" spans="1:13">
      <c r="A41" s="20" t="s">
        <v>48</v>
      </c>
      <c r="B41" s="21">
        <v>24</v>
      </c>
      <c r="C41" s="22">
        <v>-16</v>
      </c>
      <c r="D41" s="22">
        <v>40</v>
      </c>
      <c r="E41" s="21">
        <v>2</v>
      </c>
      <c r="F41" s="22">
        <v>1</v>
      </c>
      <c r="G41" s="23">
        <v>1</v>
      </c>
      <c r="H41" s="22">
        <v>785</v>
      </c>
      <c r="I41" s="22">
        <v>406</v>
      </c>
      <c r="J41" s="22">
        <v>379</v>
      </c>
      <c r="K41" s="21">
        <v>759</v>
      </c>
      <c r="L41" s="53">
        <v>421</v>
      </c>
      <c r="M41" s="54">
        <v>338</v>
      </c>
    </row>
    <row r="42" spans="1:13" ht="20.100000000000001" customHeight="1">
      <c r="A42" s="16" t="s">
        <v>49</v>
      </c>
      <c r="B42" s="17">
        <v>-118</v>
      </c>
      <c r="C42" s="18">
        <v>-138</v>
      </c>
      <c r="D42" s="18">
        <v>20</v>
      </c>
      <c r="E42" s="17">
        <v>9</v>
      </c>
      <c r="F42" s="18">
        <v>8</v>
      </c>
      <c r="G42" s="19">
        <v>1</v>
      </c>
      <c r="H42" s="18">
        <v>2784</v>
      </c>
      <c r="I42" s="18">
        <v>1491</v>
      </c>
      <c r="J42" s="18">
        <v>1293</v>
      </c>
      <c r="K42" s="17">
        <v>2893</v>
      </c>
      <c r="L42" s="51">
        <v>1621</v>
      </c>
      <c r="M42" s="52">
        <v>1272</v>
      </c>
    </row>
    <row r="43" spans="1:13">
      <c r="A43" s="20" t="s">
        <v>50</v>
      </c>
      <c r="B43" s="21">
        <v>8</v>
      </c>
      <c r="C43" s="22">
        <v>11</v>
      </c>
      <c r="D43" s="22">
        <v>-3</v>
      </c>
      <c r="E43" s="21">
        <v>2</v>
      </c>
      <c r="F43" s="22">
        <v>2</v>
      </c>
      <c r="G43" s="23">
        <v>0</v>
      </c>
      <c r="H43" s="22">
        <v>693</v>
      </c>
      <c r="I43" s="22">
        <v>385</v>
      </c>
      <c r="J43" s="22">
        <v>308</v>
      </c>
      <c r="K43" s="21">
        <v>683</v>
      </c>
      <c r="L43" s="53">
        <v>372</v>
      </c>
      <c r="M43" s="54">
        <v>311</v>
      </c>
    </row>
    <row r="44" spans="1:13">
      <c r="A44" s="20" t="s">
        <v>51</v>
      </c>
      <c r="B44" s="21">
        <v>16</v>
      </c>
      <c r="C44" s="22">
        <v>-28</v>
      </c>
      <c r="D44" s="22">
        <v>44</v>
      </c>
      <c r="E44" s="21">
        <v>0</v>
      </c>
      <c r="F44" s="22">
        <v>0</v>
      </c>
      <c r="G44" s="23">
        <v>0</v>
      </c>
      <c r="H44" s="22">
        <v>639</v>
      </c>
      <c r="I44" s="22">
        <v>328</v>
      </c>
      <c r="J44" s="22">
        <v>311</v>
      </c>
      <c r="K44" s="21">
        <v>623</v>
      </c>
      <c r="L44" s="53">
        <v>356</v>
      </c>
      <c r="M44" s="54">
        <v>267</v>
      </c>
    </row>
    <row r="45" spans="1:13">
      <c r="A45" s="20" t="s">
        <v>52</v>
      </c>
      <c r="B45" s="21">
        <v>-32</v>
      </c>
      <c r="C45" s="22">
        <v>-5</v>
      </c>
      <c r="D45" s="22">
        <v>-27</v>
      </c>
      <c r="E45" s="21">
        <v>2</v>
      </c>
      <c r="F45" s="22">
        <v>1</v>
      </c>
      <c r="G45" s="23">
        <v>1</v>
      </c>
      <c r="H45" s="22">
        <v>528</v>
      </c>
      <c r="I45" s="22">
        <v>301</v>
      </c>
      <c r="J45" s="22">
        <v>227</v>
      </c>
      <c r="K45" s="21">
        <v>558</v>
      </c>
      <c r="L45" s="53">
        <v>305</v>
      </c>
      <c r="M45" s="54">
        <v>253</v>
      </c>
    </row>
    <row r="46" spans="1:13">
      <c r="A46" s="20" t="s">
        <v>53</v>
      </c>
      <c r="B46" s="21">
        <v>-37</v>
      </c>
      <c r="C46" s="22">
        <v>-40</v>
      </c>
      <c r="D46" s="22">
        <v>3</v>
      </c>
      <c r="E46" s="21">
        <v>3</v>
      </c>
      <c r="F46" s="22">
        <v>3</v>
      </c>
      <c r="G46" s="23">
        <v>0</v>
      </c>
      <c r="H46" s="22">
        <v>482</v>
      </c>
      <c r="I46" s="22">
        <v>252</v>
      </c>
      <c r="J46" s="22">
        <v>230</v>
      </c>
      <c r="K46" s="21">
        <v>516</v>
      </c>
      <c r="L46" s="53">
        <v>289</v>
      </c>
      <c r="M46" s="54">
        <v>227</v>
      </c>
    </row>
    <row r="47" spans="1:13">
      <c r="A47" s="20" t="s">
        <v>54</v>
      </c>
      <c r="B47" s="21">
        <v>-73</v>
      </c>
      <c r="C47" s="22">
        <v>-76</v>
      </c>
      <c r="D47" s="22">
        <v>3</v>
      </c>
      <c r="E47" s="21">
        <v>2</v>
      </c>
      <c r="F47" s="22">
        <v>2</v>
      </c>
      <c r="G47" s="23">
        <v>0</v>
      </c>
      <c r="H47" s="22">
        <v>442</v>
      </c>
      <c r="I47" s="22">
        <v>225</v>
      </c>
      <c r="J47" s="22">
        <v>217</v>
      </c>
      <c r="K47" s="21">
        <v>513</v>
      </c>
      <c r="L47" s="53">
        <v>299</v>
      </c>
      <c r="M47" s="54">
        <v>214</v>
      </c>
    </row>
    <row r="48" spans="1:13" ht="20.100000000000001" customHeight="1">
      <c r="A48" s="16" t="s">
        <v>55</v>
      </c>
      <c r="B48" s="17">
        <v>-77</v>
      </c>
      <c r="C48" s="18">
        <v>-11</v>
      </c>
      <c r="D48" s="18">
        <v>-66</v>
      </c>
      <c r="E48" s="17">
        <v>12</v>
      </c>
      <c r="F48" s="18">
        <v>9</v>
      </c>
      <c r="G48" s="19">
        <v>3</v>
      </c>
      <c r="H48" s="18">
        <v>1654</v>
      </c>
      <c r="I48" s="18">
        <v>939</v>
      </c>
      <c r="J48" s="18">
        <v>715</v>
      </c>
      <c r="K48" s="17">
        <v>1719</v>
      </c>
      <c r="L48" s="51">
        <v>941</v>
      </c>
      <c r="M48" s="52">
        <v>778</v>
      </c>
    </row>
    <row r="49" spans="1:13">
      <c r="A49" s="20" t="s">
        <v>56</v>
      </c>
      <c r="B49" s="21">
        <v>-29</v>
      </c>
      <c r="C49" s="22">
        <v>-12</v>
      </c>
      <c r="D49" s="22">
        <v>-17</v>
      </c>
      <c r="E49" s="21">
        <v>4</v>
      </c>
      <c r="F49" s="22">
        <v>3</v>
      </c>
      <c r="G49" s="23">
        <v>1</v>
      </c>
      <c r="H49" s="22">
        <v>407</v>
      </c>
      <c r="I49" s="22">
        <v>231</v>
      </c>
      <c r="J49" s="22">
        <v>176</v>
      </c>
      <c r="K49" s="21">
        <v>432</v>
      </c>
      <c r="L49" s="53">
        <v>240</v>
      </c>
      <c r="M49" s="54">
        <v>192</v>
      </c>
    </row>
    <row r="50" spans="1:13">
      <c r="A50" s="20" t="s">
        <v>57</v>
      </c>
      <c r="B50" s="21">
        <v>-16</v>
      </c>
      <c r="C50" s="22">
        <v>12</v>
      </c>
      <c r="D50" s="22">
        <v>-28</v>
      </c>
      <c r="E50" s="21">
        <v>2</v>
      </c>
      <c r="F50" s="22">
        <v>0</v>
      </c>
      <c r="G50" s="23">
        <v>2</v>
      </c>
      <c r="H50" s="22">
        <v>375</v>
      </c>
      <c r="I50" s="22">
        <v>221</v>
      </c>
      <c r="J50" s="22">
        <v>154</v>
      </c>
      <c r="K50" s="21">
        <v>389</v>
      </c>
      <c r="L50" s="53">
        <v>209</v>
      </c>
      <c r="M50" s="54">
        <v>180</v>
      </c>
    </row>
    <row r="51" spans="1:13">
      <c r="A51" s="20" t="s">
        <v>58</v>
      </c>
      <c r="B51" s="21">
        <v>-7</v>
      </c>
      <c r="C51" s="22">
        <v>13</v>
      </c>
      <c r="D51" s="22">
        <v>-20</v>
      </c>
      <c r="E51" s="21">
        <v>2</v>
      </c>
      <c r="F51" s="22">
        <v>2</v>
      </c>
      <c r="G51" s="23">
        <v>0</v>
      </c>
      <c r="H51" s="22">
        <v>318</v>
      </c>
      <c r="I51" s="22">
        <v>185</v>
      </c>
      <c r="J51" s="22">
        <v>133</v>
      </c>
      <c r="K51" s="21">
        <v>323</v>
      </c>
      <c r="L51" s="53">
        <v>170</v>
      </c>
      <c r="M51" s="54">
        <v>153</v>
      </c>
    </row>
    <row r="52" spans="1:13">
      <c r="A52" s="20" t="s">
        <v>59</v>
      </c>
      <c r="B52" s="21">
        <v>-31</v>
      </c>
      <c r="C52" s="22">
        <v>-17</v>
      </c>
      <c r="D52" s="22">
        <v>-14</v>
      </c>
      <c r="E52" s="21">
        <v>0</v>
      </c>
      <c r="F52" s="22">
        <v>0</v>
      </c>
      <c r="G52" s="23">
        <v>0</v>
      </c>
      <c r="H52" s="22">
        <v>276</v>
      </c>
      <c r="I52" s="22">
        <v>152</v>
      </c>
      <c r="J52" s="22">
        <v>124</v>
      </c>
      <c r="K52" s="21">
        <v>307</v>
      </c>
      <c r="L52" s="53">
        <v>169</v>
      </c>
      <c r="M52" s="54">
        <v>138</v>
      </c>
    </row>
    <row r="53" spans="1:13">
      <c r="A53" s="20" t="s">
        <v>60</v>
      </c>
      <c r="B53" s="21">
        <v>6</v>
      </c>
      <c r="C53" s="22">
        <v>-7</v>
      </c>
      <c r="D53" s="22">
        <v>13</v>
      </c>
      <c r="E53" s="21">
        <v>4</v>
      </c>
      <c r="F53" s="22">
        <v>4</v>
      </c>
      <c r="G53" s="23">
        <v>0</v>
      </c>
      <c r="H53" s="22">
        <v>278</v>
      </c>
      <c r="I53" s="22">
        <v>150</v>
      </c>
      <c r="J53" s="22">
        <v>128</v>
      </c>
      <c r="K53" s="21">
        <v>268</v>
      </c>
      <c r="L53" s="53">
        <v>153</v>
      </c>
      <c r="M53" s="54">
        <v>115</v>
      </c>
    </row>
    <row r="54" spans="1:13" ht="20.100000000000001" customHeight="1">
      <c r="A54" s="16" t="s">
        <v>61</v>
      </c>
      <c r="B54" s="17">
        <v>-69</v>
      </c>
      <c r="C54" s="18">
        <v>-38</v>
      </c>
      <c r="D54" s="18">
        <v>-31</v>
      </c>
      <c r="E54" s="17">
        <v>10</v>
      </c>
      <c r="F54" s="18">
        <v>7</v>
      </c>
      <c r="G54" s="19">
        <v>3</v>
      </c>
      <c r="H54" s="18">
        <v>1036</v>
      </c>
      <c r="I54" s="18">
        <v>603</v>
      </c>
      <c r="J54" s="18">
        <v>433</v>
      </c>
      <c r="K54" s="17">
        <v>1095</v>
      </c>
      <c r="L54" s="51">
        <v>634</v>
      </c>
      <c r="M54" s="52">
        <v>461</v>
      </c>
    </row>
    <row r="55" spans="1:13">
      <c r="A55" s="20" t="s">
        <v>62</v>
      </c>
      <c r="B55" s="21">
        <v>-66</v>
      </c>
      <c r="C55" s="22">
        <v>-27</v>
      </c>
      <c r="D55" s="22">
        <v>-39</v>
      </c>
      <c r="E55" s="21">
        <v>1</v>
      </c>
      <c r="F55" s="22">
        <v>1</v>
      </c>
      <c r="G55" s="23">
        <v>0</v>
      </c>
      <c r="H55" s="22">
        <v>229</v>
      </c>
      <c r="I55" s="22">
        <v>130</v>
      </c>
      <c r="J55" s="22">
        <v>99</v>
      </c>
      <c r="K55" s="21">
        <v>294</v>
      </c>
      <c r="L55" s="53">
        <v>156</v>
      </c>
      <c r="M55" s="54">
        <v>138</v>
      </c>
    </row>
    <row r="56" spans="1:13">
      <c r="A56" s="20" t="s">
        <v>63</v>
      </c>
      <c r="B56" s="21">
        <v>-44</v>
      </c>
      <c r="C56" s="22">
        <v>-29</v>
      </c>
      <c r="D56" s="22">
        <v>-15</v>
      </c>
      <c r="E56" s="21">
        <v>1</v>
      </c>
      <c r="F56" s="22">
        <v>1</v>
      </c>
      <c r="G56" s="23">
        <v>0</v>
      </c>
      <c r="H56" s="22">
        <v>206</v>
      </c>
      <c r="I56" s="22">
        <v>119</v>
      </c>
      <c r="J56" s="22">
        <v>87</v>
      </c>
      <c r="K56" s="21">
        <v>249</v>
      </c>
      <c r="L56" s="53">
        <v>147</v>
      </c>
      <c r="M56" s="54">
        <v>102</v>
      </c>
    </row>
    <row r="57" spans="1:13">
      <c r="A57" s="20" t="s">
        <v>64</v>
      </c>
      <c r="B57" s="21">
        <v>-10</v>
      </c>
      <c r="C57" s="22">
        <v>2</v>
      </c>
      <c r="D57" s="22">
        <v>-12</v>
      </c>
      <c r="E57" s="21">
        <v>1</v>
      </c>
      <c r="F57" s="22">
        <v>1</v>
      </c>
      <c r="G57" s="23">
        <v>0</v>
      </c>
      <c r="H57" s="22">
        <v>187</v>
      </c>
      <c r="I57" s="22">
        <v>118</v>
      </c>
      <c r="J57" s="22">
        <v>69</v>
      </c>
      <c r="K57" s="21">
        <v>196</v>
      </c>
      <c r="L57" s="53">
        <v>115</v>
      </c>
      <c r="M57" s="54">
        <v>81</v>
      </c>
    </row>
    <row r="58" spans="1:13">
      <c r="A58" s="20" t="s">
        <v>65</v>
      </c>
      <c r="B58" s="21">
        <v>24</v>
      </c>
      <c r="C58" s="22">
        <v>13</v>
      </c>
      <c r="D58" s="22">
        <v>11</v>
      </c>
      <c r="E58" s="21">
        <v>4</v>
      </c>
      <c r="F58" s="22">
        <v>4</v>
      </c>
      <c r="G58" s="23">
        <v>0</v>
      </c>
      <c r="H58" s="22">
        <v>213</v>
      </c>
      <c r="I58" s="22">
        <v>125</v>
      </c>
      <c r="J58" s="22">
        <v>88</v>
      </c>
      <c r="K58" s="21">
        <v>185</v>
      </c>
      <c r="L58" s="53">
        <v>108</v>
      </c>
      <c r="M58" s="54">
        <v>77</v>
      </c>
    </row>
    <row r="59" spans="1:13">
      <c r="A59" s="20" t="s">
        <v>66</v>
      </c>
      <c r="B59" s="21">
        <v>27</v>
      </c>
      <c r="C59" s="22">
        <v>3</v>
      </c>
      <c r="D59" s="22">
        <v>24</v>
      </c>
      <c r="E59" s="21">
        <v>3</v>
      </c>
      <c r="F59" s="22">
        <v>0</v>
      </c>
      <c r="G59" s="23">
        <v>3</v>
      </c>
      <c r="H59" s="22">
        <v>201</v>
      </c>
      <c r="I59" s="22">
        <v>111</v>
      </c>
      <c r="J59" s="22">
        <v>90</v>
      </c>
      <c r="K59" s="21">
        <v>171</v>
      </c>
      <c r="L59" s="53">
        <v>108</v>
      </c>
      <c r="M59" s="54">
        <v>63</v>
      </c>
    </row>
    <row r="60" spans="1:13" ht="20.100000000000001" customHeight="1">
      <c r="A60" s="16" t="s">
        <v>67</v>
      </c>
      <c r="B60" s="17">
        <v>23</v>
      </c>
      <c r="C60" s="18">
        <v>-7</v>
      </c>
      <c r="D60" s="18">
        <v>30</v>
      </c>
      <c r="E60" s="17">
        <v>28</v>
      </c>
      <c r="F60" s="18">
        <v>15</v>
      </c>
      <c r="G60" s="19">
        <v>13</v>
      </c>
      <c r="H60" s="18">
        <v>868</v>
      </c>
      <c r="I60" s="18">
        <v>475</v>
      </c>
      <c r="J60" s="18">
        <v>393</v>
      </c>
      <c r="K60" s="17">
        <v>817</v>
      </c>
      <c r="L60" s="51">
        <v>467</v>
      </c>
      <c r="M60" s="52">
        <v>350</v>
      </c>
    </row>
    <row r="61" spans="1:13">
      <c r="A61" s="20" t="s">
        <v>68</v>
      </c>
      <c r="B61" s="21">
        <v>20</v>
      </c>
      <c r="C61" s="22">
        <v>14</v>
      </c>
      <c r="D61" s="22">
        <v>6</v>
      </c>
      <c r="E61" s="21">
        <v>4</v>
      </c>
      <c r="F61" s="22">
        <v>3</v>
      </c>
      <c r="G61" s="23">
        <v>1</v>
      </c>
      <c r="H61" s="22">
        <v>212</v>
      </c>
      <c r="I61" s="22">
        <v>117</v>
      </c>
      <c r="J61" s="22">
        <v>95</v>
      </c>
      <c r="K61" s="21">
        <v>188</v>
      </c>
      <c r="L61" s="53">
        <v>100</v>
      </c>
      <c r="M61" s="54">
        <v>88</v>
      </c>
    </row>
    <row r="62" spans="1:13">
      <c r="A62" s="20" t="s">
        <v>69</v>
      </c>
      <c r="B62" s="21">
        <v>19</v>
      </c>
      <c r="C62" s="22">
        <v>-2</v>
      </c>
      <c r="D62" s="22">
        <v>21</v>
      </c>
      <c r="E62" s="21">
        <v>3</v>
      </c>
      <c r="F62" s="22">
        <v>1</v>
      </c>
      <c r="G62" s="23">
        <v>2</v>
      </c>
      <c r="H62" s="22">
        <v>169</v>
      </c>
      <c r="I62" s="22">
        <v>90</v>
      </c>
      <c r="J62" s="22">
        <v>79</v>
      </c>
      <c r="K62" s="21">
        <v>147</v>
      </c>
      <c r="L62" s="53">
        <v>91</v>
      </c>
      <c r="M62" s="54">
        <v>56</v>
      </c>
    </row>
    <row r="63" spans="1:13">
      <c r="A63" s="20" t="s">
        <v>70</v>
      </c>
      <c r="B63" s="21">
        <v>1</v>
      </c>
      <c r="C63" s="22">
        <v>-1</v>
      </c>
      <c r="D63" s="22">
        <v>2</v>
      </c>
      <c r="E63" s="21">
        <v>5</v>
      </c>
      <c r="F63" s="22">
        <v>3</v>
      </c>
      <c r="G63" s="23">
        <v>2</v>
      </c>
      <c r="H63" s="22">
        <v>175</v>
      </c>
      <c r="I63" s="22">
        <v>97</v>
      </c>
      <c r="J63" s="22">
        <v>78</v>
      </c>
      <c r="K63" s="21">
        <v>169</v>
      </c>
      <c r="L63" s="53">
        <v>95</v>
      </c>
      <c r="M63" s="54">
        <v>74</v>
      </c>
    </row>
    <row r="64" spans="1:13">
      <c r="A64" s="20" t="s">
        <v>71</v>
      </c>
      <c r="B64" s="21">
        <v>-1</v>
      </c>
      <c r="C64" s="22">
        <v>-8</v>
      </c>
      <c r="D64" s="22">
        <v>7</v>
      </c>
      <c r="E64" s="21">
        <v>6</v>
      </c>
      <c r="F64" s="22">
        <v>3</v>
      </c>
      <c r="G64" s="23">
        <v>3</v>
      </c>
      <c r="H64" s="22">
        <v>159</v>
      </c>
      <c r="I64" s="22">
        <v>89</v>
      </c>
      <c r="J64" s="22">
        <v>70</v>
      </c>
      <c r="K64" s="21">
        <v>154</v>
      </c>
      <c r="L64" s="53">
        <v>94</v>
      </c>
      <c r="M64" s="54">
        <v>60</v>
      </c>
    </row>
    <row r="65" spans="1:13">
      <c r="A65" s="24" t="s">
        <v>72</v>
      </c>
      <c r="B65" s="25">
        <v>-16</v>
      </c>
      <c r="C65" s="26">
        <v>-10</v>
      </c>
      <c r="D65" s="26">
        <v>-6</v>
      </c>
      <c r="E65" s="25">
        <v>10</v>
      </c>
      <c r="F65" s="26">
        <v>5</v>
      </c>
      <c r="G65" s="27">
        <v>5</v>
      </c>
      <c r="H65" s="26">
        <v>153</v>
      </c>
      <c r="I65" s="26">
        <v>82</v>
      </c>
      <c r="J65" s="26">
        <v>71</v>
      </c>
      <c r="K65" s="25">
        <v>159</v>
      </c>
      <c r="L65" s="55">
        <v>87</v>
      </c>
      <c r="M65" s="56">
        <v>7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821</v>
      </c>
      <c r="C69" s="58">
        <v>895</v>
      </c>
      <c r="D69" s="59">
        <v>92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821</v>
      </c>
      <c r="C70" s="61">
        <v>895</v>
      </c>
      <c r="D70" s="62">
        <v>926</v>
      </c>
    </row>
    <row r="71" spans="1:13">
      <c r="A71" s="24" t="s">
        <v>14</v>
      </c>
      <c r="B71" s="63">
        <v>1821</v>
      </c>
      <c r="C71" s="64">
        <v>895</v>
      </c>
      <c r="D71" s="65">
        <v>926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49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4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11</v>
      </c>
      <c r="C77" s="18">
        <v>30</v>
      </c>
      <c r="D77" s="18">
        <v>-19</v>
      </c>
      <c r="E77" s="17">
        <v>42</v>
      </c>
      <c r="F77" s="18">
        <v>22</v>
      </c>
      <c r="G77" s="19">
        <v>20</v>
      </c>
      <c r="H77" s="18">
        <v>627</v>
      </c>
      <c r="I77" s="18">
        <v>376</v>
      </c>
      <c r="J77" s="18">
        <v>251</v>
      </c>
      <c r="K77" s="17">
        <v>574</v>
      </c>
      <c r="L77" s="51">
        <v>324</v>
      </c>
      <c r="M77" s="52">
        <v>250</v>
      </c>
    </row>
    <row r="78" spans="1:13">
      <c r="A78" s="40" t="s">
        <v>81</v>
      </c>
      <c r="B78" s="21">
        <v>-9</v>
      </c>
      <c r="C78" s="22">
        <v>-2</v>
      </c>
      <c r="D78" s="22">
        <v>-7</v>
      </c>
      <c r="E78" s="21">
        <v>6</v>
      </c>
      <c r="F78" s="22">
        <v>2</v>
      </c>
      <c r="G78" s="23">
        <v>4</v>
      </c>
      <c r="H78" s="22">
        <v>143</v>
      </c>
      <c r="I78" s="22">
        <v>81</v>
      </c>
      <c r="J78" s="22">
        <v>62</v>
      </c>
      <c r="K78" s="21">
        <v>146</v>
      </c>
      <c r="L78" s="53">
        <v>81</v>
      </c>
      <c r="M78" s="54">
        <v>65</v>
      </c>
    </row>
    <row r="79" spans="1:13">
      <c r="A79" s="40" t="s">
        <v>82</v>
      </c>
      <c r="B79" s="21">
        <v>3</v>
      </c>
      <c r="C79" s="22">
        <v>12</v>
      </c>
      <c r="D79" s="22">
        <v>-9</v>
      </c>
      <c r="E79" s="21">
        <v>11</v>
      </c>
      <c r="F79" s="22">
        <v>3</v>
      </c>
      <c r="G79" s="23">
        <v>8</v>
      </c>
      <c r="H79" s="22">
        <v>139</v>
      </c>
      <c r="I79" s="22">
        <v>86</v>
      </c>
      <c r="J79" s="22">
        <v>53</v>
      </c>
      <c r="K79" s="21">
        <v>125</v>
      </c>
      <c r="L79" s="53">
        <v>71</v>
      </c>
      <c r="M79" s="54">
        <v>54</v>
      </c>
    </row>
    <row r="80" spans="1:13">
      <c r="A80" s="40" t="s">
        <v>83</v>
      </c>
      <c r="B80" s="21">
        <v>-2</v>
      </c>
      <c r="C80" s="22">
        <v>5</v>
      </c>
      <c r="D80" s="22">
        <v>-7</v>
      </c>
      <c r="E80" s="21">
        <v>11</v>
      </c>
      <c r="F80" s="22">
        <v>8</v>
      </c>
      <c r="G80" s="23">
        <v>3</v>
      </c>
      <c r="H80" s="22">
        <v>131</v>
      </c>
      <c r="I80" s="22">
        <v>85</v>
      </c>
      <c r="J80" s="22">
        <v>46</v>
      </c>
      <c r="K80" s="21">
        <v>122</v>
      </c>
      <c r="L80" s="53">
        <v>72</v>
      </c>
      <c r="M80" s="54">
        <v>50</v>
      </c>
    </row>
    <row r="81" spans="1:13">
      <c r="A81" s="40" t="s">
        <v>84</v>
      </c>
      <c r="B81" s="21">
        <v>-7</v>
      </c>
      <c r="C81" s="22">
        <v>-2</v>
      </c>
      <c r="D81" s="22">
        <v>-5</v>
      </c>
      <c r="E81" s="21">
        <v>6</v>
      </c>
      <c r="F81" s="22">
        <v>5</v>
      </c>
      <c r="G81" s="23">
        <v>1</v>
      </c>
      <c r="H81" s="22">
        <v>93</v>
      </c>
      <c r="I81" s="22">
        <v>52</v>
      </c>
      <c r="J81" s="22">
        <v>41</v>
      </c>
      <c r="K81" s="21">
        <v>94</v>
      </c>
      <c r="L81" s="53">
        <v>49</v>
      </c>
      <c r="M81" s="54">
        <v>45</v>
      </c>
    </row>
    <row r="82" spans="1:13">
      <c r="A82" s="40" t="s">
        <v>85</v>
      </c>
      <c r="B82" s="21">
        <v>26</v>
      </c>
      <c r="C82" s="22">
        <v>17</v>
      </c>
      <c r="D82" s="22">
        <v>9</v>
      </c>
      <c r="E82" s="21">
        <v>8</v>
      </c>
      <c r="F82" s="22">
        <v>4</v>
      </c>
      <c r="G82" s="23">
        <v>4</v>
      </c>
      <c r="H82" s="22">
        <v>121</v>
      </c>
      <c r="I82" s="22">
        <v>72</v>
      </c>
      <c r="J82" s="22">
        <v>49</v>
      </c>
      <c r="K82" s="21">
        <v>87</v>
      </c>
      <c r="L82" s="53">
        <v>51</v>
      </c>
      <c r="M82" s="54">
        <v>36</v>
      </c>
    </row>
    <row r="83" spans="1:13" ht="19.5" customHeight="1">
      <c r="A83" s="34" t="s">
        <v>86</v>
      </c>
      <c r="B83" s="17">
        <v>-80</v>
      </c>
      <c r="C83" s="18">
        <v>-46</v>
      </c>
      <c r="D83" s="18">
        <v>-34</v>
      </c>
      <c r="E83" s="17">
        <v>49</v>
      </c>
      <c r="F83" s="18">
        <v>34</v>
      </c>
      <c r="G83" s="19">
        <v>15</v>
      </c>
      <c r="H83" s="18">
        <v>415</v>
      </c>
      <c r="I83" s="18">
        <v>232</v>
      </c>
      <c r="J83" s="18">
        <v>183</v>
      </c>
      <c r="K83" s="17">
        <v>446</v>
      </c>
      <c r="L83" s="51">
        <v>244</v>
      </c>
      <c r="M83" s="52">
        <v>202</v>
      </c>
    </row>
    <row r="84" spans="1:13">
      <c r="A84" s="40" t="s">
        <v>87</v>
      </c>
      <c r="B84" s="21">
        <v>2</v>
      </c>
      <c r="C84" s="22">
        <v>-1</v>
      </c>
      <c r="D84" s="22">
        <v>3</v>
      </c>
      <c r="E84" s="21">
        <v>7</v>
      </c>
      <c r="F84" s="22">
        <v>7</v>
      </c>
      <c r="G84" s="23">
        <v>0</v>
      </c>
      <c r="H84" s="22">
        <v>108</v>
      </c>
      <c r="I84" s="22">
        <v>61</v>
      </c>
      <c r="J84" s="22">
        <v>47</v>
      </c>
      <c r="K84" s="21">
        <v>99</v>
      </c>
      <c r="L84" s="53">
        <v>55</v>
      </c>
      <c r="M84" s="54">
        <v>44</v>
      </c>
    </row>
    <row r="85" spans="1:13">
      <c r="A85" s="40" t="s">
        <v>88</v>
      </c>
      <c r="B85" s="21">
        <v>-31</v>
      </c>
      <c r="C85" s="22">
        <v>-17</v>
      </c>
      <c r="D85" s="22">
        <v>-14</v>
      </c>
      <c r="E85" s="21">
        <v>10</v>
      </c>
      <c r="F85" s="22">
        <v>7</v>
      </c>
      <c r="G85" s="23">
        <v>3</v>
      </c>
      <c r="H85" s="22">
        <v>87</v>
      </c>
      <c r="I85" s="22">
        <v>49</v>
      </c>
      <c r="J85" s="22">
        <v>38</v>
      </c>
      <c r="K85" s="21">
        <v>108</v>
      </c>
      <c r="L85" s="53">
        <v>59</v>
      </c>
      <c r="M85" s="54">
        <v>49</v>
      </c>
    </row>
    <row r="86" spans="1:13">
      <c r="A86" s="40" t="s">
        <v>89</v>
      </c>
      <c r="B86" s="21">
        <v>-29</v>
      </c>
      <c r="C86" s="22">
        <v>-23</v>
      </c>
      <c r="D86" s="22">
        <v>-6</v>
      </c>
      <c r="E86" s="21">
        <v>9</v>
      </c>
      <c r="F86" s="22">
        <v>6</v>
      </c>
      <c r="G86" s="23">
        <v>3</v>
      </c>
      <c r="H86" s="22">
        <v>69</v>
      </c>
      <c r="I86" s="22">
        <v>36</v>
      </c>
      <c r="J86" s="22">
        <v>33</v>
      </c>
      <c r="K86" s="21">
        <v>89</v>
      </c>
      <c r="L86" s="53">
        <v>53</v>
      </c>
      <c r="M86" s="54">
        <v>36</v>
      </c>
    </row>
    <row r="87" spans="1:13">
      <c r="A87" s="40" t="s">
        <v>90</v>
      </c>
      <c r="B87" s="21">
        <v>1</v>
      </c>
      <c r="C87" s="22">
        <v>6</v>
      </c>
      <c r="D87" s="22">
        <v>-5</v>
      </c>
      <c r="E87" s="21">
        <v>11</v>
      </c>
      <c r="F87" s="22">
        <v>7</v>
      </c>
      <c r="G87" s="23">
        <v>4</v>
      </c>
      <c r="H87" s="22">
        <v>81</v>
      </c>
      <c r="I87" s="22">
        <v>51</v>
      </c>
      <c r="J87" s="22">
        <v>30</v>
      </c>
      <c r="K87" s="21">
        <v>69</v>
      </c>
      <c r="L87" s="53">
        <v>38</v>
      </c>
      <c r="M87" s="54">
        <v>31</v>
      </c>
    </row>
    <row r="88" spans="1:13">
      <c r="A88" s="40" t="s">
        <v>91</v>
      </c>
      <c r="B88" s="21">
        <v>-23</v>
      </c>
      <c r="C88" s="22">
        <v>-11</v>
      </c>
      <c r="D88" s="22">
        <v>-12</v>
      </c>
      <c r="E88" s="21">
        <v>12</v>
      </c>
      <c r="F88" s="22">
        <v>7</v>
      </c>
      <c r="G88" s="23">
        <v>5</v>
      </c>
      <c r="H88" s="22">
        <v>70</v>
      </c>
      <c r="I88" s="22">
        <v>35</v>
      </c>
      <c r="J88" s="22">
        <v>35</v>
      </c>
      <c r="K88" s="21">
        <v>81</v>
      </c>
      <c r="L88" s="53">
        <v>39</v>
      </c>
      <c r="M88" s="54">
        <v>42</v>
      </c>
    </row>
    <row r="89" spans="1:13" ht="19.5" customHeight="1">
      <c r="A89" s="34" t="s">
        <v>92</v>
      </c>
      <c r="B89" s="17">
        <v>-176</v>
      </c>
      <c r="C89" s="18">
        <v>-97</v>
      </c>
      <c r="D89" s="18">
        <v>-79</v>
      </c>
      <c r="E89" s="17">
        <v>86</v>
      </c>
      <c r="F89" s="18">
        <v>59</v>
      </c>
      <c r="G89" s="19">
        <v>27</v>
      </c>
      <c r="H89" s="18">
        <v>244</v>
      </c>
      <c r="I89" s="18">
        <v>138</v>
      </c>
      <c r="J89" s="18">
        <v>106</v>
      </c>
      <c r="K89" s="17">
        <v>334</v>
      </c>
      <c r="L89" s="51">
        <v>176</v>
      </c>
      <c r="M89" s="52">
        <v>158</v>
      </c>
    </row>
    <row r="90" spans="1:13">
      <c r="A90" s="40" t="s">
        <v>93</v>
      </c>
      <c r="B90" s="21">
        <v>-48</v>
      </c>
      <c r="C90" s="22">
        <v>-24</v>
      </c>
      <c r="D90" s="22">
        <v>-24</v>
      </c>
      <c r="E90" s="21">
        <v>20</v>
      </c>
      <c r="F90" s="22">
        <v>13</v>
      </c>
      <c r="G90" s="23">
        <v>7</v>
      </c>
      <c r="H90" s="22">
        <v>58</v>
      </c>
      <c r="I90" s="22">
        <v>35</v>
      </c>
      <c r="J90" s="22">
        <v>23</v>
      </c>
      <c r="K90" s="21">
        <v>86</v>
      </c>
      <c r="L90" s="53">
        <v>46</v>
      </c>
      <c r="M90" s="54">
        <v>40</v>
      </c>
    </row>
    <row r="91" spans="1:13">
      <c r="A91" s="40" t="s">
        <v>94</v>
      </c>
      <c r="B91" s="21">
        <v>-21</v>
      </c>
      <c r="C91" s="22">
        <v>-8</v>
      </c>
      <c r="D91" s="22">
        <v>-13</v>
      </c>
      <c r="E91" s="21">
        <v>16</v>
      </c>
      <c r="F91" s="22">
        <v>10</v>
      </c>
      <c r="G91" s="23">
        <v>6</v>
      </c>
      <c r="H91" s="22">
        <v>61</v>
      </c>
      <c r="I91" s="22">
        <v>35</v>
      </c>
      <c r="J91" s="22">
        <v>26</v>
      </c>
      <c r="K91" s="21">
        <v>66</v>
      </c>
      <c r="L91" s="53">
        <v>33</v>
      </c>
      <c r="M91" s="54">
        <v>33</v>
      </c>
    </row>
    <row r="92" spans="1:13">
      <c r="A92" s="40" t="s">
        <v>95</v>
      </c>
      <c r="B92" s="21">
        <v>-32</v>
      </c>
      <c r="C92" s="22">
        <v>-14</v>
      </c>
      <c r="D92" s="22">
        <v>-18</v>
      </c>
      <c r="E92" s="21">
        <v>15</v>
      </c>
      <c r="F92" s="22">
        <v>11</v>
      </c>
      <c r="G92" s="23">
        <v>4</v>
      </c>
      <c r="H92" s="22">
        <v>45</v>
      </c>
      <c r="I92" s="22">
        <v>22</v>
      </c>
      <c r="J92" s="22">
        <v>23</v>
      </c>
      <c r="K92" s="21">
        <v>62</v>
      </c>
      <c r="L92" s="53">
        <v>25</v>
      </c>
      <c r="M92" s="54">
        <v>37</v>
      </c>
    </row>
    <row r="93" spans="1:13">
      <c r="A93" s="40" t="s">
        <v>96</v>
      </c>
      <c r="B93" s="21">
        <v>-36</v>
      </c>
      <c r="C93" s="22">
        <v>-19</v>
      </c>
      <c r="D93" s="22">
        <v>-17</v>
      </c>
      <c r="E93" s="21">
        <v>17</v>
      </c>
      <c r="F93" s="22">
        <v>11</v>
      </c>
      <c r="G93" s="23">
        <v>6</v>
      </c>
      <c r="H93" s="22">
        <v>45</v>
      </c>
      <c r="I93" s="22">
        <v>30</v>
      </c>
      <c r="J93" s="22">
        <v>15</v>
      </c>
      <c r="K93" s="21">
        <v>64</v>
      </c>
      <c r="L93" s="53">
        <v>38</v>
      </c>
      <c r="M93" s="54">
        <v>26</v>
      </c>
    </row>
    <row r="94" spans="1:13">
      <c r="A94" s="40" t="s">
        <v>97</v>
      </c>
      <c r="B94" s="21">
        <v>-39</v>
      </c>
      <c r="C94" s="22">
        <v>-32</v>
      </c>
      <c r="D94" s="22">
        <v>-7</v>
      </c>
      <c r="E94" s="21">
        <v>18</v>
      </c>
      <c r="F94" s="22">
        <v>14</v>
      </c>
      <c r="G94" s="23">
        <v>4</v>
      </c>
      <c r="H94" s="22">
        <v>35</v>
      </c>
      <c r="I94" s="22">
        <v>16</v>
      </c>
      <c r="J94" s="22">
        <v>19</v>
      </c>
      <c r="K94" s="21">
        <v>56</v>
      </c>
      <c r="L94" s="53">
        <v>34</v>
      </c>
      <c r="M94" s="54">
        <v>22</v>
      </c>
    </row>
    <row r="95" spans="1:13" ht="19.5" customHeight="1">
      <c r="A95" s="34" t="s">
        <v>98</v>
      </c>
      <c r="B95" s="17">
        <v>-209</v>
      </c>
      <c r="C95" s="18">
        <v>-144</v>
      </c>
      <c r="D95" s="18">
        <v>-65</v>
      </c>
      <c r="E95" s="17">
        <v>122</v>
      </c>
      <c r="F95" s="18">
        <v>91</v>
      </c>
      <c r="G95" s="19">
        <v>31</v>
      </c>
      <c r="H95" s="18">
        <v>190</v>
      </c>
      <c r="I95" s="18">
        <v>105</v>
      </c>
      <c r="J95" s="18">
        <v>85</v>
      </c>
      <c r="K95" s="17">
        <v>277</v>
      </c>
      <c r="L95" s="51">
        <v>158</v>
      </c>
      <c r="M95" s="52">
        <v>119</v>
      </c>
    </row>
    <row r="96" spans="1:13">
      <c r="A96" s="40" t="s">
        <v>99</v>
      </c>
      <c r="B96" s="21">
        <v>-63</v>
      </c>
      <c r="C96" s="22">
        <v>-31</v>
      </c>
      <c r="D96" s="22">
        <v>-32</v>
      </c>
      <c r="E96" s="21">
        <v>24</v>
      </c>
      <c r="F96" s="22">
        <v>19</v>
      </c>
      <c r="G96" s="23">
        <v>5</v>
      </c>
      <c r="H96" s="22">
        <v>46</v>
      </c>
      <c r="I96" s="22">
        <v>30</v>
      </c>
      <c r="J96" s="22">
        <v>16</v>
      </c>
      <c r="K96" s="21">
        <v>85</v>
      </c>
      <c r="L96" s="53">
        <v>42</v>
      </c>
      <c r="M96" s="54">
        <v>43</v>
      </c>
    </row>
    <row r="97" spans="1:13">
      <c r="A97" s="40" t="s">
        <v>100</v>
      </c>
      <c r="B97" s="21">
        <v>-39</v>
      </c>
      <c r="C97" s="22">
        <v>-30</v>
      </c>
      <c r="D97" s="22">
        <v>-9</v>
      </c>
      <c r="E97" s="21">
        <v>17</v>
      </c>
      <c r="F97" s="22">
        <v>12</v>
      </c>
      <c r="G97" s="23">
        <v>5</v>
      </c>
      <c r="H97" s="22">
        <v>42</v>
      </c>
      <c r="I97" s="22">
        <v>23</v>
      </c>
      <c r="J97" s="22">
        <v>19</v>
      </c>
      <c r="K97" s="21">
        <v>64</v>
      </c>
      <c r="L97" s="53">
        <v>41</v>
      </c>
      <c r="M97" s="54">
        <v>23</v>
      </c>
    </row>
    <row r="98" spans="1:13">
      <c r="A98" s="40" t="s">
        <v>101</v>
      </c>
      <c r="B98" s="21">
        <v>-24</v>
      </c>
      <c r="C98" s="22">
        <v>-26</v>
      </c>
      <c r="D98" s="22">
        <v>2</v>
      </c>
      <c r="E98" s="21">
        <v>24</v>
      </c>
      <c r="F98" s="22">
        <v>22</v>
      </c>
      <c r="G98" s="23">
        <v>2</v>
      </c>
      <c r="H98" s="22">
        <v>36</v>
      </c>
      <c r="I98" s="22">
        <v>17</v>
      </c>
      <c r="J98" s="22">
        <v>19</v>
      </c>
      <c r="K98" s="21">
        <v>36</v>
      </c>
      <c r="L98" s="53">
        <v>21</v>
      </c>
      <c r="M98" s="54">
        <v>15</v>
      </c>
    </row>
    <row r="99" spans="1:13">
      <c r="A99" s="40" t="s">
        <v>102</v>
      </c>
      <c r="B99" s="21">
        <v>-42</v>
      </c>
      <c r="C99" s="22">
        <v>-21</v>
      </c>
      <c r="D99" s="22">
        <v>-21</v>
      </c>
      <c r="E99" s="21">
        <v>31</v>
      </c>
      <c r="F99" s="22">
        <v>20</v>
      </c>
      <c r="G99" s="23">
        <v>11</v>
      </c>
      <c r="H99" s="22">
        <v>32</v>
      </c>
      <c r="I99" s="22">
        <v>17</v>
      </c>
      <c r="J99" s="22">
        <v>15</v>
      </c>
      <c r="K99" s="21">
        <v>43</v>
      </c>
      <c r="L99" s="53">
        <v>18</v>
      </c>
      <c r="M99" s="54">
        <v>25</v>
      </c>
    </row>
    <row r="100" spans="1:13">
      <c r="A100" s="40" t="s">
        <v>103</v>
      </c>
      <c r="B100" s="21">
        <v>-41</v>
      </c>
      <c r="C100" s="22">
        <v>-36</v>
      </c>
      <c r="D100" s="22">
        <v>-5</v>
      </c>
      <c r="E100" s="21">
        <v>26</v>
      </c>
      <c r="F100" s="22">
        <v>18</v>
      </c>
      <c r="G100" s="23">
        <v>8</v>
      </c>
      <c r="H100" s="22">
        <v>34</v>
      </c>
      <c r="I100" s="22">
        <v>18</v>
      </c>
      <c r="J100" s="22">
        <v>16</v>
      </c>
      <c r="K100" s="21">
        <v>49</v>
      </c>
      <c r="L100" s="53">
        <v>36</v>
      </c>
      <c r="M100" s="54">
        <v>13</v>
      </c>
    </row>
    <row r="101" spans="1:13" ht="19.5" customHeight="1">
      <c r="A101" s="34" t="s">
        <v>104</v>
      </c>
      <c r="B101" s="17">
        <v>-241</v>
      </c>
      <c r="C101" s="18">
        <v>-167</v>
      </c>
      <c r="D101" s="18">
        <v>-74</v>
      </c>
      <c r="E101" s="17">
        <v>189</v>
      </c>
      <c r="F101" s="18">
        <v>136</v>
      </c>
      <c r="G101" s="19">
        <v>53</v>
      </c>
      <c r="H101" s="18">
        <v>157</v>
      </c>
      <c r="I101" s="18">
        <v>80</v>
      </c>
      <c r="J101" s="18">
        <v>77</v>
      </c>
      <c r="K101" s="17">
        <v>209</v>
      </c>
      <c r="L101" s="51">
        <v>111</v>
      </c>
      <c r="M101" s="52">
        <v>98</v>
      </c>
    </row>
    <row r="102" spans="1:13">
      <c r="A102" s="40" t="s">
        <v>105</v>
      </c>
      <c r="B102" s="21">
        <v>-58</v>
      </c>
      <c r="C102" s="22">
        <v>-44</v>
      </c>
      <c r="D102" s="22">
        <v>-14</v>
      </c>
      <c r="E102" s="21">
        <v>43</v>
      </c>
      <c r="F102" s="22">
        <v>35</v>
      </c>
      <c r="G102" s="23">
        <v>8</v>
      </c>
      <c r="H102" s="22">
        <v>40</v>
      </c>
      <c r="I102" s="22">
        <v>18</v>
      </c>
      <c r="J102" s="22">
        <v>22</v>
      </c>
      <c r="K102" s="21">
        <v>55</v>
      </c>
      <c r="L102" s="53">
        <v>27</v>
      </c>
      <c r="M102" s="54">
        <v>28</v>
      </c>
    </row>
    <row r="103" spans="1:13">
      <c r="A103" s="40" t="s">
        <v>106</v>
      </c>
      <c r="B103" s="21">
        <v>-59</v>
      </c>
      <c r="C103" s="22">
        <v>-35</v>
      </c>
      <c r="D103" s="22">
        <v>-24</v>
      </c>
      <c r="E103" s="21">
        <v>36</v>
      </c>
      <c r="F103" s="22">
        <v>25</v>
      </c>
      <c r="G103" s="23">
        <v>11</v>
      </c>
      <c r="H103" s="22">
        <v>32</v>
      </c>
      <c r="I103" s="22">
        <v>18</v>
      </c>
      <c r="J103" s="22">
        <v>14</v>
      </c>
      <c r="K103" s="21">
        <v>55</v>
      </c>
      <c r="L103" s="53">
        <v>28</v>
      </c>
      <c r="M103" s="54">
        <v>27</v>
      </c>
    </row>
    <row r="104" spans="1:13">
      <c r="A104" s="40" t="s">
        <v>107</v>
      </c>
      <c r="B104" s="21">
        <v>-48</v>
      </c>
      <c r="C104" s="22">
        <v>-35</v>
      </c>
      <c r="D104" s="22">
        <v>-13</v>
      </c>
      <c r="E104" s="21">
        <v>37</v>
      </c>
      <c r="F104" s="22">
        <v>24</v>
      </c>
      <c r="G104" s="23">
        <v>13</v>
      </c>
      <c r="H104" s="22">
        <v>36</v>
      </c>
      <c r="I104" s="22">
        <v>18</v>
      </c>
      <c r="J104" s="22">
        <v>18</v>
      </c>
      <c r="K104" s="21">
        <v>47</v>
      </c>
      <c r="L104" s="53">
        <v>29</v>
      </c>
      <c r="M104" s="54">
        <v>18</v>
      </c>
    </row>
    <row r="105" spans="1:13">
      <c r="A105" s="40" t="s">
        <v>108</v>
      </c>
      <c r="B105" s="21">
        <v>-28</v>
      </c>
      <c r="C105" s="22">
        <v>-13</v>
      </c>
      <c r="D105" s="22">
        <v>-15</v>
      </c>
      <c r="E105" s="21">
        <v>26</v>
      </c>
      <c r="F105" s="22">
        <v>16</v>
      </c>
      <c r="G105" s="23">
        <v>10</v>
      </c>
      <c r="H105" s="22">
        <v>28</v>
      </c>
      <c r="I105" s="22">
        <v>17</v>
      </c>
      <c r="J105" s="22">
        <v>11</v>
      </c>
      <c r="K105" s="21">
        <v>30</v>
      </c>
      <c r="L105" s="53">
        <v>14</v>
      </c>
      <c r="M105" s="54">
        <v>16</v>
      </c>
    </row>
    <row r="106" spans="1:13">
      <c r="A106" s="40" t="s">
        <v>109</v>
      </c>
      <c r="B106" s="21">
        <v>-48</v>
      </c>
      <c r="C106" s="22">
        <v>-40</v>
      </c>
      <c r="D106" s="22">
        <v>-8</v>
      </c>
      <c r="E106" s="21">
        <v>47</v>
      </c>
      <c r="F106" s="22">
        <v>36</v>
      </c>
      <c r="G106" s="23">
        <v>11</v>
      </c>
      <c r="H106" s="22">
        <v>21</v>
      </c>
      <c r="I106" s="22">
        <v>9</v>
      </c>
      <c r="J106" s="22">
        <v>12</v>
      </c>
      <c r="K106" s="21">
        <v>22</v>
      </c>
      <c r="L106" s="53">
        <v>13</v>
      </c>
      <c r="M106" s="54">
        <v>9</v>
      </c>
    </row>
    <row r="107" spans="1:13" ht="19.5" customHeight="1">
      <c r="A107" s="34" t="s">
        <v>110</v>
      </c>
      <c r="B107" s="17">
        <v>-244</v>
      </c>
      <c r="C107" s="18">
        <v>-154</v>
      </c>
      <c r="D107" s="18">
        <v>-90</v>
      </c>
      <c r="E107" s="17">
        <v>226</v>
      </c>
      <c r="F107" s="18">
        <v>142</v>
      </c>
      <c r="G107" s="19">
        <v>84</v>
      </c>
      <c r="H107" s="18">
        <v>119</v>
      </c>
      <c r="I107" s="18">
        <v>45</v>
      </c>
      <c r="J107" s="18">
        <v>74</v>
      </c>
      <c r="K107" s="17">
        <v>137</v>
      </c>
      <c r="L107" s="51">
        <v>57</v>
      </c>
      <c r="M107" s="52">
        <v>80</v>
      </c>
    </row>
    <row r="108" spans="1:13">
      <c r="A108" s="40" t="s">
        <v>111</v>
      </c>
      <c r="B108" s="21">
        <v>-38</v>
      </c>
      <c r="C108" s="22">
        <v>-23</v>
      </c>
      <c r="D108" s="22">
        <v>-15</v>
      </c>
      <c r="E108" s="21">
        <v>39</v>
      </c>
      <c r="F108" s="22">
        <v>23</v>
      </c>
      <c r="G108" s="23">
        <v>16</v>
      </c>
      <c r="H108" s="22">
        <v>25</v>
      </c>
      <c r="I108" s="22">
        <v>11</v>
      </c>
      <c r="J108" s="22">
        <v>14</v>
      </c>
      <c r="K108" s="21">
        <v>24</v>
      </c>
      <c r="L108" s="53">
        <v>11</v>
      </c>
      <c r="M108" s="54">
        <v>13</v>
      </c>
    </row>
    <row r="109" spans="1:13">
      <c r="A109" s="40" t="s">
        <v>112</v>
      </c>
      <c r="B109" s="21">
        <v>-55</v>
      </c>
      <c r="C109" s="22">
        <v>-34</v>
      </c>
      <c r="D109" s="22">
        <v>-21</v>
      </c>
      <c r="E109" s="21">
        <v>43</v>
      </c>
      <c r="F109" s="22">
        <v>29</v>
      </c>
      <c r="G109" s="23">
        <v>14</v>
      </c>
      <c r="H109" s="22">
        <v>24</v>
      </c>
      <c r="I109" s="22">
        <v>12</v>
      </c>
      <c r="J109" s="22">
        <v>12</v>
      </c>
      <c r="K109" s="21">
        <v>36</v>
      </c>
      <c r="L109" s="53">
        <v>17</v>
      </c>
      <c r="M109" s="54">
        <v>19</v>
      </c>
    </row>
    <row r="110" spans="1:13">
      <c r="A110" s="40" t="s">
        <v>113</v>
      </c>
      <c r="B110" s="21">
        <v>-46</v>
      </c>
      <c r="C110" s="22">
        <v>-38</v>
      </c>
      <c r="D110" s="22">
        <v>-8</v>
      </c>
      <c r="E110" s="21">
        <v>42</v>
      </c>
      <c r="F110" s="22">
        <v>33</v>
      </c>
      <c r="G110" s="23">
        <v>9</v>
      </c>
      <c r="H110" s="22">
        <v>22</v>
      </c>
      <c r="I110" s="22">
        <v>7</v>
      </c>
      <c r="J110" s="22">
        <v>15</v>
      </c>
      <c r="K110" s="21">
        <v>26</v>
      </c>
      <c r="L110" s="53">
        <v>12</v>
      </c>
      <c r="M110" s="54">
        <v>14</v>
      </c>
    </row>
    <row r="111" spans="1:13">
      <c r="A111" s="40" t="s">
        <v>114</v>
      </c>
      <c r="B111" s="21">
        <v>-56</v>
      </c>
      <c r="C111" s="22">
        <v>-34</v>
      </c>
      <c r="D111" s="22">
        <v>-22</v>
      </c>
      <c r="E111" s="21">
        <v>53</v>
      </c>
      <c r="F111" s="22">
        <v>32</v>
      </c>
      <c r="G111" s="23">
        <v>21</v>
      </c>
      <c r="H111" s="22">
        <v>22</v>
      </c>
      <c r="I111" s="22">
        <v>8</v>
      </c>
      <c r="J111" s="22">
        <v>14</v>
      </c>
      <c r="K111" s="21">
        <v>25</v>
      </c>
      <c r="L111" s="53">
        <v>10</v>
      </c>
      <c r="M111" s="54">
        <v>15</v>
      </c>
    </row>
    <row r="112" spans="1:13">
      <c r="A112" s="40" t="s">
        <v>115</v>
      </c>
      <c r="B112" s="21">
        <v>-49</v>
      </c>
      <c r="C112" s="22">
        <v>-25</v>
      </c>
      <c r="D112" s="22">
        <v>-24</v>
      </c>
      <c r="E112" s="21">
        <v>49</v>
      </c>
      <c r="F112" s="22">
        <v>25</v>
      </c>
      <c r="G112" s="23">
        <v>24</v>
      </c>
      <c r="H112" s="22">
        <v>26</v>
      </c>
      <c r="I112" s="22">
        <v>7</v>
      </c>
      <c r="J112" s="22">
        <v>19</v>
      </c>
      <c r="K112" s="21">
        <v>26</v>
      </c>
      <c r="L112" s="53">
        <v>7</v>
      </c>
      <c r="M112" s="54">
        <v>19</v>
      </c>
    </row>
    <row r="113" spans="1:13" ht="19.5" customHeight="1">
      <c r="A113" s="34" t="s">
        <v>116</v>
      </c>
      <c r="B113" s="17">
        <v>-370</v>
      </c>
      <c r="C113" s="18">
        <v>-209</v>
      </c>
      <c r="D113" s="18">
        <v>-161</v>
      </c>
      <c r="E113" s="17">
        <v>332</v>
      </c>
      <c r="F113" s="18">
        <v>193</v>
      </c>
      <c r="G113" s="19">
        <v>139</v>
      </c>
      <c r="H113" s="18">
        <v>87</v>
      </c>
      <c r="I113" s="18">
        <v>26</v>
      </c>
      <c r="J113" s="18">
        <v>61</v>
      </c>
      <c r="K113" s="17">
        <v>125</v>
      </c>
      <c r="L113" s="51">
        <v>42</v>
      </c>
      <c r="M113" s="52">
        <v>83</v>
      </c>
    </row>
    <row r="114" spans="1:13">
      <c r="A114" s="40" t="s">
        <v>117</v>
      </c>
      <c r="B114" s="21">
        <v>-49</v>
      </c>
      <c r="C114" s="22">
        <v>-30</v>
      </c>
      <c r="D114" s="22">
        <v>-19</v>
      </c>
      <c r="E114" s="21">
        <v>46</v>
      </c>
      <c r="F114" s="22">
        <v>32</v>
      </c>
      <c r="G114" s="23">
        <v>14</v>
      </c>
      <c r="H114" s="22">
        <v>21</v>
      </c>
      <c r="I114" s="22">
        <v>8</v>
      </c>
      <c r="J114" s="22">
        <v>13</v>
      </c>
      <c r="K114" s="21">
        <v>24</v>
      </c>
      <c r="L114" s="53">
        <v>6</v>
      </c>
      <c r="M114" s="54">
        <v>18</v>
      </c>
    </row>
    <row r="115" spans="1:13">
      <c r="A115" s="40" t="s">
        <v>118</v>
      </c>
      <c r="B115" s="21">
        <v>-80</v>
      </c>
      <c r="C115" s="22">
        <v>-50</v>
      </c>
      <c r="D115" s="22">
        <v>-30</v>
      </c>
      <c r="E115" s="21">
        <v>65</v>
      </c>
      <c r="F115" s="22">
        <v>42</v>
      </c>
      <c r="G115" s="23">
        <v>23</v>
      </c>
      <c r="H115" s="22">
        <v>9</v>
      </c>
      <c r="I115" s="22">
        <v>2</v>
      </c>
      <c r="J115" s="22">
        <v>7</v>
      </c>
      <c r="K115" s="21">
        <v>24</v>
      </c>
      <c r="L115" s="53">
        <v>10</v>
      </c>
      <c r="M115" s="54">
        <v>14</v>
      </c>
    </row>
    <row r="116" spans="1:13">
      <c r="A116" s="40" t="s">
        <v>119</v>
      </c>
      <c r="B116" s="21">
        <v>-75</v>
      </c>
      <c r="C116" s="22">
        <v>-33</v>
      </c>
      <c r="D116" s="22">
        <v>-42</v>
      </c>
      <c r="E116" s="21">
        <v>74</v>
      </c>
      <c r="F116" s="22">
        <v>35</v>
      </c>
      <c r="G116" s="23">
        <v>39</v>
      </c>
      <c r="H116" s="22">
        <v>22</v>
      </c>
      <c r="I116" s="22">
        <v>8</v>
      </c>
      <c r="J116" s="22">
        <v>14</v>
      </c>
      <c r="K116" s="21">
        <v>23</v>
      </c>
      <c r="L116" s="53">
        <v>6</v>
      </c>
      <c r="M116" s="54">
        <v>17</v>
      </c>
    </row>
    <row r="117" spans="1:13">
      <c r="A117" s="40" t="s">
        <v>120</v>
      </c>
      <c r="B117" s="21">
        <v>-82</v>
      </c>
      <c r="C117" s="22">
        <v>-52</v>
      </c>
      <c r="D117" s="22">
        <v>-30</v>
      </c>
      <c r="E117" s="21">
        <v>68</v>
      </c>
      <c r="F117" s="22">
        <v>44</v>
      </c>
      <c r="G117" s="23">
        <v>24</v>
      </c>
      <c r="H117" s="22">
        <v>13</v>
      </c>
      <c r="I117" s="22">
        <v>4</v>
      </c>
      <c r="J117" s="22">
        <v>9</v>
      </c>
      <c r="K117" s="21">
        <v>27</v>
      </c>
      <c r="L117" s="53">
        <v>12</v>
      </c>
      <c r="M117" s="54">
        <v>15</v>
      </c>
    </row>
    <row r="118" spans="1:13">
      <c r="A118" s="40" t="s">
        <v>121</v>
      </c>
      <c r="B118" s="21">
        <v>-84</v>
      </c>
      <c r="C118" s="22">
        <v>-44</v>
      </c>
      <c r="D118" s="22">
        <v>-40</v>
      </c>
      <c r="E118" s="21">
        <v>79</v>
      </c>
      <c r="F118" s="22">
        <v>40</v>
      </c>
      <c r="G118" s="23">
        <v>39</v>
      </c>
      <c r="H118" s="22">
        <v>22</v>
      </c>
      <c r="I118" s="22">
        <v>4</v>
      </c>
      <c r="J118" s="22">
        <v>18</v>
      </c>
      <c r="K118" s="21">
        <v>27</v>
      </c>
      <c r="L118" s="53">
        <v>8</v>
      </c>
      <c r="M118" s="54">
        <v>19</v>
      </c>
    </row>
    <row r="119" spans="1:13" ht="19.5" customHeight="1">
      <c r="A119" s="34" t="s">
        <v>122</v>
      </c>
      <c r="B119" s="17">
        <v>-426</v>
      </c>
      <c r="C119" s="18">
        <v>-208</v>
      </c>
      <c r="D119" s="18">
        <v>-218</v>
      </c>
      <c r="E119" s="17">
        <v>427</v>
      </c>
      <c r="F119" s="18">
        <v>202</v>
      </c>
      <c r="G119" s="19">
        <v>225</v>
      </c>
      <c r="H119" s="18">
        <v>87</v>
      </c>
      <c r="I119" s="18">
        <v>18</v>
      </c>
      <c r="J119" s="18">
        <v>69</v>
      </c>
      <c r="K119" s="17">
        <v>86</v>
      </c>
      <c r="L119" s="51">
        <v>24</v>
      </c>
      <c r="M119" s="52">
        <v>62</v>
      </c>
    </row>
    <row r="120" spans="1:13">
      <c r="A120" s="40" t="s">
        <v>123</v>
      </c>
      <c r="B120" s="21">
        <v>-84</v>
      </c>
      <c r="C120" s="22">
        <v>-42</v>
      </c>
      <c r="D120" s="22">
        <v>-42</v>
      </c>
      <c r="E120" s="21">
        <v>87</v>
      </c>
      <c r="F120" s="22">
        <v>41</v>
      </c>
      <c r="G120" s="23">
        <v>46</v>
      </c>
      <c r="H120" s="22">
        <v>21</v>
      </c>
      <c r="I120" s="22">
        <v>5</v>
      </c>
      <c r="J120" s="22">
        <v>16</v>
      </c>
      <c r="K120" s="21">
        <v>18</v>
      </c>
      <c r="L120" s="53">
        <v>6</v>
      </c>
      <c r="M120" s="54">
        <v>12</v>
      </c>
    </row>
    <row r="121" spans="1:13">
      <c r="A121" s="40" t="s">
        <v>124</v>
      </c>
      <c r="B121" s="21">
        <v>-82</v>
      </c>
      <c r="C121" s="22">
        <v>-39</v>
      </c>
      <c r="D121" s="22">
        <v>-43</v>
      </c>
      <c r="E121" s="21">
        <v>74</v>
      </c>
      <c r="F121" s="22">
        <v>39</v>
      </c>
      <c r="G121" s="23">
        <v>35</v>
      </c>
      <c r="H121" s="22">
        <v>14</v>
      </c>
      <c r="I121" s="22">
        <v>5</v>
      </c>
      <c r="J121" s="22">
        <v>9</v>
      </c>
      <c r="K121" s="21">
        <v>22</v>
      </c>
      <c r="L121" s="53">
        <v>5</v>
      </c>
      <c r="M121" s="54">
        <v>17</v>
      </c>
    </row>
    <row r="122" spans="1:13">
      <c r="A122" s="40" t="s">
        <v>125</v>
      </c>
      <c r="B122" s="21">
        <v>-72</v>
      </c>
      <c r="C122" s="22">
        <v>-41</v>
      </c>
      <c r="D122" s="22">
        <v>-31</v>
      </c>
      <c r="E122" s="21">
        <v>76</v>
      </c>
      <c r="F122" s="22">
        <v>37</v>
      </c>
      <c r="G122" s="23">
        <v>39</v>
      </c>
      <c r="H122" s="22">
        <v>19</v>
      </c>
      <c r="I122" s="22">
        <v>1</v>
      </c>
      <c r="J122" s="22">
        <v>18</v>
      </c>
      <c r="K122" s="21">
        <v>15</v>
      </c>
      <c r="L122" s="53">
        <v>5</v>
      </c>
      <c r="M122" s="54">
        <v>10</v>
      </c>
    </row>
    <row r="123" spans="1:13">
      <c r="A123" s="40" t="s">
        <v>126</v>
      </c>
      <c r="B123" s="21">
        <v>-98</v>
      </c>
      <c r="C123" s="22">
        <v>-44</v>
      </c>
      <c r="D123" s="22">
        <v>-54</v>
      </c>
      <c r="E123" s="21">
        <v>94</v>
      </c>
      <c r="F123" s="22">
        <v>42</v>
      </c>
      <c r="G123" s="23">
        <v>52</v>
      </c>
      <c r="H123" s="22">
        <v>11</v>
      </c>
      <c r="I123" s="22">
        <v>2</v>
      </c>
      <c r="J123" s="22">
        <v>9</v>
      </c>
      <c r="K123" s="21">
        <v>15</v>
      </c>
      <c r="L123" s="53">
        <v>4</v>
      </c>
      <c r="M123" s="54">
        <v>11</v>
      </c>
    </row>
    <row r="124" spans="1:13">
      <c r="A124" s="40" t="s">
        <v>127</v>
      </c>
      <c r="B124" s="21">
        <v>-90</v>
      </c>
      <c r="C124" s="22">
        <v>-42</v>
      </c>
      <c r="D124" s="22">
        <v>-48</v>
      </c>
      <c r="E124" s="21">
        <v>96</v>
      </c>
      <c r="F124" s="22">
        <v>43</v>
      </c>
      <c r="G124" s="23">
        <v>53</v>
      </c>
      <c r="H124" s="22">
        <v>22</v>
      </c>
      <c r="I124" s="22">
        <v>5</v>
      </c>
      <c r="J124" s="22">
        <v>17</v>
      </c>
      <c r="K124" s="21">
        <v>16</v>
      </c>
      <c r="L124" s="53">
        <v>4</v>
      </c>
      <c r="M124" s="54">
        <v>12</v>
      </c>
    </row>
    <row r="125" spans="1:13" ht="19.5" customHeight="1">
      <c r="A125" s="34" t="s">
        <v>128</v>
      </c>
      <c r="B125" s="17">
        <v>-371</v>
      </c>
      <c r="C125" s="18">
        <v>-140</v>
      </c>
      <c r="D125" s="18">
        <v>-231</v>
      </c>
      <c r="E125" s="17">
        <v>359</v>
      </c>
      <c r="F125" s="18">
        <v>137</v>
      </c>
      <c r="G125" s="19">
        <v>222</v>
      </c>
      <c r="H125" s="18">
        <v>42</v>
      </c>
      <c r="I125" s="18">
        <v>12</v>
      </c>
      <c r="J125" s="18">
        <v>30</v>
      </c>
      <c r="K125" s="17">
        <v>54</v>
      </c>
      <c r="L125" s="51">
        <v>15</v>
      </c>
      <c r="M125" s="52">
        <v>39</v>
      </c>
    </row>
    <row r="126" spans="1:13">
      <c r="A126" s="40" t="s">
        <v>129</v>
      </c>
      <c r="B126" s="21">
        <v>-108</v>
      </c>
      <c r="C126" s="22">
        <v>-42</v>
      </c>
      <c r="D126" s="22">
        <v>-66</v>
      </c>
      <c r="E126" s="21">
        <v>102</v>
      </c>
      <c r="F126" s="22">
        <v>39</v>
      </c>
      <c r="G126" s="23">
        <v>63</v>
      </c>
      <c r="H126" s="22">
        <v>9</v>
      </c>
      <c r="I126" s="22">
        <v>1</v>
      </c>
      <c r="J126" s="22">
        <v>8</v>
      </c>
      <c r="K126" s="21">
        <v>15</v>
      </c>
      <c r="L126" s="53">
        <v>4</v>
      </c>
      <c r="M126" s="54">
        <v>11</v>
      </c>
    </row>
    <row r="127" spans="1:13">
      <c r="A127" s="40" t="s">
        <v>130</v>
      </c>
      <c r="B127" s="21">
        <v>-57</v>
      </c>
      <c r="C127" s="22">
        <v>-19</v>
      </c>
      <c r="D127" s="22">
        <v>-38</v>
      </c>
      <c r="E127" s="21">
        <v>62</v>
      </c>
      <c r="F127" s="22">
        <v>23</v>
      </c>
      <c r="G127" s="23">
        <v>39</v>
      </c>
      <c r="H127" s="22">
        <v>17</v>
      </c>
      <c r="I127" s="22">
        <v>6</v>
      </c>
      <c r="J127" s="22">
        <v>11</v>
      </c>
      <c r="K127" s="21">
        <v>12</v>
      </c>
      <c r="L127" s="53">
        <v>2</v>
      </c>
      <c r="M127" s="54">
        <v>10</v>
      </c>
    </row>
    <row r="128" spans="1:13">
      <c r="A128" s="40" t="s">
        <v>131</v>
      </c>
      <c r="B128" s="21">
        <v>-69</v>
      </c>
      <c r="C128" s="22">
        <v>-26</v>
      </c>
      <c r="D128" s="22">
        <v>-43</v>
      </c>
      <c r="E128" s="21">
        <v>65</v>
      </c>
      <c r="F128" s="22">
        <v>26</v>
      </c>
      <c r="G128" s="23">
        <v>39</v>
      </c>
      <c r="H128" s="22">
        <v>7</v>
      </c>
      <c r="I128" s="22">
        <v>4</v>
      </c>
      <c r="J128" s="22">
        <v>3</v>
      </c>
      <c r="K128" s="21">
        <v>11</v>
      </c>
      <c r="L128" s="53">
        <v>4</v>
      </c>
      <c r="M128" s="54">
        <v>7</v>
      </c>
    </row>
    <row r="129" spans="1:13">
      <c r="A129" s="40" t="s">
        <v>132</v>
      </c>
      <c r="B129" s="21">
        <v>-71</v>
      </c>
      <c r="C129" s="22">
        <v>-26</v>
      </c>
      <c r="D129" s="22">
        <v>-45</v>
      </c>
      <c r="E129" s="21">
        <v>66</v>
      </c>
      <c r="F129" s="22">
        <v>23</v>
      </c>
      <c r="G129" s="23">
        <v>43</v>
      </c>
      <c r="H129" s="22">
        <v>4</v>
      </c>
      <c r="I129" s="22">
        <v>0</v>
      </c>
      <c r="J129" s="22">
        <v>4</v>
      </c>
      <c r="K129" s="21">
        <v>9</v>
      </c>
      <c r="L129" s="53">
        <v>3</v>
      </c>
      <c r="M129" s="54">
        <v>6</v>
      </c>
    </row>
    <row r="130" spans="1:13">
      <c r="A130" s="40" t="s">
        <v>133</v>
      </c>
      <c r="B130" s="21">
        <v>-66</v>
      </c>
      <c r="C130" s="22">
        <v>-27</v>
      </c>
      <c r="D130" s="22">
        <v>-39</v>
      </c>
      <c r="E130" s="21">
        <v>64</v>
      </c>
      <c r="F130" s="22">
        <v>26</v>
      </c>
      <c r="G130" s="23">
        <v>38</v>
      </c>
      <c r="H130" s="22">
        <v>5</v>
      </c>
      <c r="I130" s="22">
        <v>1</v>
      </c>
      <c r="J130" s="22">
        <v>4</v>
      </c>
      <c r="K130" s="21">
        <v>7</v>
      </c>
      <c r="L130" s="53">
        <v>2</v>
      </c>
      <c r="M130" s="54">
        <v>5</v>
      </c>
    </row>
    <row r="131" spans="1:13" ht="19.5" customHeight="1">
      <c r="A131" s="34" t="s">
        <v>134</v>
      </c>
      <c r="B131" s="17">
        <v>-162</v>
      </c>
      <c r="C131" s="18">
        <v>-36</v>
      </c>
      <c r="D131" s="18">
        <v>-126</v>
      </c>
      <c r="E131" s="17">
        <v>161</v>
      </c>
      <c r="F131" s="18">
        <v>38</v>
      </c>
      <c r="G131" s="19">
        <v>123</v>
      </c>
      <c r="H131" s="18">
        <v>11</v>
      </c>
      <c r="I131" s="18">
        <v>4</v>
      </c>
      <c r="J131" s="18">
        <v>7</v>
      </c>
      <c r="K131" s="17">
        <v>12</v>
      </c>
      <c r="L131" s="51">
        <v>2</v>
      </c>
      <c r="M131" s="52">
        <v>10</v>
      </c>
    </row>
    <row r="132" spans="1:13">
      <c r="A132" s="40" t="s">
        <v>135</v>
      </c>
      <c r="B132" s="21">
        <v>-56</v>
      </c>
      <c r="C132" s="22">
        <v>-16</v>
      </c>
      <c r="D132" s="22">
        <v>-40</v>
      </c>
      <c r="E132" s="21">
        <v>52</v>
      </c>
      <c r="F132" s="22">
        <v>16</v>
      </c>
      <c r="G132" s="23">
        <v>36</v>
      </c>
      <c r="H132" s="22">
        <v>2</v>
      </c>
      <c r="I132" s="22">
        <v>1</v>
      </c>
      <c r="J132" s="22">
        <v>1</v>
      </c>
      <c r="K132" s="21">
        <v>6</v>
      </c>
      <c r="L132" s="53">
        <v>1</v>
      </c>
      <c r="M132" s="54">
        <v>5</v>
      </c>
    </row>
    <row r="133" spans="1:13">
      <c r="A133" s="40" t="s">
        <v>136</v>
      </c>
      <c r="B133" s="21">
        <v>-36</v>
      </c>
      <c r="C133" s="22">
        <v>-4</v>
      </c>
      <c r="D133" s="22">
        <v>-32</v>
      </c>
      <c r="E133" s="21">
        <v>37</v>
      </c>
      <c r="F133" s="22">
        <v>5</v>
      </c>
      <c r="G133" s="23">
        <v>32</v>
      </c>
      <c r="H133" s="22">
        <v>4</v>
      </c>
      <c r="I133" s="22">
        <v>2</v>
      </c>
      <c r="J133" s="22">
        <v>2</v>
      </c>
      <c r="K133" s="21">
        <v>3</v>
      </c>
      <c r="L133" s="53">
        <v>1</v>
      </c>
      <c r="M133" s="54">
        <v>2</v>
      </c>
    </row>
    <row r="134" spans="1:13">
      <c r="A134" s="40" t="s">
        <v>137</v>
      </c>
      <c r="B134" s="21">
        <v>-32</v>
      </c>
      <c r="C134" s="22">
        <v>-5</v>
      </c>
      <c r="D134" s="22">
        <v>-27</v>
      </c>
      <c r="E134" s="21">
        <v>33</v>
      </c>
      <c r="F134" s="22">
        <v>6</v>
      </c>
      <c r="G134" s="23">
        <v>27</v>
      </c>
      <c r="H134" s="22">
        <v>2</v>
      </c>
      <c r="I134" s="22">
        <v>1</v>
      </c>
      <c r="J134" s="22">
        <v>1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13</v>
      </c>
      <c r="C135" s="22">
        <v>-3</v>
      </c>
      <c r="D135" s="22">
        <v>-10</v>
      </c>
      <c r="E135" s="21">
        <v>15</v>
      </c>
      <c r="F135" s="22">
        <v>3</v>
      </c>
      <c r="G135" s="23">
        <v>12</v>
      </c>
      <c r="H135" s="22">
        <v>2</v>
      </c>
      <c r="I135" s="22">
        <v>0</v>
      </c>
      <c r="J135" s="22">
        <v>2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5</v>
      </c>
      <c r="C136" s="22">
        <v>-8</v>
      </c>
      <c r="D136" s="22">
        <v>-17</v>
      </c>
      <c r="E136" s="21">
        <v>24</v>
      </c>
      <c r="F136" s="22">
        <v>8</v>
      </c>
      <c r="G136" s="23">
        <v>16</v>
      </c>
      <c r="H136" s="22">
        <v>1</v>
      </c>
      <c r="I136" s="22">
        <v>0</v>
      </c>
      <c r="J136" s="22">
        <v>1</v>
      </c>
      <c r="K136" s="21">
        <v>2</v>
      </c>
      <c r="L136" s="53">
        <v>0</v>
      </c>
      <c r="M136" s="54">
        <v>2</v>
      </c>
    </row>
    <row r="137" spans="1:13" ht="19.5" customHeight="1">
      <c r="A137" s="41" t="s">
        <v>140</v>
      </c>
      <c r="B137" s="42">
        <v>-55</v>
      </c>
      <c r="C137" s="43">
        <v>-10</v>
      </c>
      <c r="D137" s="43">
        <v>-45</v>
      </c>
      <c r="E137" s="42">
        <v>54</v>
      </c>
      <c r="F137" s="43">
        <v>9</v>
      </c>
      <c r="G137" s="44">
        <v>45</v>
      </c>
      <c r="H137" s="43">
        <v>1</v>
      </c>
      <c r="I137" s="43">
        <v>0</v>
      </c>
      <c r="J137" s="43">
        <v>1</v>
      </c>
      <c r="K137" s="42">
        <v>2</v>
      </c>
      <c r="L137" s="67">
        <v>1</v>
      </c>
      <c r="M137" s="68">
        <v>1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3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711</v>
      </c>
      <c r="C5" s="14">
        <v>-287</v>
      </c>
      <c r="D5" s="14">
        <v>-424</v>
      </c>
      <c r="E5" s="13">
        <v>1921</v>
      </c>
      <c r="F5" s="14">
        <v>1043</v>
      </c>
      <c r="G5" s="15">
        <v>878</v>
      </c>
      <c r="H5" s="14">
        <v>10360</v>
      </c>
      <c r="I5" s="14">
        <v>6245</v>
      </c>
      <c r="J5" s="14">
        <v>4115</v>
      </c>
      <c r="K5" s="13">
        <v>10580</v>
      </c>
      <c r="L5" s="49">
        <v>6234</v>
      </c>
      <c r="M5" s="50">
        <v>4346</v>
      </c>
    </row>
    <row r="6" spans="1:13" ht="19.5" customHeight="1">
      <c r="A6" s="16" t="s">
        <v>13</v>
      </c>
      <c r="B6" s="17">
        <v>1472</v>
      </c>
      <c r="C6" s="18">
        <v>752</v>
      </c>
      <c r="D6" s="18">
        <v>720</v>
      </c>
      <c r="E6" s="17">
        <v>8</v>
      </c>
      <c r="F6" s="18">
        <v>4</v>
      </c>
      <c r="G6" s="19">
        <v>4</v>
      </c>
      <c r="H6" s="18">
        <v>589</v>
      </c>
      <c r="I6" s="18">
        <v>297</v>
      </c>
      <c r="J6" s="18">
        <v>292</v>
      </c>
      <c r="K6" s="17">
        <v>539</v>
      </c>
      <c r="L6" s="51">
        <v>286</v>
      </c>
      <c r="M6" s="52">
        <v>253</v>
      </c>
    </row>
    <row r="7" spans="1:13">
      <c r="A7" s="20" t="s">
        <v>14</v>
      </c>
      <c r="B7" s="21">
        <v>1463</v>
      </c>
      <c r="C7" s="22">
        <v>747</v>
      </c>
      <c r="D7" s="22">
        <v>716</v>
      </c>
      <c r="E7" s="21">
        <v>4</v>
      </c>
      <c r="F7" s="22">
        <v>2</v>
      </c>
      <c r="G7" s="23">
        <v>2</v>
      </c>
      <c r="H7" s="22">
        <v>182</v>
      </c>
      <c r="I7" s="22">
        <v>90</v>
      </c>
      <c r="J7" s="22">
        <v>92</v>
      </c>
      <c r="K7" s="21">
        <v>145</v>
      </c>
      <c r="L7" s="53">
        <v>86</v>
      </c>
      <c r="M7" s="54">
        <v>59</v>
      </c>
    </row>
    <row r="8" spans="1:13">
      <c r="A8" s="20" t="s">
        <v>15</v>
      </c>
      <c r="B8" s="21">
        <v>5</v>
      </c>
      <c r="C8" s="22">
        <v>8</v>
      </c>
      <c r="D8" s="22">
        <v>-3</v>
      </c>
      <c r="E8" s="21">
        <v>2</v>
      </c>
      <c r="F8" s="22">
        <v>1</v>
      </c>
      <c r="G8" s="23">
        <v>1</v>
      </c>
      <c r="H8" s="22">
        <v>117</v>
      </c>
      <c r="I8" s="22">
        <v>65</v>
      </c>
      <c r="J8" s="22">
        <v>52</v>
      </c>
      <c r="K8" s="21">
        <v>110</v>
      </c>
      <c r="L8" s="53">
        <v>56</v>
      </c>
      <c r="M8" s="54">
        <v>54</v>
      </c>
    </row>
    <row r="9" spans="1:13">
      <c r="A9" s="20" t="s">
        <v>16</v>
      </c>
      <c r="B9" s="21">
        <v>-2</v>
      </c>
      <c r="C9" s="22">
        <v>-9</v>
      </c>
      <c r="D9" s="22">
        <v>7</v>
      </c>
      <c r="E9" s="21">
        <v>1</v>
      </c>
      <c r="F9" s="22">
        <v>1</v>
      </c>
      <c r="G9" s="23">
        <v>0</v>
      </c>
      <c r="H9" s="22">
        <v>106</v>
      </c>
      <c r="I9" s="22">
        <v>53</v>
      </c>
      <c r="J9" s="22">
        <v>53</v>
      </c>
      <c r="K9" s="21">
        <v>107</v>
      </c>
      <c r="L9" s="53">
        <v>61</v>
      </c>
      <c r="M9" s="54">
        <v>46</v>
      </c>
    </row>
    <row r="10" spans="1:13">
      <c r="A10" s="20" t="s">
        <v>17</v>
      </c>
      <c r="B10" s="21">
        <v>0</v>
      </c>
      <c r="C10" s="22">
        <v>9</v>
      </c>
      <c r="D10" s="22">
        <v>-9</v>
      </c>
      <c r="E10" s="21">
        <v>1</v>
      </c>
      <c r="F10" s="22">
        <v>0</v>
      </c>
      <c r="G10" s="23">
        <v>1</v>
      </c>
      <c r="H10" s="22">
        <v>101</v>
      </c>
      <c r="I10" s="22">
        <v>54</v>
      </c>
      <c r="J10" s="22">
        <v>47</v>
      </c>
      <c r="K10" s="21">
        <v>100</v>
      </c>
      <c r="L10" s="53">
        <v>45</v>
      </c>
      <c r="M10" s="54">
        <v>55</v>
      </c>
    </row>
    <row r="11" spans="1:13">
      <c r="A11" s="20" t="s">
        <v>18</v>
      </c>
      <c r="B11" s="21">
        <v>6</v>
      </c>
      <c r="C11" s="22">
        <v>-3</v>
      </c>
      <c r="D11" s="22">
        <v>9</v>
      </c>
      <c r="E11" s="21">
        <v>0</v>
      </c>
      <c r="F11" s="22">
        <v>0</v>
      </c>
      <c r="G11" s="23">
        <v>0</v>
      </c>
      <c r="H11" s="22">
        <v>83</v>
      </c>
      <c r="I11" s="22">
        <v>35</v>
      </c>
      <c r="J11" s="22">
        <v>48</v>
      </c>
      <c r="K11" s="21">
        <v>77</v>
      </c>
      <c r="L11" s="53">
        <v>38</v>
      </c>
      <c r="M11" s="54">
        <v>39</v>
      </c>
    </row>
    <row r="12" spans="1:13" ht="20.100000000000001" customHeight="1">
      <c r="A12" s="16" t="s">
        <v>19</v>
      </c>
      <c r="B12" s="17">
        <v>-35</v>
      </c>
      <c r="C12" s="18">
        <v>-8</v>
      </c>
      <c r="D12" s="18">
        <v>-27</v>
      </c>
      <c r="E12" s="17">
        <v>2</v>
      </c>
      <c r="F12" s="18">
        <v>0</v>
      </c>
      <c r="G12" s="19">
        <v>2</v>
      </c>
      <c r="H12" s="18">
        <v>245</v>
      </c>
      <c r="I12" s="18">
        <v>141</v>
      </c>
      <c r="J12" s="18">
        <v>104</v>
      </c>
      <c r="K12" s="17">
        <v>278</v>
      </c>
      <c r="L12" s="51">
        <v>149</v>
      </c>
      <c r="M12" s="52">
        <v>129</v>
      </c>
    </row>
    <row r="13" spans="1:13">
      <c r="A13" s="20" t="s">
        <v>20</v>
      </c>
      <c r="B13" s="21">
        <v>-6</v>
      </c>
      <c r="C13" s="22">
        <v>-10</v>
      </c>
      <c r="D13" s="22">
        <v>4</v>
      </c>
      <c r="E13" s="21">
        <v>0</v>
      </c>
      <c r="F13" s="22">
        <v>0</v>
      </c>
      <c r="G13" s="23">
        <v>0</v>
      </c>
      <c r="H13" s="22">
        <v>73</v>
      </c>
      <c r="I13" s="22">
        <v>32</v>
      </c>
      <c r="J13" s="22">
        <v>41</v>
      </c>
      <c r="K13" s="21">
        <v>79</v>
      </c>
      <c r="L13" s="53">
        <v>42</v>
      </c>
      <c r="M13" s="54">
        <v>37</v>
      </c>
    </row>
    <row r="14" spans="1:13">
      <c r="A14" s="20" t="s">
        <v>21</v>
      </c>
      <c r="B14" s="21">
        <v>-11</v>
      </c>
      <c r="C14" s="22">
        <v>-8</v>
      </c>
      <c r="D14" s="22">
        <v>-3</v>
      </c>
      <c r="E14" s="21">
        <v>1</v>
      </c>
      <c r="F14" s="22">
        <v>0</v>
      </c>
      <c r="G14" s="23">
        <v>1</v>
      </c>
      <c r="H14" s="22">
        <v>65</v>
      </c>
      <c r="I14" s="22">
        <v>37</v>
      </c>
      <c r="J14" s="22">
        <v>28</v>
      </c>
      <c r="K14" s="21">
        <v>75</v>
      </c>
      <c r="L14" s="53">
        <v>45</v>
      </c>
      <c r="M14" s="54">
        <v>30</v>
      </c>
    </row>
    <row r="15" spans="1:13">
      <c r="A15" s="20" t="s">
        <v>22</v>
      </c>
      <c r="B15" s="21">
        <v>-5</v>
      </c>
      <c r="C15" s="22">
        <v>6</v>
      </c>
      <c r="D15" s="22">
        <v>-11</v>
      </c>
      <c r="E15" s="21">
        <v>1</v>
      </c>
      <c r="F15" s="22">
        <v>0</v>
      </c>
      <c r="G15" s="23">
        <v>1</v>
      </c>
      <c r="H15" s="22">
        <v>40</v>
      </c>
      <c r="I15" s="22">
        <v>27</v>
      </c>
      <c r="J15" s="22">
        <v>13</v>
      </c>
      <c r="K15" s="21">
        <v>44</v>
      </c>
      <c r="L15" s="53">
        <v>21</v>
      </c>
      <c r="M15" s="54">
        <v>23</v>
      </c>
    </row>
    <row r="16" spans="1:13">
      <c r="A16" s="20" t="s">
        <v>23</v>
      </c>
      <c r="B16" s="21">
        <v>5</v>
      </c>
      <c r="C16" s="22">
        <v>10</v>
      </c>
      <c r="D16" s="22">
        <v>-5</v>
      </c>
      <c r="E16" s="21">
        <v>0</v>
      </c>
      <c r="F16" s="22">
        <v>0</v>
      </c>
      <c r="G16" s="23">
        <v>0</v>
      </c>
      <c r="H16" s="22">
        <v>40</v>
      </c>
      <c r="I16" s="22">
        <v>29</v>
      </c>
      <c r="J16" s="22">
        <v>11</v>
      </c>
      <c r="K16" s="21">
        <v>35</v>
      </c>
      <c r="L16" s="53">
        <v>19</v>
      </c>
      <c r="M16" s="54">
        <v>16</v>
      </c>
    </row>
    <row r="17" spans="1:13">
      <c r="A17" s="20" t="s">
        <v>24</v>
      </c>
      <c r="B17" s="21">
        <v>-18</v>
      </c>
      <c r="C17" s="22">
        <v>-6</v>
      </c>
      <c r="D17" s="22">
        <v>-12</v>
      </c>
      <c r="E17" s="21">
        <v>0</v>
      </c>
      <c r="F17" s="22">
        <v>0</v>
      </c>
      <c r="G17" s="23">
        <v>0</v>
      </c>
      <c r="H17" s="22">
        <v>27</v>
      </c>
      <c r="I17" s="22">
        <v>16</v>
      </c>
      <c r="J17" s="22">
        <v>11</v>
      </c>
      <c r="K17" s="21">
        <v>45</v>
      </c>
      <c r="L17" s="53">
        <v>22</v>
      </c>
      <c r="M17" s="54">
        <v>23</v>
      </c>
    </row>
    <row r="18" spans="1:13" ht="20.100000000000001" customHeight="1">
      <c r="A18" s="16" t="s">
        <v>25</v>
      </c>
      <c r="B18" s="17">
        <v>2</v>
      </c>
      <c r="C18" s="18">
        <v>8</v>
      </c>
      <c r="D18" s="18">
        <v>-6</v>
      </c>
      <c r="E18" s="17">
        <v>0</v>
      </c>
      <c r="F18" s="18">
        <v>0</v>
      </c>
      <c r="G18" s="19">
        <v>0</v>
      </c>
      <c r="H18" s="18">
        <v>148</v>
      </c>
      <c r="I18" s="18">
        <v>78</v>
      </c>
      <c r="J18" s="18">
        <v>70</v>
      </c>
      <c r="K18" s="17">
        <v>146</v>
      </c>
      <c r="L18" s="51">
        <v>70</v>
      </c>
      <c r="M18" s="52">
        <v>76</v>
      </c>
    </row>
    <row r="19" spans="1:13">
      <c r="A19" s="20" t="s">
        <v>26</v>
      </c>
      <c r="B19" s="21">
        <v>0</v>
      </c>
      <c r="C19" s="22">
        <v>-1</v>
      </c>
      <c r="D19" s="22">
        <v>1</v>
      </c>
      <c r="E19" s="21">
        <v>0</v>
      </c>
      <c r="F19" s="22">
        <v>0</v>
      </c>
      <c r="G19" s="23">
        <v>0</v>
      </c>
      <c r="H19" s="22">
        <v>35</v>
      </c>
      <c r="I19" s="22">
        <v>16</v>
      </c>
      <c r="J19" s="22">
        <v>19</v>
      </c>
      <c r="K19" s="21">
        <v>35</v>
      </c>
      <c r="L19" s="53">
        <v>17</v>
      </c>
      <c r="M19" s="54">
        <v>18</v>
      </c>
    </row>
    <row r="20" spans="1:13">
      <c r="A20" s="20" t="s">
        <v>27</v>
      </c>
      <c r="B20" s="21">
        <v>17</v>
      </c>
      <c r="C20" s="22">
        <v>8</v>
      </c>
      <c r="D20" s="22">
        <v>9</v>
      </c>
      <c r="E20" s="21">
        <v>0</v>
      </c>
      <c r="F20" s="22">
        <v>0</v>
      </c>
      <c r="G20" s="23">
        <v>0</v>
      </c>
      <c r="H20" s="22">
        <v>43</v>
      </c>
      <c r="I20" s="22">
        <v>22</v>
      </c>
      <c r="J20" s="22">
        <v>21</v>
      </c>
      <c r="K20" s="21">
        <v>26</v>
      </c>
      <c r="L20" s="53">
        <v>14</v>
      </c>
      <c r="M20" s="54">
        <v>12</v>
      </c>
    </row>
    <row r="21" spans="1:13">
      <c r="A21" s="20" t="s">
        <v>28</v>
      </c>
      <c r="B21" s="21">
        <v>-16</v>
      </c>
      <c r="C21" s="22">
        <v>1</v>
      </c>
      <c r="D21" s="22">
        <v>-17</v>
      </c>
      <c r="E21" s="21">
        <v>0</v>
      </c>
      <c r="F21" s="22">
        <v>0</v>
      </c>
      <c r="G21" s="23">
        <v>0</v>
      </c>
      <c r="H21" s="22">
        <v>30</v>
      </c>
      <c r="I21" s="22">
        <v>18</v>
      </c>
      <c r="J21" s="22">
        <v>12</v>
      </c>
      <c r="K21" s="21">
        <v>46</v>
      </c>
      <c r="L21" s="53">
        <v>17</v>
      </c>
      <c r="M21" s="54">
        <v>29</v>
      </c>
    </row>
    <row r="22" spans="1:13">
      <c r="A22" s="20" t="s">
        <v>29</v>
      </c>
      <c r="B22" s="21">
        <v>3</v>
      </c>
      <c r="C22" s="22">
        <v>4</v>
      </c>
      <c r="D22" s="22">
        <v>-1</v>
      </c>
      <c r="E22" s="21">
        <v>0</v>
      </c>
      <c r="F22" s="22">
        <v>0</v>
      </c>
      <c r="G22" s="23">
        <v>0</v>
      </c>
      <c r="H22" s="22">
        <v>23</v>
      </c>
      <c r="I22" s="22">
        <v>14</v>
      </c>
      <c r="J22" s="22">
        <v>9</v>
      </c>
      <c r="K22" s="21">
        <v>20</v>
      </c>
      <c r="L22" s="53">
        <v>10</v>
      </c>
      <c r="M22" s="54">
        <v>10</v>
      </c>
    </row>
    <row r="23" spans="1:13">
      <c r="A23" s="20" t="s">
        <v>30</v>
      </c>
      <c r="B23" s="21">
        <v>-2</v>
      </c>
      <c r="C23" s="22">
        <v>-4</v>
      </c>
      <c r="D23" s="22">
        <v>2</v>
      </c>
      <c r="E23" s="21">
        <v>0</v>
      </c>
      <c r="F23" s="22">
        <v>0</v>
      </c>
      <c r="G23" s="23">
        <v>0</v>
      </c>
      <c r="H23" s="22">
        <v>17</v>
      </c>
      <c r="I23" s="22">
        <v>8</v>
      </c>
      <c r="J23" s="22">
        <v>9</v>
      </c>
      <c r="K23" s="21">
        <v>19</v>
      </c>
      <c r="L23" s="53">
        <v>12</v>
      </c>
      <c r="M23" s="54">
        <v>7</v>
      </c>
    </row>
    <row r="24" spans="1:13" ht="20.100000000000001" customHeight="1">
      <c r="A24" s="16" t="s">
        <v>31</v>
      </c>
      <c r="B24" s="17">
        <v>109</v>
      </c>
      <c r="C24" s="18">
        <v>72</v>
      </c>
      <c r="D24" s="18">
        <v>37</v>
      </c>
      <c r="E24" s="17">
        <v>4</v>
      </c>
      <c r="F24" s="18">
        <v>3</v>
      </c>
      <c r="G24" s="19">
        <v>1</v>
      </c>
      <c r="H24" s="18">
        <v>469</v>
      </c>
      <c r="I24" s="18">
        <v>276</v>
      </c>
      <c r="J24" s="18">
        <v>193</v>
      </c>
      <c r="K24" s="17">
        <v>356</v>
      </c>
      <c r="L24" s="51">
        <v>201</v>
      </c>
      <c r="M24" s="52">
        <v>155</v>
      </c>
    </row>
    <row r="25" spans="1:13">
      <c r="A25" s="20" t="s">
        <v>32</v>
      </c>
      <c r="B25" s="21">
        <v>-21</v>
      </c>
      <c r="C25" s="22">
        <v>-12</v>
      </c>
      <c r="D25" s="22">
        <v>-9</v>
      </c>
      <c r="E25" s="21">
        <v>1</v>
      </c>
      <c r="F25" s="22">
        <v>1</v>
      </c>
      <c r="G25" s="23">
        <v>0</v>
      </c>
      <c r="H25" s="22">
        <v>25</v>
      </c>
      <c r="I25" s="22">
        <v>9</v>
      </c>
      <c r="J25" s="22">
        <v>16</v>
      </c>
      <c r="K25" s="21">
        <v>45</v>
      </c>
      <c r="L25" s="53">
        <v>20</v>
      </c>
      <c r="M25" s="54">
        <v>25</v>
      </c>
    </row>
    <row r="26" spans="1:13">
      <c r="A26" s="20" t="s">
        <v>33</v>
      </c>
      <c r="B26" s="21">
        <v>-1</v>
      </c>
      <c r="C26" s="22">
        <v>0</v>
      </c>
      <c r="D26" s="22">
        <v>-1</v>
      </c>
      <c r="E26" s="21">
        <v>0</v>
      </c>
      <c r="F26" s="22">
        <v>0</v>
      </c>
      <c r="G26" s="23">
        <v>0</v>
      </c>
      <c r="H26" s="22">
        <v>20</v>
      </c>
      <c r="I26" s="22">
        <v>9</v>
      </c>
      <c r="J26" s="22">
        <v>11</v>
      </c>
      <c r="K26" s="21">
        <v>21</v>
      </c>
      <c r="L26" s="53">
        <v>9</v>
      </c>
      <c r="M26" s="54">
        <v>12</v>
      </c>
    </row>
    <row r="27" spans="1:13">
      <c r="A27" s="20" t="s">
        <v>34</v>
      </c>
      <c r="B27" s="21">
        <v>-9</v>
      </c>
      <c r="C27" s="22">
        <v>-3</v>
      </c>
      <c r="D27" s="22">
        <v>-6</v>
      </c>
      <c r="E27" s="21">
        <v>1</v>
      </c>
      <c r="F27" s="22">
        <v>0</v>
      </c>
      <c r="G27" s="23">
        <v>1</v>
      </c>
      <c r="H27" s="22">
        <v>24</v>
      </c>
      <c r="I27" s="22">
        <v>14</v>
      </c>
      <c r="J27" s="22">
        <v>10</v>
      </c>
      <c r="K27" s="21">
        <v>32</v>
      </c>
      <c r="L27" s="53">
        <v>17</v>
      </c>
      <c r="M27" s="54">
        <v>15</v>
      </c>
    </row>
    <row r="28" spans="1:13">
      <c r="A28" s="20" t="s">
        <v>35</v>
      </c>
      <c r="B28" s="21">
        <v>127</v>
      </c>
      <c r="C28" s="22">
        <v>84</v>
      </c>
      <c r="D28" s="22">
        <v>43</v>
      </c>
      <c r="E28" s="21">
        <v>0</v>
      </c>
      <c r="F28" s="22">
        <v>0</v>
      </c>
      <c r="G28" s="23">
        <v>0</v>
      </c>
      <c r="H28" s="22">
        <v>245</v>
      </c>
      <c r="I28" s="22">
        <v>154</v>
      </c>
      <c r="J28" s="22">
        <v>91</v>
      </c>
      <c r="K28" s="21">
        <v>118</v>
      </c>
      <c r="L28" s="53">
        <v>70</v>
      </c>
      <c r="M28" s="54">
        <v>48</v>
      </c>
    </row>
    <row r="29" spans="1:13">
      <c r="A29" s="20" t="s">
        <v>36</v>
      </c>
      <c r="B29" s="21">
        <v>13</v>
      </c>
      <c r="C29" s="22">
        <v>3</v>
      </c>
      <c r="D29" s="22">
        <v>10</v>
      </c>
      <c r="E29" s="21">
        <v>2</v>
      </c>
      <c r="F29" s="22">
        <v>2</v>
      </c>
      <c r="G29" s="23">
        <v>0</v>
      </c>
      <c r="H29" s="22">
        <v>155</v>
      </c>
      <c r="I29" s="22">
        <v>90</v>
      </c>
      <c r="J29" s="22">
        <v>65</v>
      </c>
      <c r="K29" s="21">
        <v>140</v>
      </c>
      <c r="L29" s="53">
        <v>85</v>
      </c>
      <c r="M29" s="54">
        <v>55</v>
      </c>
    </row>
    <row r="30" spans="1:13" ht="20.100000000000001" customHeight="1">
      <c r="A30" s="16" t="s">
        <v>37</v>
      </c>
      <c r="B30" s="17">
        <v>72</v>
      </c>
      <c r="C30" s="18">
        <v>176</v>
      </c>
      <c r="D30" s="18">
        <v>-104</v>
      </c>
      <c r="E30" s="17">
        <v>14</v>
      </c>
      <c r="F30" s="18">
        <v>12</v>
      </c>
      <c r="G30" s="19">
        <v>2</v>
      </c>
      <c r="H30" s="18">
        <v>2084</v>
      </c>
      <c r="I30" s="18">
        <v>1292</v>
      </c>
      <c r="J30" s="18">
        <v>792</v>
      </c>
      <c r="K30" s="17">
        <v>1998</v>
      </c>
      <c r="L30" s="51">
        <v>1104</v>
      </c>
      <c r="M30" s="52">
        <v>894</v>
      </c>
    </row>
    <row r="31" spans="1:13">
      <c r="A31" s="20" t="s">
        <v>38</v>
      </c>
      <c r="B31" s="21">
        <v>33</v>
      </c>
      <c r="C31" s="22">
        <v>41</v>
      </c>
      <c r="D31" s="22">
        <v>-8</v>
      </c>
      <c r="E31" s="21">
        <v>5</v>
      </c>
      <c r="F31" s="22">
        <v>5</v>
      </c>
      <c r="G31" s="23">
        <v>0</v>
      </c>
      <c r="H31" s="22">
        <v>269</v>
      </c>
      <c r="I31" s="22">
        <v>164</v>
      </c>
      <c r="J31" s="22">
        <v>105</v>
      </c>
      <c r="K31" s="21">
        <v>231</v>
      </c>
      <c r="L31" s="53">
        <v>118</v>
      </c>
      <c r="M31" s="54">
        <v>113</v>
      </c>
    </row>
    <row r="32" spans="1:13">
      <c r="A32" s="20" t="s">
        <v>39</v>
      </c>
      <c r="B32" s="21">
        <v>17</v>
      </c>
      <c r="C32" s="22">
        <v>12</v>
      </c>
      <c r="D32" s="22">
        <v>5</v>
      </c>
      <c r="E32" s="21">
        <v>1</v>
      </c>
      <c r="F32" s="22">
        <v>1</v>
      </c>
      <c r="G32" s="23">
        <v>0</v>
      </c>
      <c r="H32" s="22">
        <v>282</v>
      </c>
      <c r="I32" s="22">
        <v>150</v>
      </c>
      <c r="J32" s="22">
        <v>132</v>
      </c>
      <c r="K32" s="21">
        <v>264</v>
      </c>
      <c r="L32" s="53">
        <v>137</v>
      </c>
      <c r="M32" s="54">
        <v>127</v>
      </c>
    </row>
    <row r="33" spans="1:13">
      <c r="A33" s="20" t="s">
        <v>40</v>
      </c>
      <c r="B33" s="21">
        <v>18</v>
      </c>
      <c r="C33" s="22">
        <v>43</v>
      </c>
      <c r="D33" s="22">
        <v>-25</v>
      </c>
      <c r="E33" s="21">
        <v>3</v>
      </c>
      <c r="F33" s="22">
        <v>1</v>
      </c>
      <c r="G33" s="23">
        <v>2</v>
      </c>
      <c r="H33" s="22">
        <v>595</v>
      </c>
      <c r="I33" s="22">
        <v>350</v>
      </c>
      <c r="J33" s="22">
        <v>245</v>
      </c>
      <c r="K33" s="21">
        <v>574</v>
      </c>
      <c r="L33" s="53">
        <v>306</v>
      </c>
      <c r="M33" s="54">
        <v>268</v>
      </c>
    </row>
    <row r="34" spans="1:13">
      <c r="A34" s="20" t="s">
        <v>41</v>
      </c>
      <c r="B34" s="21">
        <v>-46</v>
      </c>
      <c r="C34" s="22">
        <v>-2</v>
      </c>
      <c r="D34" s="22">
        <v>-44</v>
      </c>
      <c r="E34" s="21">
        <v>2</v>
      </c>
      <c r="F34" s="22">
        <v>2</v>
      </c>
      <c r="G34" s="23">
        <v>0</v>
      </c>
      <c r="H34" s="22">
        <v>398</v>
      </c>
      <c r="I34" s="22">
        <v>263</v>
      </c>
      <c r="J34" s="22">
        <v>135</v>
      </c>
      <c r="K34" s="21">
        <v>442</v>
      </c>
      <c r="L34" s="53">
        <v>263</v>
      </c>
      <c r="M34" s="54">
        <v>179</v>
      </c>
    </row>
    <row r="35" spans="1:13">
      <c r="A35" s="20" t="s">
        <v>42</v>
      </c>
      <c r="B35" s="21">
        <v>50</v>
      </c>
      <c r="C35" s="22">
        <v>82</v>
      </c>
      <c r="D35" s="22">
        <v>-32</v>
      </c>
      <c r="E35" s="21">
        <v>3</v>
      </c>
      <c r="F35" s="22">
        <v>3</v>
      </c>
      <c r="G35" s="23">
        <v>0</v>
      </c>
      <c r="H35" s="22">
        <v>540</v>
      </c>
      <c r="I35" s="22">
        <v>365</v>
      </c>
      <c r="J35" s="22">
        <v>175</v>
      </c>
      <c r="K35" s="21">
        <v>487</v>
      </c>
      <c r="L35" s="53">
        <v>280</v>
      </c>
      <c r="M35" s="54">
        <v>207</v>
      </c>
    </row>
    <row r="36" spans="1:13" ht="20.100000000000001" customHeight="1">
      <c r="A36" s="16" t="s">
        <v>43</v>
      </c>
      <c r="B36" s="17">
        <v>-148</v>
      </c>
      <c r="C36" s="18">
        <v>-97</v>
      </c>
      <c r="D36" s="18">
        <v>-51</v>
      </c>
      <c r="E36" s="17">
        <v>5</v>
      </c>
      <c r="F36" s="18">
        <v>5</v>
      </c>
      <c r="G36" s="19">
        <v>0</v>
      </c>
      <c r="H36" s="18">
        <v>2094</v>
      </c>
      <c r="I36" s="18">
        <v>1304</v>
      </c>
      <c r="J36" s="18">
        <v>790</v>
      </c>
      <c r="K36" s="17">
        <v>2237</v>
      </c>
      <c r="L36" s="51">
        <v>1396</v>
      </c>
      <c r="M36" s="52">
        <v>841</v>
      </c>
    </row>
    <row r="37" spans="1:13">
      <c r="A37" s="20" t="s">
        <v>44</v>
      </c>
      <c r="B37" s="21">
        <v>47</v>
      </c>
      <c r="C37" s="22">
        <v>26</v>
      </c>
      <c r="D37" s="22">
        <v>21</v>
      </c>
      <c r="E37" s="21">
        <v>2</v>
      </c>
      <c r="F37" s="22">
        <v>2</v>
      </c>
      <c r="G37" s="23">
        <v>0</v>
      </c>
      <c r="H37" s="22">
        <v>511</v>
      </c>
      <c r="I37" s="22">
        <v>322</v>
      </c>
      <c r="J37" s="22">
        <v>189</v>
      </c>
      <c r="K37" s="21">
        <v>462</v>
      </c>
      <c r="L37" s="53">
        <v>294</v>
      </c>
      <c r="M37" s="54">
        <v>168</v>
      </c>
    </row>
    <row r="38" spans="1:13">
      <c r="A38" s="20" t="s">
        <v>45</v>
      </c>
      <c r="B38" s="21">
        <v>-75</v>
      </c>
      <c r="C38" s="22">
        <v>-39</v>
      </c>
      <c r="D38" s="22">
        <v>-36</v>
      </c>
      <c r="E38" s="21">
        <v>1</v>
      </c>
      <c r="F38" s="22">
        <v>1</v>
      </c>
      <c r="G38" s="23">
        <v>0</v>
      </c>
      <c r="H38" s="22">
        <v>435</v>
      </c>
      <c r="I38" s="22">
        <v>269</v>
      </c>
      <c r="J38" s="22">
        <v>166</v>
      </c>
      <c r="K38" s="21">
        <v>509</v>
      </c>
      <c r="L38" s="53">
        <v>307</v>
      </c>
      <c r="M38" s="54">
        <v>202</v>
      </c>
    </row>
    <row r="39" spans="1:13">
      <c r="A39" s="20" t="s">
        <v>46</v>
      </c>
      <c r="B39" s="21">
        <v>-9</v>
      </c>
      <c r="C39" s="22">
        <v>4</v>
      </c>
      <c r="D39" s="22">
        <v>-13</v>
      </c>
      <c r="E39" s="21">
        <v>0</v>
      </c>
      <c r="F39" s="22">
        <v>0</v>
      </c>
      <c r="G39" s="23">
        <v>0</v>
      </c>
      <c r="H39" s="22">
        <v>434</v>
      </c>
      <c r="I39" s="22">
        <v>277</v>
      </c>
      <c r="J39" s="22">
        <v>157</v>
      </c>
      <c r="K39" s="21">
        <v>443</v>
      </c>
      <c r="L39" s="53">
        <v>273</v>
      </c>
      <c r="M39" s="54">
        <v>170</v>
      </c>
    </row>
    <row r="40" spans="1:13">
      <c r="A40" s="20" t="s">
        <v>47</v>
      </c>
      <c r="B40" s="21">
        <v>-57</v>
      </c>
      <c r="C40" s="22">
        <v>-32</v>
      </c>
      <c r="D40" s="22">
        <v>-25</v>
      </c>
      <c r="E40" s="21">
        <v>2</v>
      </c>
      <c r="F40" s="22">
        <v>2</v>
      </c>
      <c r="G40" s="23">
        <v>0</v>
      </c>
      <c r="H40" s="22">
        <v>346</v>
      </c>
      <c r="I40" s="22">
        <v>216</v>
      </c>
      <c r="J40" s="22">
        <v>130</v>
      </c>
      <c r="K40" s="21">
        <v>401</v>
      </c>
      <c r="L40" s="53">
        <v>246</v>
      </c>
      <c r="M40" s="54">
        <v>155</v>
      </c>
    </row>
    <row r="41" spans="1:13">
      <c r="A41" s="20" t="s">
        <v>48</v>
      </c>
      <c r="B41" s="21">
        <v>-54</v>
      </c>
      <c r="C41" s="22">
        <v>-56</v>
      </c>
      <c r="D41" s="22">
        <v>2</v>
      </c>
      <c r="E41" s="21">
        <v>0</v>
      </c>
      <c r="F41" s="22">
        <v>0</v>
      </c>
      <c r="G41" s="23">
        <v>0</v>
      </c>
      <c r="H41" s="22">
        <v>368</v>
      </c>
      <c r="I41" s="22">
        <v>220</v>
      </c>
      <c r="J41" s="22">
        <v>148</v>
      </c>
      <c r="K41" s="21">
        <v>422</v>
      </c>
      <c r="L41" s="53">
        <v>276</v>
      </c>
      <c r="M41" s="54">
        <v>146</v>
      </c>
    </row>
    <row r="42" spans="1:13" ht="20.100000000000001" customHeight="1">
      <c r="A42" s="16" t="s">
        <v>49</v>
      </c>
      <c r="B42" s="17">
        <v>-111</v>
      </c>
      <c r="C42" s="18">
        <v>-104</v>
      </c>
      <c r="D42" s="18">
        <v>-7</v>
      </c>
      <c r="E42" s="17">
        <v>8</v>
      </c>
      <c r="F42" s="18">
        <v>5</v>
      </c>
      <c r="G42" s="19">
        <v>3</v>
      </c>
      <c r="H42" s="18">
        <v>1364</v>
      </c>
      <c r="I42" s="18">
        <v>807</v>
      </c>
      <c r="J42" s="18">
        <v>557</v>
      </c>
      <c r="K42" s="17">
        <v>1467</v>
      </c>
      <c r="L42" s="51">
        <v>906</v>
      </c>
      <c r="M42" s="52">
        <v>561</v>
      </c>
    </row>
    <row r="43" spans="1:13">
      <c r="A43" s="20" t="s">
        <v>50</v>
      </c>
      <c r="B43" s="21">
        <v>-27</v>
      </c>
      <c r="C43" s="22">
        <v>-21</v>
      </c>
      <c r="D43" s="22">
        <v>-6</v>
      </c>
      <c r="E43" s="21">
        <v>0</v>
      </c>
      <c r="F43" s="22">
        <v>0</v>
      </c>
      <c r="G43" s="23">
        <v>0</v>
      </c>
      <c r="H43" s="22">
        <v>345</v>
      </c>
      <c r="I43" s="22">
        <v>201</v>
      </c>
      <c r="J43" s="22">
        <v>144</v>
      </c>
      <c r="K43" s="21">
        <v>372</v>
      </c>
      <c r="L43" s="53">
        <v>222</v>
      </c>
      <c r="M43" s="54">
        <v>150</v>
      </c>
    </row>
    <row r="44" spans="1:13">
      <c r="A44" s="20" t="s">
        <v>51</v>
      </c>
      <c r="B44" s="21">
        <v>-7</v>
      </c>
      <c r="C44" s="22">
        <v>-13</v>
      </c>
      <c r="D44" s="22">
        <v>6</v>
      </c>
      <c r="E44" s="21">
        <v>1</v>
      </c>
      <c r="F44" s="22">
        <v>0</v>
      </c>
      <c r="G44" s="23">
        <v>1</v>
      </c>
      <c r="H44" s="22">
        <v>299</v>
      </c>
      <c r="I44" s="22">
        <v>175</v>
      </c>
      <c r="J44" s="22">
        <v>124</v>
      </c>
      <c r="K44" s="21">
        <v>305</v>
      </c>
      <c r="L44" s="53">
        <v>188</v>
      </c>
      <c r="M44" s="54">
        <v>117</v>
      </c>
    </row>
    <row r="45" spans="1:13">
      <c r="A45" s="20" t="s">
        <v>52</v>
      </c>
      <c r="B45" s="21">
        <v>-37</v>
      </c>
      <c r="C45" s="22">
        <v>-26</v>
      </c>
      <c r="D45" s="22">
        <v>-11</v>
      </c>
      <c r="E45" s="21">
        <v>4</v>
      </c>
      <c r="F45" s="22">
        <v>3</v>
      </c>
      <c r="G45" s="23">
        <v>1</v>
      </c>
      <c r="H45" s="22">
        <v>259</v>
      </c>
      <c r="I45" s="22">
        <v>154</v>
      </c>
      <c r="J45" s="22">
        <v>105</v>
      </c>
      <c r="K45" s="21">
        <v>292</v>
      </c>
      <c r="L45" s="53">
        <v>177</v>
      </c>
      <c r="M45" s="54">
        <v>115</v>
      </c>
    </row>
    <row r="46" spans="1:13">
      <c r="A46" s="20" t="s">
        <v>53</v>
      </c>
      <c r="B46" s="21">
        <v>-16</v>
      </c>
      <c r="C46" s="22">
        <v>-17</v>
      </c>
      <c r="D46" s="22">
        <v>1</v>
      </c>
      <c r="E46" s="21">
        <v>1</v>
      </c>
      <c r="F46" s="22">
        <v>0</v>
      </c>
      <c r="G46" s="23">
        <v>1</v>
      </c>
      <c r="H46" s="22">
        <v>227</v>
      </c>
      <c r="I46" s="22">
        <v>140</v>
      </c>
      <c r="J46" s="22">
        <v>87</v>
      </c>
      <c r="K46" s="21">
        <v>242</v>
      </c>
      <c r="L46" s="53">
        <v>157</v>
      </c>
      <c r="M46" s="54">
        <v>85</v>
      </c>
    </row>
    <row r="47" spans="1:13">
      <c r="A47" s="20" t="s">
        <v>54</v>
      </c>
      <c r="B47" s="21">
        <v>-24</v>
      </c>
      <c r="C47" s="22">
        <v>-27</v>
      </c>
      <c r="D47" s="22">
        <v>3</v>
      </c>
      <c r="E47" s="21">
        <v>2</v>
      </c>
      <c r="F47" s="22">
        <v>2</v>
      </c>
      <c r="G47" s="23">
        <v>0</v>
      </c>
      <c r="H47" s="22">
        <v>234</v>
      </c>
      <c r="I47" s="22">
        <v>137</v>
      </c>
      <c r="J47" s="22">
        <v>97</v>
      </c>
      <c r="K47" s="21">
        <v>256</v>
      </c>
      <c r="L47" s="53">
        <v>162</v>
      </c>
      <c r="M47" s="54">
        <v>94</v>
      </c>
    </row>
    <row r="48" spans="1:13" ht="20.100000000000001" customHeight="1">
      <c r="A48" s="16" t="s">
        <v>55</v>
      </c>
      <c r="B48" s="17">
        <v>-95</v>
      </c>
      <c r="C48" s="18">
        <v>-16</v>
      </c>
      <c r="D48" s="18">
        <v>-79</v>
      </c>
      <c r="E48" s="17">
        <v>14</v>
      </c>
      <c r="F48" s="18">
        <v>3</v>
      </c>
      <c r="G48" s="19">
        <v>11</v>
      </c>
      <c r="H48" s="18">
        <v>897</v>
      </c>
      <c r="I48" s="18">
        <v>575</v>
      </c>
      <c r="J48" s="18">
        <v>322</v>
      </c>
      <c r="K48" s="17">
        <v>978</v>
      </c>
      <c r="L48" s="51">
        <v>588</v>
      </c>
      <c r="M48" s="52">
        <v>390</v>
      </c>
    </row>
    <row r="49" spans="1:13">
      <c r="A49" s="20" t="s">
        <v>56</v>
      </c>
      <c r="B49" s="21">
        <v>-33</v>
      </c>
      <c r="C49" s="22">
        <v>-11</v>
      </c>
      <c r="D49" s="22">
        <v>-22</v>
      </c>
      <c r="E49" s="21">
        <v>4</v>
      </c>
      <c r="F49" s="22">
        <v>0</v>
      </c>
      <c r="G49" s="23">
        <v>4</v>
      </c>
      <c r="H49" s="22">
        <v>211</v>
      </c>
      <c r="I49" s="22">
        <v>134</v>
      </c>
      <c r="J49" s="22">
        <v>77</v>
      </c>
      <c r="K49" s="21">
        <v>240</v>
      </c>
      <c r="L49" s="53">
        <v>145</v>
      </c>
      <c r="M49" s="54">
        <v>95</v>
      </c>
    </row>
    <row r="50" spans="1:13">
      <c r="A50" s="20" t="s">
        <v>57</v>
      </c>
      <c r="B50" s="21">
        <v>14</v>
      </c>
      <c r="C50" s="22">
        <v>8</v>
      </c>
      <c r="D50" s="22">
        <v>6</v>
      </c>
      <c r="E50" s="21">
        <v>4</v>
      </c>
      <c r="F50" s="22">
        <v>1</v>
      </c>
      <c r="G50" s="23">
        <v>3</v>
      </c>
      <c r="H50" s="22">
        <v>215</v>
      </c>
      <c r="I50" s="22">
        <v>127</v>
      </c>
      <c r="J50" s="22">
        <v>88</v>
      </c>
      <c r="K50" s="21">
        <v>197</v>
      </c>
      <c r="L50" s="53">
        <v>118</v>
      </c>
      <c r="M50" s="54">
        <v>79</v>
      </c>
    </row>
    <row r="51" spans="1:13">
      <c r="A51" s="20" t="s">
        <v>58</v>
      </c>
      <c r="B51" s="21">
        <v>-33</v>
      </c>
      <c r="C51" s="22">
        <v>-10</v>
      </c>
      <c r="D51" s="22">
        <v>-23</v>
      </c>
      <c r="E51" s="21">
        <v>2</v>
      </c>
      <c r="F51" s="22">
        <v>1</v>
      </c>
      <c r="G51" s="23">
        <v>1</v>
      </c>
      <c r="H51" s="22">
        <v>159</v>
      </c>
      <c r="I51" s="22">
        <v>102</v>
      </c>
      <c r="J51" s="22">
        <v>57</v>
      </c>
      <c r="K51" s="21">
        <v>190</v>
      </c>
      <c r="L51" s="53">
        <v>111</v>
      </c>
      <c r="M51" s="54">
        <v>79</v>
      </c>
    </row>
    <row r="52" spans="1:13">
      <c r="A52" s="20" t="s">
        <v>59</v>
      </c>
      <c r="B52" s="21">
        <v>-51</v>
      </c>
      <c r="C52" s="22">
        <v>-15</v>
      </c>
      <c r="D52" s="22">
        <v>-36</v>
      </c>
      <c r="E52" s="21">
        <v>4</v>
      </c>
      <c r="F52" s="22">
        <v>1</v>
      </c>
      <c r="G52" s="23">
        <v>3</v>
      </c>
      <c r="H52" s="22">
        <v>143</v>
      </c>
      <c r="I52" s="22">
        <v>98</v>
      </c>
      <c r="J52" s="22">
        <v>45</v>
      </c>
      <c r="K52" s="21">
        <v>190</v>
      </c>
      <c r="L52" s="53">
        <v>112</v>
      </c>
      <c r="M52" s="54">
        <v>78</v>
      </c>
    </row>
    <row r="53" spans="1:13">
      <c r="A53" s="20" t="s">
        <v>60</v>
      </c>
      <c r="B53" s="21">
        <v>8</v>
      </c>
      <c r="C53" s="22">
        <v>12</v>
      </c>
      <c r="D53" s="22">
        <v>-4</v>
      </c>
      <c r="E53" s="21">
        <v>0</v>
      </c>
      <c r="F53" s="22">
        <v>0</v>
      </c>
      <c r="G53" s="23">
        <v>0</v>
      </c>
      <c r="H53" s="22">
        <v>169</v>
      </c>
      <c r="I53" s="22">
        <v>114</v>
      </c>
      <c r="J53" s="22">
        <v>55</v>
      </c>
      <c r="K53" s="21">
        <v>161</v>
      </c>
      <c r="L53" s="53">
        <v>102</v>
      </c>
      <c r="M53" s="54">
        <v>59</v>
      </c>
    </row>
    <row r="54" spans="1:13" ht="20.100000000000001" customHeight="1">
      <c r="A54" s="16" t="s">
        <v>61</v>
      </c>
      <c r="B54" s="17">
        <v>-83</v>
      </c>
      <c r="C54" s="18">
        <v>-42</v>
      </c>
      <c r="D54" s="18">
        <v>-41</v>
      </c>
      <c r="E54" s="17">
        <v>19</v>
      </c>
      <c r="F54" s="18">
        <v>15</v>
      </c>
      <c r="G54" s="19">
        <v>4</v>
      </c>
      <c r="H54" s="18">
        <v>644</v>
      </c>
      <c r="I54" s="18">
        <v>420</v>
      </c>
      <c r="J54" s="18">
        <v>224</v>
      </c>
      <c r="K54" s="17">
        <v>708</v>
      </c>
      <c r="L54" s="51">
        <v>447</v>
      </c>
      <c r="M54" s="52">
        <v>261</v>
      </c>
    </row>
    <row r="55" spans="1:13">
      <c r="A55" s="20" t="s">
        <v>62</v>
      </c>
      <c r="B55" s="21">
        <v>-10</v>
      </c>
      <c r="C55" s="22">
        <v>7</v>
      </c>
      <c r="D55" s="22">
        <v>-17</v>
      </c>
      <c r="E55" s="21">
        <v>8</v>
      </c>
      <c r="F55" s="22">
        <v>8</v>
      </c>
      <c r="G55" s="23">
        <v>0</v>
      </c>
      <c r="H55" s="22">
        <v>142</v>
      </c>
      <c r="I55" s="22">
        <v>98</v>
      </c>
      <c r="J55" s="22">
        <v>44</v>
      </c>
      <c r="K55" s="21">
        <v>144</v>
      </c>
      <c r="L55" s="53">
        <v>83</v>
      </c>
      <c r="M55" s="54">
        <v>61</v>
      </c>
    </row>
    <row r="56" spans="1:13">
      <c r="A56" s="20" t="s">
        <v>63</v>
      </c>
      <c r="B56" s="21">
        <v>-30</v>
      </c>
      <c r="C56" s="22">
        <v>-19</v>
      </c>
      <c r="D56" s="22">
        <v>-11</v>
      </c>
      <c r="E56" s="21">
        <v>1</v>
      </c>
      <c r="F56" s="22">
        <v>1</v>
      </c>
      <c r="G56" s="23">
        <v>0</v>
      </c>
      <c r="H56" s="22">
        <v>133</v>
      </c>
      <c r="I56" s="22">
        <v>88</v>
      </c>
      <c r="J56" s="22">
        <v>45</v>
      </c>
      <c r="K56" s="21">
        <v>162</v>
      </c>
      <c r="L56" s="53">
        <v>106</v>
      </c>
      <c r="M56" s="54">
        <v>56</v>
      </c>
    </row>
    <row r="57" spans="1:13">
      <c r="A57" s="20" t="s">
        <v>64</v>
      </c>
      <c r="B57" s="21">
        <v>-43</v>
      </c>
      <c r="C57" s="22">
        <v>-41</v>
      </c>
      <c r="D57" s="22">
        <v>-2</v>
      </c>
      <c r="E57" s="21">
        <v>5</v>
      </c>
      <c r="F57" s="22">
        <v>3</v>
      </c>
      <c r="G57" s="23">
        <v>2</v>
      </c>
      <c r="H57" s="22">
        <v>109</v>
      </c>
      <c r="I57" s="22">
        <v>53</v>
      </c>
      <c r="J57" s="22">
        <v>56</v>
      </c>
      <c r="K57" s="21">
        <v>147</v>
      </c>
      <c r="L57" s="53">
        <v>91</v>
      </c>
      <c r="M57" s="54">
        <v>56</v>
      </c>
    </row>
    <row r="58" spans="1:13">
      <c r="A58" s="20" t="s">
        <v>65</v>
      </c>
      <c r="B58" s="21">
        <v>7</v>
      </c>
      <c r="C58" s="22">
        <v>9</v>
      </c>
      <c r="D58" s="22">
        <v>-2</v>
      </c>
      <c r="E58" s="21">
        <v>0</v>
      </c>
      <c r="F58" s="22">
        <v>0</v>
      </c>
      <c r="G58" s="23">
        <v>0</v>
      </c>
      <c r="H58" s="22">
        <v>131</v>
      </c>
      <c r="I58" s="22">
        <v>91</v>
      </c>
      <c r="J58" s="22">
        <v>40</v>
      </c>
      <c r="K58" s="21">
        <v>124</v>
      </c>
      <c r="L58" s="53">
        <v>82</v>
      </c>
      <c r="M58" s="54">
        <v>42</v>
      </c>
    </row>
    <row r="59" spans="1:13">
      <c r="A59" s="20" t="s">
        <v>66</v>
      </c>
      <c r="B59" s="21">
        <v>-7</v>
      </c>
      <c r="C59" s="22">
        <v>2</v>
      </c>
      <c r="D59" s="22">
        <v>-9</v>
      </c>
      <c r="E59" s="21">
        <v>5</v>
      </c>
      <c r="F59" s="22">
        <v>3</v>
      </c>
      <c r="G59" s="23">
        <v>2</v>
      </c>
      <c r="H59" s="22">
        <v>129</v>
      </c>
      <c r="I59" s="22">
        <v>90</v>
      </c>
      <c r="J59" s="22">
        <v>39</v>
      </c>
      <c r="K59" s="21">
        <v>131</v>
      </c>
      <c r="L59" s="53">
        <v>85</v>
      </c>
      <c r="M59" s="54">
        <v>46</v>
      </c>
    </row>
    <row r="60" spans="1:13" ht="20.100000000000001" customHeight="1">
      <c r="A60" s="16" t="s">
        <v>67</v>
      </c>
      <c r="B60" s="17">
        <v>-66</v>
      </c>
      <c r="C60" s="18">
        <v>-45</v>
      </c>
      <c r="D60" s="18">
        <v>-21</v>
      </c>
      <c r="E60" s="17">
        <v>30</v>
      </c>
      <c r="F60" s="18">
        <v>19</v>
      </c>
      <c r="G60" s="19">
        <v>11</v>
      </c>
      <c r="H60" s="18">
        <v>509</v>
      </c>
      <c r="I60" s="18">
        <v>338</v>
      </c>
      <c r="J60" s="18">
        <v>171</v>
      </c>
      <c r="K60" s="17">
        <v>545</v>
      </c>
      <c r="L60" s="51">
        <v>364</v>
      </c>
      <c r="M60" s="52">
        <v>181</v>
      </c>
    </row>
    <row r="61" spans="1:13">
      <c r="A61" s="20" t="s">
        <v>68</v>
      </c>
      <c r="B61" s="21">
        <v>-30</v>
      </c>
      <c r="C61" s="22">
        <v>-24</v>
      </c>
      <c r="D61" s="22">
        <v>-6</v>
      </c>
      <c r="E61" s="21">
        <v>4</v>
      </c>
      <c r="F61" s="22">
        <v>3</v>
      </c>
      <c r="G61" s="23">
        <v>1</v>
      </c>
      <c r="H61" s="22">
        <v>105</v>
      </c>
      <c r="I61" s="22">
        <v>69</v>
      </c>
      <c r="J61" s="22">
        <v>36</v>
      </c>
      <c r="K61" s="21">
        <v>131</v>
      </c>
      <c r="L61" s="53">
        <v>90</v>
      </c>
      <c r="M61" s="54">
        <v>41</v>
      </c>
    </row>
    <row r="62" spans="1:13">
      <c r="A62" s="20" t="s">
        <v>69</v>
      </c>
      <c r="B62" s="21">
        <v>-19</v>
      </c>
      <c r="C62" s="22">
        <v>-12</v>
      </c>
      <c r="D62" s="22">
        <v>-7</v>
      </c>
      <c r="E62" s="21">
        <v>7</v>
      </c>
      <c r="F62" s="22">
        <v>5</v>
      </c>
      <c r="G62" s="23">
        <v>2</v>
      </c>
      <c r="H62" s="22">
        <v>98</v>
      </c>
      <c r="I62" s="22">
        <v>66</v>
      </c>
      <c r="J62" s="22">
        <v>32</v>
      </c>
      <c r="K62" s="21">
        <v>110</v>
      </c>
      <c r="L62" s="53">
        <v>73</v>
      </c>
      <c r="M62" s="54">
        <v>37</v>
      </c>
    </row>
    <row r="63" spans="1:13">
      <c r="A63" s="20" t="s">
        <v>70</v>
      </c>
      <c r="B63" s="21">
        <v>4</v>
      </c>
      <c r="C63" s="22">
        <v>-3</v>
      </c>
      <c r="D63" s="22">
        <v>7</v>
      </c>
      <c r="E63" s="21">
        <v>8</v>
      </c>
      <c r="F63" s="22">
        <v>4</v>
      </c>
      <c r="G63" s="23">
        <v>4</v>
      </c>
      <c r="H63" s="22">
        <v>115</v>
      </c>
      <c r="I63" s="22">
        <v>73</v>
      </c>
      <c r="J63" s="22">
        <v>42</v>
      </c>
      <c r="K63" s="21">
        <v>103</v>
      </c>
      <c r="L63" s="53">
        <v>72</v>
      </c>
      <c r="M63" s="54">
        <v>31</v>
      </c>
    </row>
    <row r="64" spans="1:13">
      <c r="A64" s="20" t="s">
        <v>71</v>
      </c>
      <c r="B64" s="21">
        <v>-5</v>
      </c>
      <c r="C64" s="22">
        <v>-2</v>
      </c>
      <c r="D64" s="22">
        <v>-3</v>
      </c>
      <c r="E64" s="21">
        <v>6</v>
      </c>
      <c r="F64" s="22">
        <v>2</v>
      </c>
      <c r="G64" s="23">
        <v>4</v>
      </c>
      <c r="H64" s="22">
        <v>106</v>
      </c>
      <c r="I64" s="22">
        <v>71</v>
      </c>
      <c r="J64" s="22">
        <v>35</v>
      </c>
      <c r="K64" s="21">
        <v>105</v>
      </c>
      <c r="L64" s="53">
        <v>71</v>
      </c>
      <c r="M64" s="54">
        <v>34</v>
      </c>
    </row>
    <row r="65" spans="1:13">
      <c r="A65" s="24" t="s">
        <v>72</v>
      </c>
      <c r="B65" s="25">
        <v>-16</v>
      </c>
      <c r="C65" s="26">
        <v>-4</v>
      </c>
      <c r="D65" s="26">
        <v>-12</v>
      </c>
      <c r="E65" s="25">
        <v>5</v>
      </c>
      <c r="F65" s="26">
        <v>5</v>
      </c>
      <c r="G65" s="27">
        <v>0</v>
      </c>
      <c r="H65" s="26">
        <v>85</v>
      </c>
      <c r="I65" s="26">
        <v>59</v>
      </c>
      <c r="J65" s="26">
        <v>26</v>
      </c>
      <c r="K65" s="25">
        <v>96</v>
      </c>
      <c r="L65" s="55">
        <v>58</v>
      </c>
      <c r="M65" s="56">
        <v>38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430</v>
      </c>
      <c r="C69" s="58">
        <v>745</v>
      </c>
      <c r="D69" s="59">
        <v>685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430</v>
      </c>
      <c r="C70" s="61">
        <v>745</v>
      </c>
      <c r="D70" s="62">
        <v>685</v>
      </c>
    </row>
    <row r="71" spans="1:13">
      <c r="A71" s="24" t="s">
        <v>14</v>
      </c>
      <c r="B71" s="63">
        <v>1430</v>
      </c>
      <c r="C71" s="64">
        <v>745</v>
      </c>
      <c r="D71" s="65">
        <v>685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9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68</v>
      </c>
      <c r="C77" s="18">
        <v>-37</v>
      </c>
      <c r="D77" s="18">
        <v>-31</v>
      </c>
      <c r="E77" s="17">
        <v>30</v>
      </c>
      <c r="F77" s="18">
        <v>20</v>
      </c>
      <c r="G77" s="19">
        <v>10</v>
      </c>
      <c r="H77" s="18">
        <v>358</v>
      </c>
      <c r="I77" s="18">
        <v>233</v>
      </c>
      <c r="J77" s="18">
        <v>125</v>
      </c>
      <c r="K77" s="17">
        <v>396</v>
      </c>
      <c r="L77" s="51">
        <v>250</v>
      </c>
      <c r="M77" s="52">
        <v>146</v>
      </c>
    </row>
    <row r="78" spans="1:13">
      <c r="A78" s="40" t="s">
        <v>81</v>
      </c>
      <c r="B78" s="21">
        <v>-24</v>
      </c>
      <c r="C78" s="22">
        <v>-12</v>
      </c>
      <c r="D78" s="22">
        <v>-12</v>
      </c>
      <c r="E78" s="21">
        <v>8</v>
      </c>
      <c r="F78" s="22">
        <v>6</v>
      </c>
      <c r="G78" s="23">
        <v>2</v>
      </c>
      <c r="H78" s="22">
        <v>72</v>
      </c>
      <c r="I78" s="22">
        <v>48</v>
      </c>
      <c r="J78" s="22">
        <v>24</v>
      </c>
      <c r="K78" s="21">
        <v>88</v>
      </c>
      <c r="L78" s="53">
        <v>54</v>
      </c>
      <c r="M78" s="54">
        <v>34</v>
      </c>
    </row>
    <row r="79" spans="1:13">
      <c r="A79" s="40" t="s">
        <v>82</v>
      </c>
      <c r="B79" s="21">
        <v>-5</v>
      </c>
      <c r="C79" s="22">
        <v>-5</v>
      </c>
      <c r="D79" s="22">
        <v>0</v>
      </c>
      <c r="E79" s="21">
        <v>7</v>
      </c>
      <c r="F79" s="22">
        <v>5</v>
      </c>
      <c r="G79" s="23">
        <v>2</v>
      </c>
      <c r="H79" s="22">
        <v>85</v>
      </c>
      <c r="I79" s="22">
        <v>56</v>
      </c>
      <c r="J79" s="22">
        <v>29</v>
      </c>
      <c r="K79" s="21">
        <v>83</v>
      </c>
      <c r="L79" s="53">
        <v>56</v>
      </c>
      <c r="M79" s="54">
        <v>27</v>
      </c>
    </row>
    <row r="80" spans="1:13">
      <c r="A80" s="40" t="s">
        <v>83</v>
      </c>
      <c r="B80" s="21">
        <v>-3</v>
      </c>
      <c r="C80" s="22">
        <v>0</v>
      </c>
      <c r="D80" s="22">
        <v>-3</v>
      </c>
      <c r="E80" s="21">
        <v>4</v>
      </c>
      <c r="F80" s="22">
        <v>1</v>
      </c>
      <c r="G80" s="23">
        <v>3</v>
      </c>
      <c r="H80" s="22">
        <v>85</v>
      </c>
      <c r="I80" s="22">
        <v>56</v>
      </c>
      <c r="J80" s="22">
        <v>29</v>
      </c>
      <c r="K80" s="21">
        <v>84</v>
      </c>
      <c r="L80" s="53">
        <v>55</v>
      </c>
      <c r="M80" s="54">
        <v>29</v>
      </c>
    </row>
    <row r="81" spans="1:13">
      <c r="A81" s="40" t="s">
        <v>84</v>
      </c>
      <c r="B81" s="21">
        <v>-13</v>
      </c>
      <c r="C81" s="22">
        <v>-1</v>
      </c>
      <c r="D81" s="22">
        <v>-12</v>
      </c>
      <c r="E81" s="21">
        <v>2</v>
      </c>
      <c r="F81" s="22">
        <v>2</v>
      </c>
      <c r="G81" s="23">
        <v>0</v>
      </c>
      <c r="H81" s="22">
        <v>54</v>
      </c>
      <c r="I81" s="22">
        <v>37</v>
      </c>
      <c r="J81" s="22">
        <v>17</v>
      </c>
      <c r="K81" s="21">
        <v>65</v>
      </c>
      <c r="L81" s="53">
        <v>36</v>
      </c>
      <c r="M81" s="54">
        <v>29</v>
      </c>
    </row>
    <row r="82" spans="1:13">
      <c r="A82" s="40" t="s">
        <v>85</v>
      </c>
      <c r="B82" s="21">
        <v>-23</v>
      </c>
      <c r="C82" s="22">
        <v>-19</v>
      </c>
      <c r="D82" s="22">
        <v>-4</v>
      </c>
      <c r="E82" s="21">
        <v>9</v>
      </c>
      <c r="F82" s="22">
        <v>6</v>
      </c>
      <c r="G82" s="23">
        <v>3</v>
      </c>
      <c r="H82" s="22">
        <v>62</v>
      </c>
      <c r="I82" s="22">
        <v>36</v>
      </c>
      <c r="J82" s="22">
        <v>26</v>
      </c>
      <c r="K82" s="21">
        <v>76</v>
      </c>
      <c r="L82" s="53">
        <v>49</v>
      </c>
      <c r="M82" s="54">
        <v>27</v>
      </c>
    </row>
    <row r="83" spans="1:13" ht="19.5" customHeight="1">
      <c r="A83" s="34" t="s">
        <v>86</v>
      </c>
      <c r="B83" s="17">
        <v>-56</v>
      </c>
      <c r="C83" s="18">
        <v>-33</v>
      </c>
      <c r="D83" s="18">
        <v>-23</v>
      </c>
      <c r="E83" s="17">
        <v>37</v>
      </c>
      <c r="F83" s="18">
        <v>29</v>
      </c>
      <c r="G83" s="19">
        <v>8</v>
      </c>
      <c r="H83" s="18">
        <v>239</v>
      </c>
      <c r="I83" s="18">
        <v>144</v>
      </c>
      <c r="J83" s="18">
        <v>95</v>
      </c>
      <c r="K83" s="17">
        <v>258</v>
      </c>
      <c r="L83" s="51">
        <v>148</v>
      </c>
      <c r="M83" s="52">
        <v>110</v>
      </c>
    </row>
    <row r="84" spans="1:13">
      <c r="A84" s="40" t="s">
        <v>87</v>
      </c>
      <c r="B84" s="21">
        <v>-11</v>
      </c>
      <c r="C84" s="22">
        <v>-6</v>
      </c>
      <c r="D84" s="22">
        <v>-5</v>
      </c>
      <c r="E84" s="21">
        <v>10</v>
      </c>
      <c r="F84" s="22">
        <v>8</v>
      </c>
      <c r="G84" s="23">
        <v>2</v>
      </c>
      <c r="H84" s="22">
        <v>69</v>
      </c>
      <c r="I84" s="22">
        <v>42</v>
      </c>
      <c r="J84" s="22">
        <v>27</v>
      </c>
      <c r="K84" s="21">
        <v>70</v>
      </c>
      <c r="L84" s="53">
        <v>40</v>
      </c>
      <c r="M84" s="54">
        <v>30</v>
      </c>
    </row>
    <row r="85" spans="1:13">
      <c r="A85" s="40" t="s">
        <v>88</v>
      </c>
      <c r="B85" s="21">
        <v>-2</v>
      </c>
      <c r="C85" s="22">
        <v>3</v>
      </c>
      <c r="D85" s="22">
        <v>-5</v>
      </c>
      <c r="E85" s="21">
        <v>4</v>
      </c>
      <c r="F85" s="22">
        <v>3</v>
      </c>
      <c r="G85" s="23">
        <v>1</v>
      </c>
      <c r="H85" s="22">
        <v>51</v>
      </c>
      <c r="I85" s="22">
        <v>29</v>
      </c>
      <c r="J85" s="22">
        <v>22</v>
      </c>
      <c r="K85" s="21">
        <v>49</v>
      </c>
      <c r="L85" s="53">
        <v>23</v>
      </c>
      <c r="M85" s="54">
        <v>26</v>
      </c>
    </row>
    <row r="86" spans="1:13">
      <c r="A86" s="40" t="s">
        <v>89</v>
      </c>
      <c r="B86" s="21">
        <v>-21</v>
      </c>
      <c r="C86" s="22">
        <v>-11</v>
      </c>
      <c r="D86" s="22">
        <v>-10</v>
      </c>
      <c r="E86" s="21">
        <v>5</v>
      </c>
      <c r="F86" s="22">
        <v>3</v>
      </c>
      <c r="G86" s="23">
        <v>2</v>
      </c>
      <c r="H86" s="22">
        <v>42</v>
      </c>
      <c r="I86" s="22">
        <v>27</v>
      </c>
      <c r="J86" s="22">
        <v>15</v>
      </c>
      <c r="K86" s="21">
        <v>58</v>
      </c>
      <c r="L86" s="53">
        <v>35</v>
      </c>
      <c r="M86" s="54">
        <v>23</v>
      </c>
    </row>
    <row r="87" spans="1:13">
      <c r="A87" s="40" t="s">
        <v>90</v>
      </c>
      <c r="B87" s="21">
        <v>-7</v>
      </c>
      <c r="C87" s="22">
        <v>-12</v>
      </c>
      <c r="D87" s="22">
        <v>5</v>
      </c>
      <c r="E87" s="21">
        <v>9</v>
      </c>
      <c r="F87" s="22">
        <v>8</v>
      </c>
      <c r="G87" s="23">
        <v>1</v>
      </c>
      <c r="H87" s="22">
        <v>43</v>
      </c>
      <c r="I87" s="22">
        <v>22</v>
      </c>
      <c r="J87" s="22">
        <v>21</v>
      </c>
      <c r="K87" s="21">
        <v>41</v>
      </c>
      <c r="L87" s="53">
        <v>26</v>
      </c>
      <c r="M87" s="54">
        <v>15</v>
      </c>
    </row>
    <row r="88" spans="1:13">
      <c r="A88" s="40" t="s">
        <v>91</v>
      </c>
      <c r="B88" s="21">
        <v>-15</v>
      </c>
      <c r="C88" s="22">
        <v>-7</v>
      </c>
      <c r="D88" s="22">
        <v>-8</v>
      </c>
      <c r="E88" s="21">
        <v>9</v>
      </c>
      <c r="F88" s="22">
        <v>7</v>
      </c>
      <c r="G88" s="23">
        <v>2</v>
      </c>
      <c r="H88" s="22">
        <v>34</v>
      </c>
      <c r="I88" s="22">
        <v>24</v>
      </c>
      <c r="J88" s="22">
        <v>10</v>
      </c>
      <c r="K88" s="21">
        <v>40</v>
      </c>
      <c r="L88" s="53">
        <v>24</v>
      </c>
      <c r="M88" s="54">
        <v>16</v>
      </c>
    </row>
    <row r="89" spans="1:13" ht="19.5" customHeight="1">
      <c r="A89" s="34" t="s">
        <v>92</v>
      </c>
      <c r="B89" s="17">
        <v>-83</v>
      </c>
      <c r="C89" s="18">
        <v>-55</v>
      </c>
      <c r="D89" s="18">
        <v>-28</v>
      </c>
      <c r="E89" s="17">
        <v>69</v>
      </c>
      <c r="F89" s="18">
        <v>47</v>
      </c>
      <c r="G89" s="19">
        <v>22</v>
      </c>
      <c r="H89" s="18">
        <v>136</v>
      </c>
      <c r="I89" s="18">
        <v>77</v>
      </c>
      <c r="J89" s="18">
        <v>59</v>
      </c>
      <c r="K89" s="17">
        <v>150</v>
      </c>
      <c r="L89" s="51">
        <v>85</v>
      </c>
      <c r="M89" s="52">
        <v>65</v>
      </c>
    </row>
    <row r="90" spans="1:13">
      <c r="A90" s="40" t="s">
        <v>93</v>
      </c>
      <c r="B90" s="21">
        <v>-15</v>
      </c>
      <c r="C90" s="22">
        <v>-11</v>
      </c>
      <c r="D90" s="22">
        <v>-4</v>
      </c>
      <c r="E90" s="21">
        <v>9</v>
      </c>
      <c r="F90" s="22">
        <v>6</v>
      </c>
      <c r="G90" s="23">
        <v>3</v>
      </c>
      <c r="H90" s="22">
        <v>38</v>
      </c>
      <c r="I90" s="22">
        <v>23</v>
      </c>
      <c r="J90" s="22">
        <v>15</v>
      </c>
      <c r="K90" s="21">
        <v>44</v>
      </c>
      <c r="L90" s="53">
        <v>28</v>
      </c>
      <c r="M90" s="54">
        <v>16</v>
      </c>
    </row>
    <row r="91" spans="1:13">
      <c r="A91" s="40" t="s">
        <v>94</v>
      </c>
      <c r="B91" s="21">
        <v>-19</v>
      </c>
      <c r="C91" s="22">
        <v>-11</v>
      </c>
      <c r="D91" s="22">
        <v>-8</v>
      </c>
      <c r="E91" s="21">
        <v>9</v>
      </c>
      <c r="F91" s="22">
        <v>8</v>
      </c>
      <c r="G91" s="23">
        <v>1</v>
      </c>
      <c r="H91" s="22">
        <v>21</v>
      </c>
      <c r="I91" s="22">
        <v>12</v>
      </c>
      <c r="J91" s="22">
        <v>9</v>
      </c>
      <c r="K91" s="21">
        <v>31</v>
      </c>
      <c r="L91" s="53">
        <v>15</v>
      </c>
      <c r="M91" s="54">
        <v>16</v>
      </c>
    </row>
    <row r="92" spans="1:13">
      <c r="A92" s="40" t="s">
        <v>95</v>
      </c>
      <c r="B92" s="21">
        <v>-23</v>
      </c>
      <c r="C92" s="22">
        <v>-15</v>
      </c>
      <c r="D92" s="22">
        <v>-8</v>
      </c>
      <c r="E92" s="21">
        <v>18</v>
      </c>
      <c r="F92" s="22">
        <v>10</v>
      </c>
      <c r="G92" s="23">
        <v>8</v>
      </c>
      <c r="H92" s="22">
        <v>23</v>
      </c>
      <c r="I92" s="22">
        <v>14</v>
      </c>
      <c r="J92" s="22">
        <v>9</v>
      </c>
      <c r="K92" s="21">
        <v>28</v>
      </c>
      <c r="L92" s="53">
        <v>19</v>
      </c>
      <c r="M92" s="54">
        <v>9</v>
      </c>
    </row>
    <row r="93" spans="1:13">
      <c r="A93" s="40" t="s">
        <v>96</v>
      </c>
      <c r="B93" s="21">
        <v>-19</v>
      </c>
      <c r="C93" s="22">
        <v>-13</v>
      </c>
      <c r="D93" s="22">
        <v>-6</v>
      </c>
      <c r="E93" s="21">
        <v>15</v>
      </c>
      <c r="F93" s="22">
        <v>9</v>
      </c>
      <c r="G93" s="23">
        <v>6</v>
      </c>
      <c r="H93" s="22">
        <v>28</v>
      </c>
      <c r="I93" s="22">
        <v>13</v>
      </c>
      <c r="J93" s="22">
        <v>15</v>
      </c>
      <c r="K93" s="21">
        <v>32</v>
      </c>
      <c r="L93" s="53">
        <v>17</v>
      </c>
      <c r="M93" s="54">
        <v>15</v>
      </c>
    </row>
    <row r="94" spans="1:13">
      <c r="A94" s="40" t="s">
        <v>97</v>
      </c>
      <c r="B94" s="21">
        <v>-7</v>
      </c>
      <c r="C94" s="22">
        <v>-5</v>
      </c>
      <c r="D94" s="22">
        <v>-2</v>
      </c>
      <c r="E94" s="21">
        <v>18</v>
      </c>
      <c r="F94" s="22">
        <v>14</v>
      </c>
      <c r="G94" s="23">
        <v>4</v>
      </c>
      <c r="H94" s="22">
        <v>26</v>
      </c>
      <c r="I94" s="22">
        <v>15</v>
      </c>
      <c r="J94" s="22">
        <v>11</v>
      </c>
      <c r="K94" s="21">
        <v>15</v>
      </c>
      <c r="L94" s="53">
        <v>6</v>
      </c>
      <c r="M94" s="54">
        <v>9</v>
      </c>
    </row>
    <row r="95" spans="1:13" ht="19.5" customHeight="1">
      <c r="A95" s="34" t="s">
        <v>98</v>
      </c>
      <c r="B95" s="17">
        <v>-134</v>
      </c>
      <c r="C95" s="18">
        <v>-73</v>
      </c>
      <c r="D95" s="18">
        <v>-61</v>
      </c>
      <c r="E95" s="17">
        <v>144</v>
      </c>
      <c r="F95" s="18">
        <v>87</v>
      </c>
      <c r="G95" s="19">
        <v>57</v>
      </c>
      <c r="H95" s="18">
        <v>148</v>
      </c>
      <c r="I95" s="18">
        <v>92</v>
      </c>
      <c r="J95" s="18">
        <v>56</v>
      </c>
      <c r="K95" s="17">
        <v>138</v>
      </c>
      <c r="L95" s="51">
        <v>78</v>
      </c>
      <c r="M95" s="52">
        <v>60</v>
      </c>
    </row>
    <row r="96" spans="1:13">
      <c r="A96" s="40" t="s">
        <v>99</v>
      </c>
      <c r="B96" s="21">
        <v>-15</v>
      </c>
      <c r="C96" s="22">
        <v>-7</v>
      </c>
      <c r="D96" s="22">
        <v>-8</v>
      </c>
      <c r="E96" s="21">
        <v>20</v>
      </c>
      <c r="F96" s="22">
        <v>13</v>
      </c>
      <c r="G96" s="23">
        <v>7</v>
      </c>
      <c r="H96" s="22">
        <v>34</v>
      </c>
      <c r="I96" s="22">
        <v>23</v>
      </c>
      <c r="J96" s="22">
        <v>11</v>
      </c>
      <c r="K96" s="21">
        <v>29</v>
      </c>
      <c r="L96" s="53">
        <v>17</v>
      </c>
      <c r="M96" s="54">
        <v>12</v>
      </c>
    </row>
    <row r="97" spans="1:13">
      <c r="A97" s="40" t="s">
        <v>100</v>
      </c>
      <c r="B97" s="21">
        <v>-25</v>
      </c>
      <c r="C97" s="22">
        <v>-12</v>
      </c>
      <c r="D97" s="22">
        <v>-13</v>
      </c>
      <c r="E97" s="21">
        <v>18</v>
      </c>
      <c r="F97" s="22">
        <v>9</v>
      </c>
      <c r="G97" s="23">
        <v>9</v>
      </c>
      <c r="H97" s="22">
        <v>24</v>
      </c>
      <c r="I97" s="22">
        <v>13</v>
      </c>
      <c r="J97" s="22">
        <v>11</v>
      </c>
      <c r="K97" s="21">
        <v>31</v>
      </c>
      <c r="L97" s="53">
        <v>16</v>
      </c>
      <c r="M97" s="54">
        <v>15</v>
      </c>
    </row>
    <row r="98" spans="1:13">
      <c r="A98" s="40" t="s">
        <v>101</v>
      </c>
      <c r="B98" s="21">
        <v>-28</v>
      </c>
      <c r="C98" s="22">
        <v>-13</v>
      </c>
      <c r="D98" s="22">
        <v>-15</v>
      </c>
      <c r="E98" s="21">
        <v>30</v>
      </c>
      <c r="F98" s="22">
        <v>16</v>
      </c>
      <c r="G98" s="23">
        <v>14</v>
      </c>
      <c r="H98" s="22">
        <v>25</v>
      </c>
      <c r="I98" s="22">
        <v>15</v>
      </c>
      <c r="J98" s="22">
        <v>10</v>
      </c>
      <c r="K98" s="21">
        <v>23</v>
      </c>
      <c r="L98" s="53">
        <v>12</v>
      </c>
      <c r="M98" s="54">
        <v>11</v>
      </c>
    </row>
    <row r="99" spans="1:13">
      <c r="A99" s="40" t="s">
        <v>102</v>
      </c>
      <c r="B99" s="21">
        <v>-42</v>
      </c>
      <c r="C99" s="22">
        <v>-29</v>
      </c>
      <c r="D99" s="22">
        <v>-13</v>
      </c>
      <c r="E99" s="21">
        <v>38</v>
      </c>
      <c r="F99" s="22">
        <v>27</v>
      </c>
      <c r="G99" s="23">
        <v>11</v>
      </c>
      <c r="H99" s="22">
        <v>23</v>
      </c>
      <c r="I99" s="22">
        <v>14</v>
      </c>
      <c r="J99" s="22">
        <v>9</v>
      </c>
      <c r="K99" s="21">
        <v>27</v>
      </c>
      <c r="L99" s="53">
        <v>16</v>
      </c>
      <c r="M99" s="54">
        <v>11</v>
      </c>
    </row>
    <row r="100" spans="1:13">
      <c r="A100" s="40" t="s">
        <v>103</v>
      </c>
      <c r="B100" s="21">
        <v>-24</v>
      </c>
      <c r="C100" s="22">
        <v>-12</v>
      </c>
      <c r="D100" s="22">
        <v>-12</v>
      </c>
      <c r="E100" s="21">
        <v>38</v>
      </c>
      <c r="F100" s="22">
        <v>22</v>
      </c>
      <c r="G100" s="23">
        <v>16</v>
      </c>
      <c r="H100" s="22">
        <v>42</v>
      </c>
      <c r="I100" s="22">
        <v>27</v>
      </c>
      <c r="J100" s="22">
        <v>15</v>
      </c>
      <c r="K100" s="21">
        <v>28</v>
      </c>
      <c r="L100" s="53">
        <v>17</v>
      </c>
      <c r="M100" s="54">
        <v>11</v>
      </c>
    </row>
    <row r="101" spans="1:13" ht="19.5" customHeight="1">
      <c r="A101" s="34" t="s">
        <v>104</v>
      </c>
      <c r="B101" s="17">
        <v>-194</v>
      </c>
      <c r="C101" s="18">
        <v>-135</v>
      </c>
      <c r="D101" s="18">
        <v>-59</v>
      </c>
      <c r="E101" s="17">
        <v>191</v>
      </c>
      <c r="F101" s="18">
        <v>133</v>
      </c>
      <c r="G101" s="19">
        <v>58</v>
      </c>
      <c r="H101" s="18">
        <v>118</v>
      </c>
      <c r="I101" s="18">
        <v>56</v>
      </c>
      <c r="J101" s="18">
        <v>62</v>
      </c>
      <c r="K101" s="17">
        <v>121</v>
      </c>
      <c r="L101" s="51">
        <v>58</v>
      </c>
      <c r="M101" s="52">
        <v>63</v>
      </c>
    </row>
    <row r="102" spans="1:13">
      <c r="A102" s="40" t="s">
        <v>105</v>
      </c>
      <c r="B102" s="21">
        <v>-39</v>
      </c>
      <c r="C102" s="22">
        <v>-31</v>
      </c>
      <c r="D102" s="22">
        <v>-8</v>
      </c>
      <c r="E102" s="21">
        <v>35</v>
      </c>
      <c r="F102" s="22">
        <v>28</v>
      </c>
      <c r="G102" s="23">
        <v>7</v>
      </c>
      <c r="H102" s="22">
        <v>31</v>
      </c>
      <c r="I102" s="22">
        <v>15</v>
      </c>
      <c r="J102" s="22">
        <v>16</v>
      </c>
      <c r="K102" s="21">
        <v>35</v>
      </c>
      <c r="L102" s="53">
        <v>18</v>
      </c>
      <c r="M102" s="54">
        <v>17</v>
      </c>
    </row>
    <row r="103" spans="1:13">
      <c r="A103" s="40" t="s">
        <v>106</v>
      </c>
      <c r="B103" s="21">
        <v>-53</v>
      </c>
      <c r="C103" s="22">
        <v>-35</v>
      </c>
      <c r="D103" s="22">
        <v>-18</v>
      </c>
      <c r="E103" s="21">
        <v>44</v>
      </c>
      <c r="F103" s="22">
        <v>30</v>
      </c>
      <c r="G103" s="23">
        <v>14</v>
      </c>
      <c r="H103" s="22">
        <v>28</v>
      </c>
      <c r="I103" s="22">
        <v>12</v>
      </c>
      <c r="J103" s="22">
        <v>16</v>
      </c>
      <c r="K103" s="21">
        <v>37</v>
      </c>
      <c r="L103" s="53">
        <v>17</v>
      </c>
      <c r="M103" s="54">
        <v>20</v>
      </c>
    </row>
    <row r="104" spans="1:13">
      <c r="A104" s="40" t="s">
        <v>107</v>
      </c>
      <c r="B104" s="21">
        <v>-38</v>
      </c>
      <c r="C104" s="22">
        <v>-30</v>
      </c>
      <c r="D104" s="22">
        <v>-8</v>
      </c>
      <c r="E104" s="21">
        <v>39</v>
      </c>
      <c r="F104" s="22">
        <v>25</v>
      </c>
      <c r="G104" s="23">
        <v>14</v>
      </c>
      <c r="H104" s="22">
        <v>22</v>
      </c>
      <c r="I104" s="22">
        <v>9</v>
      </c>
      <c r="J104" s="22">
        <v>13</v>
      </c>
      <c r="K104" s="21">
        <v>21</v>
      </c>
      <c r="L104" s="53">
        <v>14</v>
      </c>
      <c r="M104" s="54">
        <v>7</v>
      </c>
    </row>
    <row r="105" spans="1:13">
      <c r="A105" s="40" t="s">
        <v>108</v>
      </c>
      <c r="B105" s="21">
        <v>-33</v>
      </c>
      <c r="C105" s="22">
        <v>-15</v>
      </c>
      <c r="D105" s="22">
        <v>-18</v>
      </c>
      <c r="E105" s="21">
        <v>33</v>
      </c>
      <c r="F105" s="22">
        <v>21</v>
      </c>
      <c r="G105" s="23">
        <v>12</v>
      </c>
      <c r="H105" s="22">
        <v>15</v>
      </c>
      <c r="I105" s="22">
        <v>9</v>
      </c>
      <c r="J105" s="22">
        <v>6</v>
      </c>
      <c r="K105" s="21">
        <v>15</v>
      </c>
      <c r="L105" s="53">
        <v>3</v>
      </c>
      <c r="M105" s="54">
        <v>12</v>
      </c>
    </row>
    <row r="106" spans="1:13">
      <c r="A106" s="40" t="s">
        <v>109</v>
      </c>
      <c r="B106" s="21">
        <v>-31</v>
      </c>
      <c r="C106" s="22">
        <v>-24</v>
      </c>
      <c r="D106" s="22">
        <v>-7</v>
      </c>
      <c r="E106" s="21">
        <v>40</v>
      </c>
      <c r="F106" s="22">
        <v>29</v>
      </c>
      <c r="G106" s="23">
        <v>11</v>
      </c>
      <c r="H106" s="22">
        <v>22</v>
      </c>
      <c r="I106" s="22">
        <v>11</v>
      </c>
      <c r="J106" s="22">
        <v>11</v>
      </c>
      <c r="K106" s="21">
        <v>13</v>
      </c>
      <c r="L106" s="53">
        <v>6</v>
      </c>
      <c r="M106" s="54">
        <v>7</v>
      </c>
    </row>
    <row r="107" spans="1:13" ht="19.5" customHeight="1">
      <c r="A107" s="34" t="s">
        <v>110</v>
      </c>
      <c r="B107" s="17">
        <v>-266</v>
      </c>
      <c r="C107" s="18">
        <v>-179</v>
      </c>
      <c r="D107" s="18">
        <v>-87</v>
      </c>
      <c r="E107" s="17">
        <v>274</v>
      </c>
      <c r="F107" s="18">
        <v>185</v>
      </c>
      <c r="G107" s="19">
        <v>89</v>
      </c>
      <c r="H107" s="18">
        <v>102</v>
      </c>
      <c r="I107" s="18">
        <v>52</v>
      </c>
      <c r="J107" s="18">
        <v>50</v>
      </c>
      <c r="K107" s="17">
        <v>94</v>
      </c>
      <c r="L107" s="51">
        <v>46</v>
      </c>
      <c r="M107" s="52">
        <v>48</v>
      </c>
    </row>
    <row r="108" spans="1:13">
      <c r="A108" s="40" t="s">
        <v>111</v>
      </c>
      <c r="B108" s="21">
        <v>-51</v>
      </c>
      <c r="C108" s="22">
        <v>-45</v>
      </c>
      <c r="D108" s="22">
        <v>-6</v>
      </c>
      <c r="E108" s="21">
        <v>54</v>
      </c>
      <c r="F108" s="22">
        <v>42</v>
      </c>
      <c r="G108" s="23">
        <v>12</v>
      </c>
      <c r="H108" s="22">
        <v>17</v>
      </c>
      <c r="I108" s="22">
        <v>6</v>
      </c>
      <c r="J108" s="22">
        <v>11</v>
      </c>
      <c r="K108" s="21">
        <v>14</v>
      </c>
      <c r="L108" s="53">
        <v>9</v>
      </c>
      <c r="M108" s="54">
        <v>5</v>
      </c>
    </row>
    <row r="109" spans="1:13">
      <c r="A109" s="40" t="s">
        <v>112</v>
      </c>
      <c r="B109" s="21">
        <v>-56</v>
      </c>
      <c r="C109" s="22">
        <v>-38</v>
      </c>
      <c r="D109" s="22">
        <v>-18</v>
      </c>
      <c r="E109" s="21">
        <v>59</v>
      </c>
      <c r="F109" s="22">
        <v>39</v>
      </c>
      <c r="G109" s="23">
        <v>20</v>
      </c>
      <c r="H109" s="22">
        <v>21</v>
      </c>
      <c r="I109" s="22">
        <v>13</v>
      </c>
      <c r="J109" s="22">
        <v>8</v>
      </c>
      <c r="K109" s="21">
        <v>18</v>
      </c>
      <c r="L109" s="53">
        <v>12</v>
      </c>
      <c r="M109" s="54">
        <v>6</v>
      </c>
    </row>
    <row r="110" spans="1:13">
      <c r="A110" s="40" t="s">
        <v>113</v>
      </c>
      <c r="B110" s="21">
        <v>-63</v>
      </c>
      <c r="C110" s="22">
        <v>-37</v>
      </c>
      <c r="D110" s="22">
        <v>-26</v>
      </c>
      <c r="E110" s="21">
        <v>57</v>
      </c>
      <c r="F110" s="22">
        <v>41</v>
      </c>
      <c r="G110" s="23">
        <v>16</v>
      </c>
      <c r="H110" s="22">
        <v>19</v>
      </c>
      <c r="I110" s="22">
        <v>13</v>
      </c>
      <c r="J110" s="22">
        <v>6</v>
      </c>
      <c r="K110" s="21">
        <v>25</v>
      </c>
      <c r="L110" s="53">
        <v>9</v>
      </c>
      <c r="M110" s="54">
        <v>16</v>
      </c>
    </row>
    <row r="111" spans="1:13">
      <c r="A111" s="40" t="s">
        <v>114</v>
      </c>
      <c r="B111" s="21">
        <v>-44</v>
      </c>
      <c r="C111" s="22">
        <v>-21</v>
      </c>
      <c r="D111" s="22">
        <v>-23</v>
      </c>
      <c r="E111" s="21">
        <v>50</v>
      </c>
      <c r="F111" s="22">
        <v>27</v>
      </c>
      <c r="G111" s="23">
        <v>23</v>
      </c>
      <c r="H111" s="22">
        <v>27</v>
      </c>
      <c r="I111" s="22">
        <v>13</v>
      </c>
      <c r="J111" s="22">
        <v>14</v>
      </c>
      <c r="K111" s="21">
        <v>21</v>
      </c>
      <c r="L111" s="53">
        <v>7</v>
      </c>
      <c r="M111" s="54">
        <v>14</v>
      </c>
    </row>
    <row r="112" spans="1:13">
      <c r="A112" s="40" t="s">
        <v>115</v>
      </c>
      <c r="B112" s="21">
        <v>-52</v>
      </c>
      <c r="C112" s="22">
        <v>-38</v>
      </c>
      <c r="D112" s="22">
        <v>-14</v>
      </c>
      <c r="E112" s="21">
        <v>54</v>
      </c>
      <c r="F112" s="22">
        <v>36</v>
      </c>
      <c r="G112" s="23">
        <v>18</v>
      </c>
      <c r="H112" s="22">
        <v>18</v>
      </c>
      <c r="I112" s="22">
        <v>7</v>
      </c>
      <c r="J112" s="22">
        <v>11</v>
      </c>
      <c r="K112" s="21">
        <v>16</v>
      </c>
      <c r="L112" s="53">
        <v>9</v>
      </c>
      <c r="M112" s="54">
        <v>7</v>
      </c>
    </row>
    <row r="113" spans="1:13" ht="19.5" customHeight="1">
      <c r="A113" s="34" t="s">
        <v>116</v>
      </c>
      <c r="B113" s="17">
        <v>-304</v>
      </c>
      <c r="C113" s="18">
        <v>-174</v>
      </c>
      <c r="D113" s="18">
        <v>-130</v>
      </c>
      <c r="E113" s="17">
        <v>319</v>
      </c>
      <c r="F113" s="18">
        <v>175</v>
      </c>
      <c r="G113" s="19">
        <v>144</v>
      </c>
      <c r="H113" s="18">
        <v>103</v>
      </c>
      <c r="I113" s="18">
        <v>34</v>
      </c>
      <c r="J113" s="18">
        <v>69</v>
      </c>
      <c r="K113" s="17">
        <v>88</v>
      </c>
      <c r="L113" s="51">
        <v>33</v>
      </c>
      <c r="M113" s="52">
        <v>55</v>
      </c>
    </row>
    <row r="114" spans="1:13">
      <c r="A114" s="40" t="s">
        <v>117</v>
      </c>
      <c r="B114" s="21">
        <v>-46</v>
      </c>
      <c r="C114" s="22">
        <v>-31</v>
      </c>
      <c r="D114" s="22">
        <v>-15</v>
      </c>
      <c r="E114" s="21">
        <v>58</v>
      </c>
      <c r="F114" s="22">
        <v>33</v>
      </c>
      <c r="G114" s="23">
        <v>25</v>
      </c>
      <c r="H114" s="22">
        <v>28</v>
      </c>
      <c r="I114" s="22">
        <v>9</v>
      </c>
      <c r="J114" s="22">
        <v>19</v>
      </c>
      <c r="K114" s="21">
        <v>16</v>
      </c>
      <c r="L114" s="53">
        <v>7</v>
      </c>
      <c r="M114" s="54">
        <v>9</v>
      </c>
    </row>
    <row r="115" spans="1:13">
      <c r="A115" s="40" t="s">
        <v>118</v>
      </c>
      <c r="B115" s="21">
        <v>-65</v>
      </c>
      <c r="C115" s="22">
        <v>-41</v>
      </c>
      <c r="D115" s="22">
        <v>-24</v>
      </c>
      <c r="E115" s="21">
        <v>72</v>
      </c>
      <c r="F115" s="22">
        <v>43</v>
      </c>
      <c r="G115" s="23">
        <v>29</v>
      </c>
      <c r="H115" s="22">
        <v>26</v>
      </c>
      <c r="I115" s="22">
        <v>8</v>
      </c>
      <c r="J115" s="22">
        <v>18</v>
      </c>
      <c r="K115" s="21">
        <v>19</v>
      </c>
      <c r="L115" s="53">
        <v>6</v>
      </c>
      <c r="M115" s="54">
        <v>13</v>
      </c>
    </row>
    <row r="116" spans="1:13">
      <c r="A116" s="40" t="s">
        <v>119</v>
      </c>
      <c r="B116" s="21">
        <v>-59</v>
      </c>
      <c r="C116" s="22">
        <v>-30</v>
      </c>
      <c r="D116" s="22">
        <v>-29</v>
      </c>
      <c r="E116" s="21">
        <v>61</v>
      </c>
      <c r="F116" s="22">
        <v>33</v>
      </c>
      <c r="G116" s="23">
        <v>28</v>
      </c>
      <c r="H116" s="22">
        <v>13</v>
      </c>
      <c r="I116" s="22">
        <v>6</v>
      </c>
      <c r="J116" s="22">
        <v>7</v>
      </c>
      <c r="K116" s="21">
        <v>11</v>
      </c>
      <c r="L116" s="53">
        <v>3</v>
      </c>
      <c r="M116" s="54">
        <v>8</v>
      </c>
    </row>
    <row r="117" spans="1:13">
      <c r="A117" s="40" t="s">
        <v>120</v>
      </c>
      <c r="B117" s="21">
        <v>-62</v>
      </c>
      <c r="C117" s="22">
        <v>-36</v>
      </c>
      <c r="D117" s="22">
        <v>-26</v>
      </c>
      <c r="E117" s="21">
        <v>60</v>
      </c>
      <c r="F117" s="22">
        <v>33</v>
      </c>
      <c r="G117" s="23">
        <v>27</v>
      </c>
      <c r="H117" s="22">
        <v>21</v>
      </c>
      <c r="I117" s="22">
        <v>7</v>
      </c>
      <c r="J117" s="22">
        <v>14</v>
      </c>
      <c r="K117" s="21">
        <v>23</v>
      </c>
      <c r="L117" s="53">
        <v>10</v>
      </c>
      <c r="M117" s="54">
        <v>13</v>
      </c>
    </row>
    <row r="118" spans="1:13">
      <c r="A118" s="40" t="s">
        <v>121</v>
      </c>
      <c r="B118" s="21">
        <v>-72</v>
      </c>
      <c r="C118" s="22">
        <v>-36</v>
      </c>
      <c r="D118" s="22">
        <v>-36</v>
      </c>
      <c r="E118" s="21">
        <v>68</v>
      </c>
      <c r="F118" s="22">
        <v>33</v>
      </c>
      <c r="G118" s="23">
        <v>35</v>
      </c>
      <c r="H118" s="22">
        <v>15</v>
      </c>
      <c r="I118" s="22">
        <v>4</v>
      </c>
      <c r="J118" s="22">
        <v>11</v>
      </c>
      <c r="K118" s="21">
        <v>19</v>
      </c>
      <c r="L118" s="53">
        <v>7</v>
      </c>
      <c r="M118" s="54">
        <v>12</v>
      </c>
    </row>
    <row r="119" spans="1:13" ht="19.5" customHeight="1">
      <c r="A119" s="34" t="s">
        <v>122</v>
      </c>
      <c r="B119" s="17">
        <v>-316</v>
      </c>
      <c r="C119" s="18">
        <v>-173</v>
      </c>
      <c r="D119" s="18">
        <v>-143</v>
      </c>
      <c r="E119" s="17">
        <v>331</v>
      </c>
      <c r="F119" s="18">
        <v>171</v>
      </c>
      <c r="G119" s="19">
        <v>160</v>
      </c>
      <c r="H119" s="18">
        <v>67</v>
      </c>
      <c r="I119" s="18">
        <v>17</v>
      </c>
      <c r="J119" s="18">
        <v>50</v>
      </c>
      <c r="K119" s="17">
        <v>52</v>
      </c>
      <c r="L119" s="51">
        <v>19</v>
      </c>
      <c r="M119" s="52">
        <v>33</v>
      </c>
    </row>
    <row r="120" spans="1:13">
      <c r="A120" s="40" t="s">
        <v>123</v>
      </c>
      <c r="B120" s="21">
        <v>-67</v>
      </c>
      <c r="C120" s="22">
        <v>-39</v>
      </c>
      <c r="D120" s="22">
        <v>-28</v>
      </c>
      <c r="E120" s="21">
        <v>69</v>
      </c>
      <c r="F120" s="22">
        <v>36</v>
      </c>
      <c r="G120" s="23">
        <v>33</v>
      </c>
      <c r="H120" s="22">
        <v>15</v>
      </c>
      <c r="I120" s="22">
        <v>6</v>
      </c>
      <c r="J120" s="22">
        <v>9</v>
      </c>
      <c r="K120" s="21">
        <v>13</v>
      </c>
      <c r="L120" s="53">
        <v>9</v>
      </c>
      <c r="M120" s="54">
        <v>4</v>
      </c>
    </row>
    <row r="121" spans="1:13">
      <c r="A121" s="40" t="s">
        <v>124</v>
      </c>
      <c r="B121" s="21">
        <v>-86</v>
      </c>
      <c r="C121" s="22">
        <v>-52</v>
      </c>
      <c r="D121" s="22">
        <v>-34</v>
      </c>
      <c r="E121" s="21">
        <v>87</v>
      </c>
      <c r="F121" s="22">
        <v>54</v>
      </c>
      <c r="G121" s="23">
        <v>33</v>
      </c>
      <c r="H121" s="22">
        <v>12</v>
      </c>
      <c r="I121" s="22">
        <v>4</v>
      </c>
      <c r="J121" s="22">
        <v>8</v>
      </c>
      <c r="K121" s="21">
        <v>11</v>
      </c>
      <c r="L121" s="53">
        <v>2</v>
      </c>
      <c r="M121" s="54">
        <v>9</v>
      </c>
    </row>
    <row r="122" spans="1:13">
      <c r="A122" s="40" t="s">
        <v>125</v>
      </c>
      <c r="B122" s="21">
        <v>-61</v>
      </c>
      <c r="C122" s="22">
        <v>-29</v>
      </c>
      <c r="D122" s="22">
        <v>-32</v>
      </c>
      <c r="E122" s="21">
        <v>66</v>
      </c>
      <c r="F122" s="22">
        <v>30</v>
      </c>
      <c r="G122" s="23">
        <v>36</v>
      </c>
      <c r="H122" s="22">
        <v>16</v>
      </c>
      <c r="I122" s="22">
        <v>5</v>
      </c>
      <c r="J122" s="22">
        <v>11</v>
      </c>
      <c r="K122" s="21">
        <v>11</v>
      </c>
      <c r="L122" s="53">
        <v>4</v>
      </c>
      <c r="M122" s="54">
        <v>7</v>
      </c>
    </row>
    <row r="123" spans="1:13">
      <c r="A123" s="40" t="s">
        <v>126</v>
      </c>
      <c r="B123" s="21">
        <v>-61</v>
      </c>
      <c r="C123" s="22">
        <v>-33</v>
      </c>
      <c r="D123" s="22">
        <v>-28</v>
      </c>
      <c r="E123" s="21">
        <v>63</v>
      </c>
      <c r="F123" s="22">
        <v>31</v>
      </c>
      <c r="G123" s="23">
        <v>32</v>
      </c>
      <c r="H123" s="22">
        <v>13</v>
      </c>
      <c r="I123" s="22">
        <v>1</v>
      </c>
      <c r="J123" s="22">
        <v>12</v>
      </c>
      <c r="K123" s="21">
        <v>11</v>
      </c>
      <c r="L123" s="53">
        <v>3</v>
      </c>
      <c r="M123" s="54">
        <v>8</v>
      </c>
    </row>
    <row r="124" spans="1:13">
      <c r="A124" s="40" t="s">
        <v>127</v>
      </c>
      <c r="B124" s="21">
        <v>-41</v>
      </c>
      <c r="C124" s="22">
        <v>-20</v>
      </c>
      <c r="D124" s="22">
        <v>-21</v>
      </c>
      <c r="E124" s="21">
        <v>46</v>
      </c>
      <c r="F124" s="22">
        <v>20</v>
      </c>
      <c r="G124" s="23">
        <v>26</v>
      </c>
      <c r="H124" s="22">
        <v>11</v>
      </c>
      <c r="I124" s="22">
        <v>1</v>
      </c>
      <c r="J124" s="22">
        <v>10</v>
      </c>
      <c r="K124" s="21">
        <v>6</v>
      </c>
      <c r="L124" s="53">
        <v>1</v>
      </c>
      <c r="M124" s="54">
        <v>5</v>
      </c>
    </row>
    <row r="125" spans="1:13" ht="19.5" customHeight="1">
      <c r="A125" s="34" t="s">
        <v>128</v>
      </c>
      <c r="B125" s="17">
        <v>-265</v>
      </c>
      <c r="C125" s="18">
        <v>-96</v>
      </c>
      <c r="D125" s="18">
        <v>-169</v>
      </c>
      <c r="E125" s="17">
        <v>280</v>
      </c>
      <c r="F125" s="18">
        <v>102</v>
      </c>
      <c r="G125" s="19">
        <v>178</v>
      </c>
      <c r="H125" s="18">
        <v>37</v>
      </c>
      <c r="I125" s="18">
        <v>11</v>
      </c>
      <c r="J125" s="18">
        <v>26</v>
      </c>
      <c r="K125" s="17">
        <v>22</v>
      </c>
      <c r="L125" s="51">
        <v>5</v>
      </c>
      <c r="M125" s="52">
        <v>17</v>
      </c>
    </row>
    <row r="126" spans="1:13">
      <c r="A126" s="40" t="s">
        <v>129</v>
      </c>
      <c r="B126" s="21">
        <v>-78</v>
      </c>
      <c r="C126" s="22">
        <v>-33</v>
      </c>
      <c r="D126" s="22">
        <v>-45</v>
      </c>
      <c r="E126" s="21">
        <v>77</v>
      </c>
      <c r="F126" s="22">
        <v>35</v>
      </c>
      <c r="G126" s="23">
        <v>42</v>
      </c>
      <c r="H126" s="22">
        <v>7</v>
      </c>
      <c r="I126" s="22">
        <v>4</v>
      </c>
      <c r="J126" s="22">
        <v>3</v>
      </c>
      <c r="K126" s="21">
        <v>8</v>
      </c>
      <c r="L126" s="53">
        <v>2</v>
      </c>
      <c r="M126" s="54">
        <v>6</v>
      </c>
    </row>
    <row r="127" spans="1:13">
      <c r="A127" s="40" t="s">
        <v>130</v>
      </c>
      <c r="B127" s="21">
        <v>-56</v>
      </c>
      <c r="C127" s="22">
        <v>-29</v>
      </c>
      <c r="D127" s="22">
        <v>-27</v>
      </c>
      <c r="E127" s="21">
        <v>61</v>
      </c>
      <c r="F127" s="22">
        <v>30</v>
      </c>
      <c r="G127" s="23">
        <v>31</v>
      </c>
      <c r="H127" s="22">
        <v>10</v>
      </c>
      <c r="I127" s="22">
        <v>2</v>
      </c>
      <c r="J127" s="22">
        <v>8</v>
      </c>
      <c r="K127" s="21">
        <v>5</v>
      </c>
      <c r="L127" s="53">
        <v>1</v>
      </c>
      <c r="M127" s="54">
        <v>4</v>
      </c>
    </row>
    <row r="128" spans="1:13">
      <c r="A128" s="40" t="s">
        <v>131</v>
      </c>
      <c r="B128" s="21">
        <v>-42</v>
      </c>
      <c r="C128" s="22">
        <v>-14</v>
      </c>
      <c r="D128" s="22">
        <v>-28</v>
      </c>
      <c r="E128" s="21">
        <v>48</v>
      </c>
      <c r="F128" s="22">
        <v>14</v>
      </c>
      <c r="G128" s="23">
        <v>34</v>
      </c>
      <c r="H128" s="22">
        <v>11</v>
      </c>
      <c r="I128" s="22">
        <v>2</v>
      </c>
      <c r="J128" s="22">
        <v>9</v>
      </c>
      <c r="K128" s="21">
        <v>5</v>
      </c>
      <c r="L128" s="53">
        <v>2</v>
      </c>
      <c r="M128" s="54">
        <v>3</v>
      </c>
    </row>
    <row r="129" spans="1:13">
      <c r="A129" s="40" t="s">
        <v>132</v>
      </c>
      <c r="B129" s="21">
        <v>-45</v>
      </c>
      <c r="C129" s="22">
        <v>-10</v>
      </c>
      <c r="D129" s="22">
        <v>-35</v>
      </c>
      <c r="E129" s="21">
        <v>48</v>
      </c>
      <c r="F129" s="22">
        <v>12</v>
      </c>
      <c r="G129" s="23">
        <v>36</v>
      </c>
      <c r="H129" s="22">
        <v>5</v>
      </c>
      <c r="I129" s="22">
        <v>2</v>
      </c>
      <c r="J129" s="22">
        <v>3</v>
      </c>
      <c r="K129" s="21">
        <v>2</v>
      </c>
      <c r="L129" s="53">
        <v>0</v>
      </c>
      <c r="M129" s="54">
        <v>2</v>
      </c>
    </row>
    <row r="130" spans="1:13">
      <c r="A130" s="40" t="s">
        <v>133</v>
      </c>
      <c r="B130" s="21">
        <v>-44</v>
      </c>
      <c r="C130" s="22">
        <v>-10</v>
      </c>
      <c r="D130" s="22">
        <v>-34</v>
      </c>
      <c r="E130" s="21">
        <v>46</v>
      </c>
      <c r="F130" s="22">
        <v>11</v>
      </c>
      <c r="G130" s="23">
        <v>35</v>
      </c>
      <c r="H130" s="22">
        <v>4</v>
      </c>
      <c r="I130" s="22">
        <v>1</v>
      </c>
      <c r="J130" s="22">
        <v>3</v>
      </c>
      <c r="K130" s="21">
        <v>2</v>
      </c>
      <c r="L130" s="53">
        <v>0</v>
      </c>
      <c r="M130" s="54">
        <v>2</v>
      </c>
    </row>
    <row r="131" spans="1:13" ht="19.5" customHeight="1">
      <c r="A131" s="34" t="s">
        <v>134</v>
      </c>
      <c r="B131" s="17">
        <v>-109</v>
      </c>
      <c r="C131" s="18">
        <v>-25</v>
      </c>
      <c r="D131" s="18">
        <v>-84</v>
      </c>
      <c r="E131" s="17">
        <v>110</v>
      </c>
      <c r="F131" s="18">
        <v>25</v>
      </c>
      <c r="G131" s="19">
        <v>85</v>
      </c>
      <c r="H131" s="18">
        <v>9</v>
      </c>
      <c r="I131" s="18">
        <v>1</v>
      </c>
      <c r="J131" s="18">
        <v>8</v>
      </c>
      <c r="K131" s="17">
        <v>8</v>
      </c>
      <c r="L131" s="51">
        <v>1</v>
      </c>
      <c r="M131" s="52">
        <v>7</v>
      </c>
    </row>
    <row r="132" spans="1:13">
      <c r="A132" s="40" t="s">
        <v>135</v>
      </c>
      <c r="B132" s="21">
        <v>-30</v>
      </c>
      <c r="C132" s="22">
        <v>-6</v>
      </c>
      <c r="D132" s="22">
        <v>-24</v>
      </c>
      <c r="E132" s="21">
        <v>31</v>
      </c>
      <c r="F132" s="22">
        <v>7</v>
      </c>
      <c r="G132" s="23">
        <v>24</v>
      </c>
      <c r="H132" s="22">
        <v>4</v>
      </c>
      <c r="I132" s="22">
        <v>1</v>
      </c>
      <c r="J132" s="22">
        <v>3</v>
      </c>
      <c r="K132" s="21">
        <v>3</v>
      </c>
      <c r="L132" s="53">
        <v>0</v>
      </c>
      <c r="M132" s="54">
        <v>3</v>
      </c>
    </row>
    <row r="133" spans="1:13">
      <c r="A133" s="40" t="s">
        <v>136</v>
      </c>
      <c r="B133" s="21">
        <v>-22</v>
      </c>
      <c r="C133" s="22">
        <v>-5</v>
      </c>
      <c r="D133" s="22">
        <v>-17</v>
      </c>
      <c r="E133" s="21">
        <v>22</v>
      </c>
      <c r="F133" s="22">
        <v>5</v>
      </c>
      <c r="G133" s="23">
        <v>17</v>
      </c>
      <c r="H133" s="22">
        <v>2</v>
      </c>
      <c r="I133" s="22">
        <v>0</v>
      </c>
      <c r="J133" s="22">
        <v>2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20</v>
      </c>
      <c r="C134" s="22">
        <v>-3</v>
      </c>
      <c r="D134" s="22">
        <v>-17</v>
      </c>
      <c r="E134" s="21">
        <v>21</v>
      </c>
      <c r="F134" s="22">
        <v>3</v>
      </c>
      <c r="G134" s="23">
        <v>18</v>
      </c>
      <c r="H134" s="22">
        <v>1</v>
      </c>
      <c r="I134" s="22">
        <v>0</v>
      </c>
      <c r="J134" s="22">
        <v>1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22</v>
      </c>
      <c r="C135" s="22">
        <v>-6</v>
      </c>
      <c r="D135" s="22">
        <v>-16</v>
      </c>
      <c r="E135" s="21">
        <v>19</v>
      </c>
      <c r="F135" s="22">
        <v>5</v>
      </c>
      <c r="G135" s="23">
        <v>14</v>
      </c>
      <c r="H135" s="22">
        <v>0</v>
      </c>
      <c r="I135" s="22">
        <v>0</v>
      </c>
      <c r="J135" s="22">
        <v>0</v>
      </c>
      <c r="K135" s="21">
        <v>3</v>
      </c>
      <c r="L135" s="53">
        <v>1</v>
      </c>
      <c r="M135" s="54">
        <v>2</v>
      </c>
    </row>
    <row r="136" spans="1:13">
      <c r="A136" s="40" t="s">
        <v>139</v>
      </c>
      <c r="B136" s="21">
        <v>-15</v>
      </c>
      <c r="C136" s="22">
        <v>-5</v>
      </c>
      <c r="D136" s="22">
        <v>-10</v>
      </c>
      <c r="E136" s="21">
        <v>17</v>
      </c>
      <c r="F136" s="22">
        <v>5</v>
      </c>
      <c r="G136" s="23">
        <v>12</v>
      </c>
      <c r="H136" s="22">
        <v>2</v>
      </c>
      <c r="I136" s="22">
        <v>0</v>
      </c>
      <c r="J136" s="22">
        <v>2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33</v>
      </c>
      <c r="C137" s="43">
        <v>-3</v>
      </c>
      <c r="D137" s="43">
        <v>-30</v>
      </c>
      <c r="E137" s="42">
        <v>32</v>
      </c>
      <c r="F137" s="43">
        <v>3</v>
      </c>
      <c r="G137" s="44">
        <v>29</v>
      </c>
      <c r="H137" s="43">
        <v>0</v>
      </c>
      <c r="I137" s="43">
        <v>0</v>
      </c>
      <c r="J137" s="43">
        <v>0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0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2078</v>
      </c>
      <c r="C5" s="14">
        <v>989</v>
      </c>
      <c r="D5" s="14">
        <v>1089</v>
      </c>
      <c r="E5" s="13">
        <v>2144</v>
      </c>
      <c r="F5" s="14">
        <v>1160</v>
      </c>
      <c r="G5" s="15">
        <v>984</v>
      </c>
      <c r="H5" s="14">
        <v>13581</v>
      </c>
      <c r="I5" s="14">
        <v>7302</v>
      </c>
      <c r="J5" s="14">
        <v>6279</v>
      </c>
      <c r="K5" s="13">
        <v>11265</v>
      </c>
      <c r="L5" s="49">
        <v>6096</v>
      </c>
      <c r="M5" s="50">
        <v>5169</v>
      </c>
    </row>
    <row r="6" spans="1:13" ht="19.5" customHeight="1">
      <c r="A6" s="16" t="s">
        <v>13</v>
      </c>
      <c r="B6" s="17">
        <v>1881</v>
      </c>
      <c r="C6" s="18">
        <v>924</v>
      </c>
      <c r="D6" s="18">
        <v>957</v>
      </c>
      <c r="E6" s="17">
        <v>8</v>
      </c>
      <c r="F6" s="18">
        <v>1</v>
      </c>
      <c r="G6" s="19">
        <v>7</v>
      </c>
      <c r="H6" s="18">
        <v>699</v>
      </c>
      <c r="I6" s="18">
        <v>355</v>
      </c>
      <c r="J6" s="18">
        <v>344</v>
      </c>
      <c r="K6" s="17">
        <v>716</v>
      </c>
      <c r="L6" s="51">
        <v>373</v>
      </c>
      <c r="M6" s="52">
        <v>343</v>
      </c>
    </row>
    <row r="7" spans="1:13">
      <c r="A7" s="20" t="s">
        <v>14</v>
      </c>
      <c r="B7" s="21">
        <v>1906</v>
      </c>
      <c r="C7" s="22">
        <v>953</v>
      </c>
      <c r="D7" s="22">
        <v>953</v>
      </c>
      <c r="E7" s="21">
        <v>8</v>
      </c>
      <c r="F7" s="22">
        <v>1</v>
      </c>
      <c r="G7" s="23">
        <v>7</v>
      </c>
      <c r="H7" s="22">
        <v>222</v>
      </c>
      <c r="I7" s="22">
        <v>118</v>
      </c>
      <c r="J7" s="22">
        <v>104</v>
      </c>
      <c r="K7" s="21">
        <v>214</v>
      </c>
      <c r="L7" s="53">
        <v>107</v>
      </c>
      <c r="M7" s="54">
        <v>107</v>
      </c>
    </row>
    <row r="8" spans="1:13">
      <c r="A8" s="20" t="s">
        <v>15</v>
      </c>
      <c r="B8" s="21">
        <v>-9</v>
      </c>
      <c r="C8" s="22">
        <v>-13</v>
      </c>
      <c r="D8" s="22">
        <v>4</v>
      </c>
      <c r="E8" s="21">
        <v>0</v>
      </c>
      <c r="F8" s="22">
        <v>0</v>
      </c>
      <c r="G8" s="23">
        <v>0</v>
      </c>
      <c r="H8" s="22">
        <v>161</v>
      </c>
      <c r="I8" s="22">
        <v>77</v>
      </c>
      <c r="J8" s="22">
        <v>84</v>
      </c>
      <c r="K8" s="21">
        <v>170</v>
      </c>
      <c r="L8" s="53">
        <v>90</v>
      </c>
      <c r="M8" s="54">
        <v>80</v>
      </c>
    </row>
    <row r="9" spans="1:13">
      <c r="A9" s="20" t="s">
        <v>16</v>
      </c>
      <c r="B9" s="21">
        <v>-22</v>
      </c>
      <c r="C9" s="22">
        <v>-11</v>
      </c>
      <c r="D9" s="22">
        <v>-11</v>
      </c>
      <c r="E9" s="21">
        <v>0</v>
      </c>
      <c r="F9" s="22">
        <v>0</v>
      </c>
      <c r="G9" s="23">
        <v>0</v>
      </c>
      <c r="H9" s="22">
        <v>127</v>
      </c>
      <c r="I9" s="22">
        <v>66</v>
      </c>
      <c r="J9" s="22">
        <v>61</v>
      </c>
      <c r="K9" s="21">
        <v>149</v>
      </c>
      <c r="L9" s="53">
        <v>77</v>
      </c>
      <c r="M9" s="54">
        <v>72</v>
      </c>
    </row>
    <row r="10" spans="1:13">
      <c r="A10" s="20" t="s">
        <v>17</v>
      </c>
      <c r="B10" s="21">
        <v>0</v>
      </c>
      <c r="C10" s="22">
        <v>-12</v>
      </c>
      <c r="D10" s="22">
        <v>12</v>
      </c>
      <c r="E10" s="21">
        <v>0</v>
      </c>
      <c r="F10" s="22">
        <v>0</v>
      </c>
      <c r="G10" s="23">
        <v>0</v>
      </c>
      <c r="H10" s="22">
        <v>109</v>
      </c>
      <c r="I10" s="22">
        <v>55</v>
      </c>
      <c r="J10" s="22">
        <v>54</v>
      </c>
      <c r="K10" s="21">
        <v>109</v>
      </c>
      <c r="L10" s="53">
        <v>67</v>
      </c>
      <c r="M10" s="54">
        <v>42</v>
      </c>
    </row>
    <row r="11" spans="1:13">
      <c r="A11" s="20" t="s">
        <v>18</v>
      </c>
      <c r="B11" s="21">
        <v>6</v>
      </c>
      <c r="C11" s="22">
        <v>7</v>
      </c>
      <c r="D11" s="22">
        <v>-1</v>
      </c>
      <c r="E11" s="21">
        <v>0</v>
      </c>
      <c r="F11" s="22">
        <v>0</v>
      </c>
      <c r="G11" s="23">
        <v>0</v>
      </c>
      <c r="H11" s="22">
        <v>80</v>
      </c>
      <c r="I11" s="22">
        <v>39</v>
      </c>
      <c r="J11" s="22">
        <v>41</v>
      </c>
      <c r="K11" s="21">
        <v>74</v>
      </c>
      <c r="L11" s="53">
        <v>32</v>
      </c>
      <c r="M11" s="54">
        <v>42</v>
      </c>
    </row>
    <row r="12" spans="1:13" ht="20.100000000000001" customHeight="1">
      <c r="A12" s="16" t="s">
        <v>19</v>
      </c>
      <c r="B12" s="17">
        <v>-17</v>
      </c>
      <c r="C12" s="18">
        <v>-4</v>
      </c>
      <c r="D12" s="18">
        <v>-13</v>
      </c>
      <c r="E12" s="17">
        <v>1</v>
      </c>
      <c r="F12" s="18">
        <v>1</v>
      </c>
      <c r="G12" s="19">
        <v>0</v>
      </c>
      <c r="H12" s="18">
        <v>304</v>
      </c>
      <c r="I12" s="18">
        <v>164</v>
      </c>
      <c r="J12" s="18">
        <v>140</v>
      </c>
      <c r="K12" s="17">
        <v>320</v>
      </c>
      <c r="L12" s="51">
        <v>167</v>
      </c>
      <c r="M12" s="52">
        <v>153</v>
      </c>
    </row>
    <row r="13" spans="1:13">
      <c r="A13" s="20" t="s">
        <v>20</v>
      </c>
      <c r="B13" s="21">
        <v>-1</v>
      </c>
      <c r="C13" s="22">
        <v>2</v>
      </c>
      <c r="D13" s="22">
        <v>-3</v>
      </c>
      <c r="E13" s="21">
        <v>0</v>
      </c>
      <c r="F13" s="22">
        <v>0</v>
      </c>
      <c r="G13" s="23">
        <v>0</v>
      </c>
      <c r="H13" s="22">
        <v>81</v>
      </c>
      <c r="I13" s="22">
        <v>43</v>
      </c>
      <c r="J13" s="22">
        <v>38</v>
      </c>
      <c r="K13" s="21">
        <v>82</v>
      </c>
      <c r="L13" s="53">
        <v>41</v>
      </c>
      <c r="M13" s="54">
        <v>41</v>
      </c>
    </row>
    <row r="14" spans="1:13">
      <c r="A14" s="20" t="s">
        <v>21</v>
      </c>
      <c r="B14" s="21">
        <v>-17</v>
      </c>
      <c r="C14" s="22">
        <v>-6</v>
      </c>
      <c r="D14" s="22">
        <v>-11</v>
      </c>
      <c r="E14" s="21">
        <v>0</v>
      </c>
      <c r="F14" s="22">
        <v>0</v>
      </c>
      <c r="G14" s="23">
        <v>0</v>
      </c>
      <c r="H14" s="22">
        <v>83</v>
      </c>
      <c r="I14" s="22">
        <v>44</v>
      </c>
      <c r="J14" s="22">
        <v>39</v>
      </c>
      <c r="K14" s="21">
        <v>100</v>
      </c>
      <c r="L14" s="53">
        <v>50</v>
      </c>
      <c r="M14" s="54">
        <v>50</v>
      </c>
    </row>
    <row r="15" spans="1:13">
      <c r="A15" s="20" t="s">
        <v>22</v>
      </c>
      <c r="B15" s="21">
        <v>7</v>
      </c>
      <c r="C15" s="22">
        <v>-2</v>
      </c>
      <c r="D15" s="22">
        <v>9</v>
      </c>
      <c r="E15" s="21">
        <v>1</v>
      </c>
      <c r="F15" s="22">
        <v>1</v>
      </c>
      <c r="G15" s="23">
        <v>0</v>
      </c>
      <c r="H15" s="22">
        <v>49</v>
      </c>
      <c r="I15" s="22">
        <v>25</v>
      </c>
      <c r="J15" s="22">
        <v>24</v>
      </c>
      <c r="K15" s="21">
        <v>41</v>
      </c>
      <c r="L15" s="53">
        <v>26</v>
      </c>
      <c r="M15" s="54">
        <v>15</v>
      </c>
    </row>
    <row r="16" spans="1:13">
      <c r="A16" s="20" t="s">
        <v>23</v>
      </c>
      <c r="B16" s="21">
        <v>-9</v>
      </c>
      <c r="C16" s="22">
        <v>2</v>
      </c>
      <c r="D16" s="22">
        <v>-11</v>
      </c>
      <c r="E16" s="21">
        <v>0</v>
      </c>
      <c r="F16" s="22">
        <v>0</v>
      </c>
      <c r="G16" s="23">
        <v>0</v>
      </c>
      <c r="H16" s="22">
        <v>42</v>
      </c>
      <c r="I16" s="22">
        <v>26</v>
      </c>
      <c r="J16" s="22">
        <v>16</v>
      </c>
      <c r="K16" s="21">
        <v>51</v>
      </c>
      <c r="L16" s="53">
        <v>24</v>
      </c>
      <c r="M16" s="54">
        <v>27</v>
      </c>
    </row>
    <row r="17" spans="1:13">
      <c r="A17" s="20" t="s">
        <v>24</v>
      </c>
      <c r="B17" s="21">
        <v>3</v>
      </c>
      <c r="C17" s="22">
        <v>0</v>
      </c>
      <c r="D17" s="22">
        <v>3</v>
      </c>
      <c r="E17" s="21">
        <v>0</v>
      </c>
      <c r="F17" s="22">
        <v>0</v>
      </c>
      <c r="G17" s="23">
        <v>0</v>
      </c>
      <c r="H17" s="22">
        <v>49</v>
      </c>
      <c r="I17" s="22">
        <v>26</v>
      </c>
      <c r="J17" s="22">
        <v>23</v>
      </c>
      <c r="K17" s="21">
        <v>46</v>
      </c>
      <c r="L17" s="53">
        <v>26</v>
      </c>
      <c r="M17" s="54">
        <v>20</v>
      </c>
    </row>
    <row r="18" spans="1:13" ht="20.100000000000001" customHeight="1">
      <c r="A18" s="16" t="s">
        <v>25</v>
      </c>
      <c r="B18" s="17">
        <v>9</v>
      </c>
      <c r="C18" s="18">
        <v>4</v>
      </c>
      <c r="D18" s="18">
        <v>5</v>
      </c>
      <c r="E18" s="17">
        <v>2</v>
      </c>
      <c r="F18" s="18">
        <v>1</v>
      </c>
      <c r="G18" s="19">
        <v>1</v>
      </c>
      <c r="H18" s="18">
        <v>161</v>
      </c>
      <c r="I18" s="18">
        <v>78</v>
      </c>
      <c r="J18" s="18">
        <v>83</v>
      </c>
      <c r="K18" s="17">
        <v>150</v>
      </c>
      <c r="L18" s="51">
        <v>73</v>
      </c>
      <c r="M18" s="52">
        <v>77</v>
      </c>
    </row>
    <row r="19" spans="1:13">
      <c r="A19" s="20" t="s">
        <v>26</v>
      </c>
      <c r="B19" s="21">
        <v>-4</v>
      </c>
      <c r="C19" s="22">
        <v>-2</v>
      </c>
      <c r="D19" s="22">
        <v>-2</v>
      </c>
      <c r="E19" s="21">
        <v>0</v>
      </c>
      <c r="F19" s="22">
        <v>0</v>
      </c>
      <c r="G19" s="23">
        <v>0</v>
      </c>
      <c r="H19" s="22">
        <v>33</v>
      </c>
      <c r="I19" s="22">
        <v>17</v>
      </c>
      <c r="J19" s="22">
        <v>16</v>
      </c>
      <c r="K19" s="21">
        <v>37</v>
      </c>
      <c r="L19" s="53">
        <v>19</v>
      </c>
      <c r="M19" s="54">
        <v>18</v>
      </c>
    </row>
    <row r="20" spans="1:13">
      <c r="A20" s="20" t="s">
        <v>27</v>
      </c>
      <c r="B20" s="21">
        <v>13</v>
      </c>
      <c r="C20" s="22">
        <v>2</v>
      </c>
      <c r="D20" s="22">
        <v>11</v>
      </c>
      <c r="E20" s="21">
        <v>1</v>
      </c>
      <c r="F20" s="22">
        <v>1</v>
      </c>
      <c r="G20" s="23">
        <v>0</v>
      </c>
      <c r="H20" s="22">
        <v>33</v>
      </c>
      <c r="I20" s="22">
        <v>14</v>
      </c>
      <c r="J20" s="22">
        <v>19</v>
      </c>
      <c r="K20" s="21">
        <v>19</v>
      </c>
      <c r="L20" s="53">
        <v>11</v>
      </c>
      <c r="M20" s="54">
        <v>8</v>
      </c>
    </row>
    <row r="21" spans="1:13">
      <c r="A21" s="20" t="s">
        <v>28</v>
      </c>
      <c r="B21" s="21">
        <v>-10</v>
      </c>
      <c r="C21" s="22">
        <v>-8</v>
      </c>
      <c r="D21" s="22">
        <v>-2</v>
      </c>
      <c r="E21" s="21">
        <v>0</v>
      </c>
      <c r="F21" s="22">
        <v>0</v>
      </c>
      <c r="G21" s="23">
        <v>0</v>
      </c>
      <c r="H21" s="22">
        <v>41</v>
      </c>
      <c r="I21" s="22">
        <v>16</v>
      </c>
      <c r="J21" s="22">
        <v>25</v>
      </c>
      <c r="K21" s="21">
        <v>51</v>
      </c>
      <c r="L21" s="53">
        <v>24</v>
      </c>
      <c r="M21" s="54">
        <v>27</v>
      </c>
    </row>
    <row r="22" spans="1:13">
      <c r="A22" s="20" t="s">
        <v>29</v>
      </c>
      <c r="B22" s="21">
        <v>-1</v>
      </c>
      <c r="C22" s="22">
        <v>3</v>
      </c>
      <c r="D22" s="22">
        <v>-4</v>
      </c>
      <c r="E22" s="21">
        <v>1</v>
      </c>
      <c r="F22" s="22">
        <v>0</v>
      </c>
      <c r="G22" s="23">
        <v>1</v>
      </c>
      <c r="H22" s="22">
        <v>24</v>
      </c>
      <c r="I22" s="22">
        <v>15</v>
      </c>
      <c r="J22" s="22">
        <v>9</v>
      </c>
      <c r="K22" s="21">
        <v>24</v>
      </c>
      <c r="L22" s="53">
        <v>12</v>
      </c>
      <c r="M22" s="54">
        <v>12</v>
      </c>
    </row>
    <row r="23" spans="1:13">
      <c r="A23" s="20" t="s">
        <v>30</v>
      </c>
      <c r="B23" s="21">
        <v>11</v>
      </c>
      <c r="C23" s="22">
        <v>9</v>
      </c>
      <c r="D23" s="22">
        <v>2</v>
      </c>
      <c r="E23" s="21">
        <v>0</v>
      </c>
      <c r="F23" s="22">
        <v>0</v>
      </c>
      <c r="G23" s="23">
        <v>0</v>
      </c>
      <c r="H23" s="22">
        <v>30</v>
      </c>
      <c r="I23" s="22">
        <v>16</v>
      </c>
      <c r="J23" s="22">
        <v>14</v>
      </c>
      <c r="K23" s="21">
        <v>19</v>
      </c>
      <c r="L23" s="53">
        <v>7</v>
      </c>
      <c r="M23" s="54">
        <v>12</v>
      </c>
    </row>
    <row r="24" spans="1:13" ht="20.100000000000001" customHeight="1">
      <c r="A24" s="16" t="s">
        <v>31</v>
      </c>
      <c r="B24" s="17">
        <v>198</v>
      </c>
      <c r="C24" s="18">
        <v>120</v>
      </c>
      <c r="D24" s="18">
        <v>78</v>
      </c>
      <c r="E24" s="17">
        <v>6</v>
      </c>
      <c r="F24" s="18">
        <v>5</v>
      </c>
      <c r="G24" s="19">
        <v>1</v>
      </c>
      <c r="H24" s="18">
        <v>519</v>
      </c>
      <c r="I24" s="18">
        <v>291</v>
      </c>
      <c r="J24" s="18">
        <v>228</v>
      </c>
      <c r="K24" s="17">
        <v>315</v>
      </c>
      <c r="L24" s="51">
        <v>166</v>
      </c>
      <c r="M24" s="52">
        <v>149</v>
      </c>
    </row>
    <row r="25" spans="1:13">
      <c r="A25" s="20" t="s">
        <v>32</v>
      </c>
      <c r="B25" s="21">
        <v>9</v>
      </c>
      <c r="C25" s="22">
        <v>-1</v>
      </c>
      <c r="D25" s="22">
        <v>10</v>
      </c>
      <c r="E25" s="21">
        <v>0</v>
      </c>
      <c r="F25" s="22">
        <v>0</v>
      </c>
      <c r="G25" s="23">
        <v>0</v>
      </c>
      <c r="H25" s="22">
        <v>43</v>
      </c>
      <c r="I25" s="22">
        <v>20</v>
      </c>
      <c r="J25" s="22">
        <v>23</v>
      </c>
      <c r="K25" s="21">
        <v>34</v>
      </c>
      <c r="L25" s="53">
        <v>21</v>
      </c>
      <c r="M25" s="54">
        <v>13</v>
      </c>
    </row>
    <row r="26" spans="1:13">
      <c r="A26" s="20" t="s">
        <v>33</v>
      </c>
      <c r="B26" s="21">
        <v>13</v>
      </c>
      <c r="C26" s="22">
        <v>10</v>
      </c>
      <c r="D26" s="22">
        <v>3</v>
      </c>
      <c r="E26" s="21">
        <v>3</v>
      </c>
      <c r="F26" s="22">
        <v>2</v>
      </c>
      <c r="G26" s="23">
        <v>1</v>
      </c>
      <c r="H26" s="22">
        <v>48</v>
      </c>
      <c r="I26" s="22">
        <v>25</v>
      </c>
      <c r="J26" s="22">
        <v>23</v>
      </c>
      <c r="K26" s="21">
        <v>32</v>
      </c>
      <c r="L26" s="53">
        <v>13</v>
      </c>
      <c r="M26" s="54">
        <v>19</v>
      </c>
    </row>
    <row r="27" spans="1:13">
      <c r="A27" s="20" t="s">
        <v>34</v>
      </c>
      <c r="B27" s="21">
        <v>6</v>
      </c>
      <c r="C27" s="22">
        <v>7</v>
      </c>
      <c r="D27" s="22">
        <v>-1</v>
      </c>
      <c r="E27" s="21">
        <v>2</v>
      </c>
      <c r="F27" s="22">
        <v>2</v>
      </c>
      <c r="G27" s="23">
        <v>0</v>
      </c>
      <c r="H27" s="22">
        <v>36</v>
      </c>
      <c r="I27" s="22">
        <v>18</v>
      </c>
      <c r="J27" s="22">
        <v>18</v>
      </c>
      <c r="K27" s="21">
        <v>28</v>
      </c>
      <c r="L27" s="53">
        <v>9</v>
      </c>
      <c r="M27" s="54">
        <v>19</v>
      </c>
    </row>
    <row r="28" spans="1:13">
      <c r="A28" s="20" t="s">
        <v>35</v>
      </c>
      <c r="B28" s="21">
        <v>96</v>
      </c>
      <c r="C28" s="22">
        <v>60</v>
      </c>
      <c r="D28" s="22">
        <v>36</v>
      </c>
      <c r="E28" s="21">
        <v>0</v>
      </c>
      <c r="F28" s="22">
        <v>0</v>
      </c>
      <c r="G28" s="23">
        <v>0</v>
      </c>
      <c r="H28" s="22">
        <v>206</v>
      </c>
      <c r="I28" s="22">
        <v>120</v>
      </c>
      <c r="J28" s="22">
        <v>86</v>
      </c>
      <c r="K28" s="21">
        <v>110</v>
      </c>
      <c r="L28" s="53">
        <v>60</v>
      </c>
      <c r="M28" s="54">
        <v>50</v>
      </c>
    </row>
    <row r="29" spans="1:13">
      <c r="A29" s="20" t="s">
        <v>36</v>
      </c>
      <c r="B29" s="21">
        <v>74</v>
      </c>
      <c r="C29" s="22">
        <v>44</v>
      </c>
      <c r="D29" s="22">
        <v>30</v>
      </c>
      <c r="E29" s="21">
        <v>1</v>
      </c>
      <c r="F29" s="22">
        <v>1</v>
      </c>
      <c r="G29" s="23">
        <v>0</v>
      </c>
      <c r="H29" s="22">
        <v>186</v>
      </c>
      <c r="I29" s="22">
        <v>108</v>
      </c>
      <c r="J29" s="22">
        <v>78</v>
      </c>
      <c r="K29" s="21">
        <v>111</v>
      </c>
      <c r="L29" s="53">
        <v>63</v>
      </c>
      <c r="M29" s="54">
        <v>48</v>
      </c>
    </row>
    <row r="30" spans="1:13" ht="20.100000000000001" customHeight="1">
      <c r="A30" s="16" t="s">
        <v>37</v>
      </c>
      <c r="B30" s="17">
        <v>730</v>
      </c>
      <c r="C30" s="18">
        <v>417</v>
      </c>
      <c r="D30" s="18">
        <v>313</v>
      </c>
      <c r="E30" s="17">
        <v>3</v>
      </c>
      <c r="F30" s="18">
        <v>2</v>
      </c>
      <c r="G30" s="19">
        <v>1</v>
      </c>
      <c r="H30" s="18">
        <v>2484</v>
      </c>
      <c r="I30" s="18">
        <v>1289</v>
      </c>
      <c r="J30" s="18">
        <v>1195</v>
      </c>
      <c r="K30" s="17">
        <v>1751</v>
      </c>
      <c r="L30" s="51">
        <v>870</v>
      </c>
      <c r="M30" s="52">
        <v>881</v>
      </c>
    </row>
    <row r="31" spans="1:13">
      <c r="A31" s="20" t="s">
        <v>38</v>
      </c>
      <c r="B31" s="21">
        <v>116</v>
      </c>
      <c r="C31" s="22">
        <v>63</v>
      </c>
      <c r="D31" s="22">
        <v>53</v>
      </c>
      <c r="E31" s="21">
        <v>0</v>
      </c>
      <c r="F31" s="22">
        <v>0</v>
      </c>
      <c r="G31" s="23">
        <v>0</v>
      </c>
      <c r="H31" s="22">
        <v>312</v>
      </c>
      <c r="I31" s="22">
        <v>156</v>
      </c>
      <c r="J31" s="22">
        <v>156</v>
      </c>
      <c r="K31" s="21">
        <v>196</v>
      </c>
      <c r="L31" s="53">
        <v>93</v>
      </c>
      <c r="M31" s="54">
        <v>103</v>
      </c>
    </row>
    <row r="32" spans="1:13">
      <c r="A32" s="20" t="s">
        <v>39</v>
      </c>
      <c r="B32" s="21">
        <v>104</v>
      </c>
      <c r="C32" s="22">
        <v>51</v>
      </c>
      <c r="D32" s="22">
        <v>53</v>
      </c>
      <c r="E32" s="21">
        <v>1</v>
      </c>
      <c r="F32" s="22">
        <v>0</v>
      </c>
      <c r="G32" s="23">
        <v>1</v>
      </c>
      <c r="H32" s="22">
        <v>332</v>
      </c>
      <c r="I32" s="22">
        <v>163</v>
      </c>
      <c r="J32" s="22">
        <v>169</v>
      </c>
      <c r="K32" s="21">
        <v>227</v>
      </c>
      <c r="L32" s="53">
        <v>112</v>
      </c>
      <c r="M32" s="54">
        <v>115</v>
      </c>
    </row>
    <row r="33" spans="1:13">
      <c r="A33" s="20" t="s">
        <v>40</v>
      </c>
      <c r="B33" s="21">
        <v>233</v>
      </c>
      <c r="C33" s="22">
        <v>144</v>
      </c>
      <c r="D33" s="22">
        <v>89</v>
      </c>
      <c r="E33" s="21">
        <v>1</v>
      </c>
      <c r="F33" s="22">
        <v>1</v>
      </c>
      <c r="G33" s="23">
        <v>0</v>
      </c>
      <c r="H33" s="22">
        <v>619</v>
      </c>
      <c r="I33" s="22">
        <v>341</v>
      </c>
      <c r="J33" s="22">
        <v>278</v>
      </c>
      <c r="K33" s="21">
        <v>385</v>
      </c>
      <c r="L33" s="53">
        <v>196</v>
      </c>
      <c r="M33" s="54">
        <v>189</v>
      </c>
    </row>
    <row r="34" spans="1:13">
      <c r="A34" s="20" t="s">
        <v>41</v>
      </c>
      <c r="B34" s="21">
        <v>102</v>
      </c>
      <c r="C34" s="22">
        <v>53</v>
      </c>
      <c r="D34" s="22">
        <v>49</v>
      </c>
      <c r="E34" s="21">
        <v>0</v>
      </c>
      <c r="F34" s="22">
        <v>0</v>
      </c>
      <c r="G34" s="23">
        <v>0</v>
      </c>
      <c r="H34" s="22">
        <v>535</v>
      </c>
      <c r="I34" s="22">
        <v>263</v>
      </c>
      <c r="J34" s="22">
        <v>272</v>
      </c>
      <c r="K34" s="21">
        <v>433</v>
      </c>
      <c r="L34" s="53">
        <v>210</v>
      </c>
      <c r="M34" s="54">
        <v>223</v>
      </c>
    </row>
    <row r="35" spans="1:13">
      <c r="A35" s="20" t="s">
        <v>42</v>
      </c>
      <c r="B35" s="21">
        <v>175</v>
      </c>
      <c r="C35" s="22">
        <v>106</v>
      </c>
      <c r="D35" s="22">
        <v>69</v>
      </c>
      <c r="E35" s="21">
        <v>1</v>
      </c>
      <c r="F35" s="22">
        <v>1</v>
      </c>
      <c r="G35" s="23">
        <v>0</v>
      </c>
      <c r="H35" s="22">
        <v>686</v>
      </c>
      <c r="I35" s="22">
        <v>366</v>
      </c>
      <c r="J35" s="22">
        <v>320</v>
      </c>
      <c r="K35" s="21">
        <v>510</v>
      </c>
      <c r="L35" s="53">
        <v>259</v>
      </c>
      <c r="M35" s="54">
        <v>251</v>
      </c>
    </row>
    <row r="36" spans="1:13" ht="20.100000000000001" customHeight="1">
      <c r="A36" s="16" t="s">
        <v>43</v>
      </c>
      <c r="B36" s="17">
        <v>661</v>
      </c>
      <c r="C36" s="18">
        <v>327</v>
      </c>
      <c r="D36" s="18">
        <v>334</v>
      </c>
      <c r="E36" s="17">
        <v>8</v>
      </c>
      <c r="F36" s="18">
        <v>8</v>
      </c>
      <c r="G36" s="19">
        <v>0</v>
      </c>
      <c r="H36" s="18">
        <v>2971</v>
      </c>
      <c r="I36" s="18">
        <v>1559</v>
      </c>
      <c r="J36" s="18">
        <v>1412</v>
      </c>
      <c r="K36" s="17">
        <v>2302</v>
      </c>
      <c r="L36" s="51">
        <v>1224</v>
      </c>
      <c r="M36" s="52">
        <v>1078</v>
      </c>
    </row>
    <row r="37" spans="1:13">
      <c r="A37" s="20" t="s">
        <v>44</v>
      </c>
      <c r="B37" s="21">
        <v>204</v>
      </c>
      <c r="C37" s="22">
        <v>110</v>
      </c>
      <c r="D37" s="22">
        <v>94</v>
      </c>
      <c r="E37" s="21">
        <v>1</v>
      </c>
      <c r="F37" s="22">
        <v>1</v>
      </c>
      <c r="G37" s="23">
        <v>0</v>
      </c>
      <c r="H37" s="22">
        <v>698</v>
      </c>
      <c r="I37" s="22">
        <v>358</v>
      </c>
      <c r="J37" s="22">
        <v>340</v>
      </c>
      <c r="K37" s="21">
        <v>493</v>
      </c>
      <c r="L37" s="53">
        <v>247</v>
      </c>
      <c r="M37" s="54">
        <v>246</v>
      </c>
    </row>
    <row r="38" spans="1:13">
      <c r="A38" s="20" t="s">
        <v>45</v>
      </c>
      <c r="B38" s="21">
        <v>141</v>
      </c>
      <c r="C38" s="22">
        <v>65</v>
      </c>
      <c r="D38" s="22">
        <v>76</v>
      </c>
      <c r="E38" s="21">
        <v>0</v>
      </c>
      <c r="F38" s="22">
        <v>0</v>
      </c>
      <c r="G38" s="23">
        <v>0</v>
      </c>
      <c r="H38" s="22">
        <v>617</v>
      </c>
      <c r="I38" s="22">
        <v>313</v>
      </c>
      <c r="J38" s="22">
        <v>304</v>
      </c>
      <c r="K38" s="21">
        <v>476</v>
      </c>
      <c r="L38" s="53">
        <v>248</v>
      </c>
      <c r="M38" s="54">
        <v>228</v>
      </c>
    </row>
    <row r="39" spans="1:13">
      <c r="A39" s="20" t="s">
        <v>46</v>
      </c>
      <c r="B39" s="21">
        <v>141</v>
      </c>
      <c r="C39" s="22">
        <v>102</v>
      </c>
      <c r="D39" s="22">
        <v>39</v>
      </c>
      <c r="E39" s="21">
        <v>4</v>
      </c>
      <c r="F39" s="22">
        <v>4</v>
      </c>
      <c r="G39" s="23">
        <v>0</v>
      </c>
      <c r="H39" s="22">
        <v>626</v>
      </c>
      <c r="I39" s="22">
        <v>352</v>
      </c>
      <c r="J39" s="22">
        <v>274</v>
      </c>
      <c r="K39" s="21">
        <v>481</v>
      </c>
      <c r="L39" s="53">
        <v>246</v>
      </c>
      <c r="M39" s="54">
        <v>235</v>
      </c>
    </row>
    <row r="40" spans="1:13">
      <c r="A40" s="20" t="s">
        <v>47</v>
      </c>
      <c r="B40" s="21">
        <v>71</v>
      </c>
      <c r="C40" s="22">
        <v>18</v>
      </c>
      <c r="D40" s="22">
        <v>53</v>
      </c>
      <c r="E40" s="21">
        <v>1</v>
      </c>
      <c r="F40" s="22">
        <v>1</v>
      </c>
      <c r="G40" s="23">
        <v>0</v>
      </c>
      <c r="H40" s="22">
        <v>534</v>
      </c>
      <c r="I40" s="22">
        <v>282</v>
      </c>
      <c r="J40" s="22">
        <v>252</v>
      </c>
      <c r="K40" s="21">
        <v>462</v>
      </c>
      <c r="L40" s="53">
        <v>263</v>
      </c>
      <c r="M40" s="54">
        <v>199</v>
      </c>
    </row>
    <row r="41" spans="1:13">
      <c r="A41" s="20" t="s">
        <v>48</v>
      </c>
      <c r="B41" s="21">
        <v>104</v>
      </c>
      <c r="C41" s="22">
        <v>32</v>
      </c>
      <c r="D41" s="22">
        <v>72</v>
      </c>
      <c r="E41" s="21">
        <v>2</v>
      </c>
      <c r="F41" s="22">
        <v>2</v>
      </c>
      <c r="G41" s="23">
        <v>0</v>
      </c>
      <c r="H41" s="22">
        <v>496</v>
      </c>
      <c r="I41" s="22">
        <v>254</v>
      </c>
      <c r="J41" s="22">
        <v>242</v>
      </c>
      <c r="K41" s="21">
        <v>390</v>
      </c>
      <c r="L41" s="53">
        <v>220</v>
      </c>
      <c r="M41" s="54">
        <v>170</v>
      </c>
    </row>
    <row r="42" spans="1:13" ht="20.100000000000001" customHeight="1">
      <c r="A42" s="16" t="s">
        <v>49</v>
      </c>
      <c r="B42" s="17">
        <v>255</v>
      </c>
      <c r="C42" s="18">
        <v>171</v>
      </c>
      <c r="D42" s="18">
        <v>84</v>
      </c>
      <c r="E42" s="17">
        <v>3</v>
      </c>
      <c r="F42" s="18">
        <v>1</v>
      </c>
      <c r="G42" s="19">
        <v>2</v>
      </c>
      <c r="H42" s="18">
        <v>1938</v>
      </c>
      <c r="I42" s="18">
        <v>1084</v>
      </c>
      <c r="J42" s="18">
        <v>854</v>
      </c>
      <c r="K42" s="17">
        <v>1680</v>
      </c>
      <c r="L42" s="51">
        <v>912</v>
      </c>
      <c r="M42" s="52">
        <v>768</v>
      </c>
    </row>
    <row r="43" spans="1:13">
      <c r="A43" s="20" t="s">
        <v>50</v>
      </c>
      <c r="B43" s="21">
        <v>58</v>
      </c>
      <c r="C43" s="22">
        <v>26</v>
      </c>
      <c r="D43" s="22">
        <v>32</v>
      </c>
      <c r="E43" s="21">
        <v>2</v>
      </c>
      <c r="F43" s="22">
        <v>1</v>
      </c>
      <c r="G43" s="23">
        <v>1</v>
      </c>
      <c r="H43" s="22">
        <v>492</v>
      </c>
      <c r="I43" s="22">
        <v>260</v>
      </c>
      <c r="J43" s="22">
        <v>232</v>
      </c>
      <c r="K43" s="21">
        <v>432</v>
      </c>
      <c r="L43" s="53">
        <v>233</v>
      </c>
      <c r="M43" s="54">
        <v>199</v>
      </c>
    </row>
    <row r="44" spans="1:13">
      <c r="A44" s="20" t="s">
        <v>51</v>
      </c>
      <c r="B44" s="21">
        <v>68</v>
      </c>
      <c r="C44" s="22">
        <v>36</v>
      </c>
      <c r="D44" s="22">
        <v>32</v>
      </c>
      <c r="E44" s="21">
        <v>1</v>
      </c>
      <c r="F44" s="22">
        <v>0</v>
      </c>
      <c r="G44" s="23">
        <v>1</v>
      </c>
      <c r="H44" s="22">
        <v>432</v>
      </c>
      <c r="I44" s="22">
        <v>225</v>
      </c>
      <c r="J44" s="22">
        <v>207</v>
      </c>
      <c r="K44" s="21">
        <v>363</v>
      </c>
      <c r="L44" s="53">
        <v>189</v>
      </c>
      <c r="M44" s="54">
        <v>174</v>
      </c>
    </row>
    <row r="45" spans="1:13">
      <c r="A45" s="20" t="s">
        <v>52</v>
      </c>
      <c r="B45" s="21">
        <v>66</v>
      </c>
      <c r="C45" s="22">
        <v>59</v>
      </c>
      <c r="D45" s="22">
        <v>7</v>
      </c>
      <c r="E45" s="21">
        <v>0</v>
      </c>
      <c r="F45" s="22">
        <v>0</v>
      </c>
      <c r="G45" s="23">
        <v>0</v>
      </c>
      <c r="H45" s="22">
        <v>374</v>
      </c>
      <c r="I45" s="22">
        <v>227</v>
      </c>
      <c r="J45" s="22">
        <v>147</v>
      </c>
      <c r="K45" s="21">
        <v>308</v>
      </c>
      <c r="L45" s="53">
        <v>168</v>
      </c>
      <c r="M45" s="54">
        <v>140</v>
      </c>
    </row>
    <row r="46" spans="1:13">
      <c r="A46" s="20" t="s">
        <v>53</v>
      </c>
      <c r="B46" s="21">
        <v>60</v>
      </c>
      <c r="C46" s="22">
        <v>29</v>
      </c>
      <c r="D46" s="22">
        <v>31</v>
      </c>
      <c r="E46" s="21">
        <v>0</v>
      </c>
      <c r="F46" s="22">
        <v>0</v>
      </c>
      <c r="G46" s="23">
        <v>0</v>
      </c>
      <c r="H46" s="22">
        <v>332</v>
      </c>
      <c r="I46" s="22">
        <v>176</v>
      </c>
      <c r="J46" s="22">
        <v>156</v>
      </c>
      <c r="K46" s="21">
        <v>272</v>
      </c>
      <c r="L46" s="53">
        <v>147</v>
      </c>
      <c r="M46" s="54">
        <v>125</v>
      </c>
    </row>
    <row r="47" spans="1:13">
      <c r="A47" s="20" t="s">
        <v>54</v>
      </c>
      <c r="B47" s="21">
        <v>3</v>
      </c>
      <c r="C47" s="22">
        <v>21</v>
      </c>
      <c r="D47" s="22">
        <v>-18</v>
      </c>
      <c r="E47" s="21">
        <v>0</v>
      </c>
      <c r="F47" s="22">
        <v>0</v>
      </c>
      <c r="G47" s="23">
        <v>0</v>
      </c>
      <c r="H47" s="22">
        <v>308</v>
      </c>
      <c r="I47" s="22">
        <v>196</v>
      </c>
      <c r="J47" s="22">
        <v>112</v>
      </c>
      <c r="K47" s="21">
        <v>305</v>
      </c>
      <c r="L47" s="53">
        <v>175</v>
      </c>
      <c r="M47" s="54">
        <v>130</v>
      </c>
    </row>
    <row r="48" spans="1:13" ht="20.100000000000001" customHeight="1">
      <c r="A48" s="16" t="s">
        <v>55</v>
      </c>
      <c r="B48" s="17">
        <v>59</v>
      </c>
      <c r="C48" s="18">
        <v>23</v>
      </c>
      <c r="D48" s="18">
        <v>36</v>
      </c>
      <c r="E48" s="17">
        <v>8</v>
      </c>
      <c r="F48" s="18">
        <v>7</v>
      </c>
      <c r="G48" s="19">
        <v>1</v>
      </c>
      <c r="H48" s="18">
        <v>1137</v>
      </c>
      <c r="I48" s="18">
        <v>668</v>
      </c>
      <c r="J48" s="18">
        <v>469</v>
      </c>
      <c r="K48" s="17">
        <v>1070</v>
      </c>
      <c r="L48" s="51">
        <v>638</v>
      </c>
      <c r="M48" s="52">
        <v>432</v>
      </c>
    </row>
    <row r="49" spans="1:13">
      <c r="A49" s="20" t="s">
        <v>56</v>
      </c>
      <c r="B49" s="21">
        <v>7</v>
      </c>
      <c r="C49" s="22">
        <v>1</v>
      </c>
      <c r="D49" s="22">
        <v>6</v>
      </c>
      <c r="E49" s="21">
        <v>1</v>
      </c>
      <c r="F49" s="22">
        <v>0</v>
      </c>
      <c r="G49" s="23">
        <v>1</v>
      </c>
      <c r="H49" s="22">
        <v>283</v>
      </c>
      <c r="I49" s="22">
        <v>167</v>
      </c>
      <c r="J49" s="22">
        <v>116</v>
      </c>
      <c r="K49" s="21">
        <v>275</v>
      </c>
      <c r="L49" s="53">
        <v>166</v>
      </c>
      <c r="M49" s="54">
        <v>109</v>
      </c>
    </row>
    <row r="50" spans="1:13">
      <c r="A50" s="20" t="s">
        <v>57</v>
      </c>
      <c r="B50" s="21">
        <v>-2</v>
      </c>
      <c r="C50" s="22">
        <v>1</v>
      </c>
      <c r="D50" s="22">
        <v>-3</v>
      </c>
      <c r="E50" s="21">
        <v>0</v>
      </c>
      <c r="F50" s="22">
        <v>0</v>
      </c>
      <c r="G50" s="23">
        <v>0</v>
      </c>
      <c r="H50" s="22">
        <v>223</v>
      </c>
      <c r="I50" s="22">
        <v>137</v>
      </c>
      <c r="J50" s="22">
        <v>86</v>
      </c>
      <c r="K50" s="21">
        <v>225</v>
      </c>
      <c r="L50" s="53">
        <v>136</v>
      </c>
      <c r="M50" s="54">
        <v>89</v>
      </c>
    </row>
    <row r="51" spans="1:13">
      <c r="A51" s="20" t="s">
        <v>58</v>
      </c>
      <c r="B51" s="21">
        <v>22</v>
      </c>
      <c r="C51" s="22">
        <v>18</v>
      </c>
      <c r="D51" s="22">
        <v>4</v>
      </c>
      <c r="E51" s="21">
        <v>2</v>
      </c>
      <c r="F51" s="22">
        <v>2</v>
      </c>
      <c r="G51" s="23">
        <v>0</v>
      </c>
      <c r="H51" s="22">
        <v>247</v>
      </c>
      <c r="I51" s="22">
        <v>143</v>
      </c>
      <c r="J51" s="22">
        <v>104</v>
      </c>
      <c r="K51" s="21">
        <v>223</v>
      </c>
      <c r="L51" s="53">
        <v>123</v>
      </c>
      <c r="M51" s="54">
        <v>100</v>
      </c>
    </row>
    <row r="52" spans="1:13">
      <c r="A52" s="20" t="s">
        <v>59</v>
      </c>
      <c r="B52" s="21">
        <v>5</v>
      </c>
      <c r="C52" s="22">
        <v>-12</v>
      </c>
      <c r="D52" s="22">
        <v>17</v>
      </c>
      <c r="E52" s="21">
        <v>3</v>
      </c>
      <c r="F52" s="22">
        <v>3</v>
      </c>
      <c r="G52" s="23">
        <v>0</v>
      </c>
      <c r="H52" s="22">
        <v>183</v>
      </c>
      <c r="I52" s="22">
        <v>100</v>
      </c>
      <c r="J52" s="22">
        <v>83</v>
      </c>
      <c r="K52" s="21">
        <v>175</v>
      </c>
      <c r="L52" s="53">
        <v>109</v>
      </c>
      <c r="M52" s="54">
        <v>66</v>
      </c>
    </row>
    <row r="53" spans="1:13">
      <c r="A53" s="20" t="s">
        <v>60</v>
      </c>
      <c r="B53" s="21">
        <v>27</v>
      </c>
      <c r="C53" s="22">
        <v>15</v>
      </c>
      <c r="D53" s="22">
        <v>12</v>
      </c>
      <c r="E53" s="21">
        <v>2</v>
      </c>
      <c r="F53" s="22">
        <v>2</v>
      </c>
      <c r="G53" s="23">
        <v>0</v>
      </c>
      <c r="H53" s="22">
        <v>201</v>
      </c>
      <c r="I53" s="22">
        <v>121</v>
      </c>
      <c r="J53" s="22">
        <v>80</v>
      </c>
      <c r="K53" s="21">
        <v>172</v>
      </c>
      <c r="L53" s="53">
        <v>104</v>
      </c>
      <c r="M53" s="54">
        <v>68</v>
      </c>
    </row>
    <row r="54" spans="1:13" ht="20.100000000000001" customHeight="1">
      <c r="A54" s="16" t="s">
        <v>61</v>
      </c>
      <c r="B54" s="17">
        <v>55</v>
      </c>
      <c r="C54" s="18">
        <v>14</v>
      </c>
      <c r="D54" s="18">
        <v>41</v>
      </c>
      <c r="E54" s="17">
        <v>14</v>
      </c>
      <c r="F54" s="18">
        <v>10</v>
      </c>
      <c r="G54" s="19">
        <v>4</v>
      </c>
      <c r="H54" s="18">
        <v>793</v>
      </c>
      <c r="I54" s="18">
        <v>468</v>
      </c>
      <c r="J54" s="18">
        <v>325</v>
      </c>
      <c r="K54" s="17">
        <v>724</v>
      </c>
      <c r="L54" s="51">
        <v>444</v>
      </c>
      <c r="M54" s="52">
        <v>280</v>
      </c>
    </row>
    <row r="55" spans="1:13">
      <c r="A55" s="20" t="s">
        <v>62</v>
      </c>
      <c r="B55" s="21">
        <v>15</v>
      </c>
      <c r="C55" s="22">
        <v>-8</v>
      </c>
      <c r="D55" s="22">
        <v>23</v>
      </c>
      <c r="E55" s="21">
        <v>1</v>
      </c>
      <c r="F55" s="22">
        <v>1</v>
      </c>
      <c r="G55" s="23">
        <v>0</v>
      </c>
      <c r="H55" s="22">
        <v>181</v>
      </c>
      <c r="I55" s="22">
        <v>98</v>
      </c>
      <c r="J55" s="22">
        <v>83</v>
      </c>
      <c r="K55" s="21">
        <v>165</v>
      </c>
      <c r="L55" s="53">
        <v>105</v>
      </c>
      <c r="M55" s="54">
        <v>60</v>
      </c>
    </row>
    <row r="56" spans="1:13">
      <c r="A56" s="20" t="s">
        <v>63</v>
      </c>
      <c r="B56" s="21">
        <v>39</v>
      </c>
      <c r="C56" s="22">
        <v>19</v>
      </c>
      <c r="D56" s="22">
        <v>20</v>
      </c>
      <c r="E56" s="21">
        <v>2</v>
      </c>
      <c r="F56" s="22">
        <v>2</v>
      </c>
      <c r="G56" s="23">
        <v>0</v>
      </c>
      <c r="H56" s="22">
        <v>182</v>
      </c>
      <c r="I56" s="22">
        <v>106</v>
      </c>
      <c r="J56" s="22">
        <v>76</v>
      </c>
      <c r="K56" s="21">
        <v>141</v>
      </c>
      <c r="L56" s="53">
        <v>85</v>
      </c>
      <c r="M56" s="54">
        <v>56</v>
      </c>
    </row>
    <row r="57" spans="1:13">
      <c r="A57" s="20" t="s">
        <v>64</v>
      </c>
      <c r="B57" s="21">
        <v>8</v>
      </c>
      <c r="C57" s="22">
        <v>9</v>
      </c>
      <c r="D57" s="22">
        <v>-1</v>
      </c>
      <c r="E57" s="21">
        <v>3</v>
      </c>
      <c r="F57" s="22">
        <v>1</v>
      </c>
      <c r="G57" s="23">
        <v>2</v>
      </c>
      <c r="H57" s="22">
        <v>144</v>
      </c>
      <c r="I57" s="22">
        <v>88</v>
      </c>
      <c r="J57" s="22">
        <v>56</v>
      </c>
      <c r="K57" s="21">
        <v>133</v>
      </c>
      <c r="L57" s="53">
        <v>78</v>
      </c>
      <c r="M57" s="54">
        <v>55</v>
      </c>
    </row>
    <row r="58" spans="1:13">
      <c r="A58" s="20" t="s">
        <v>65</v>
      </c>
      <c r="B58" s="21">
        <v>-24</v>
      </c>
      <c r="C58" s="22">
        <v>-23</v>
      </c>
      <c r="D58" s="22">
        <v>-1</v>
      </c>
      <c r="E58" s="21">
        <v>5</v>
      </c>
      <c r="F58" s="22">
        <v>3</v>
      </c>
      <c r="G58" s="23">
        <v>2</v>
      </c>
      <c r="H58" s="22">
        <v>141</v>
      </c>
      <c r="I58" s="22">
        <v>83</v>
      </c>
      <c r="J58" s="22">
        <v>58</v>
      </c>
      <c r="K58" s="21">
        <v>160</v>
      </c>
      <c r="L58" s="53">
        <v>103</v>
      </c>
      <c r="M58" s="54">
        <v>57</v>
      </c>
    </row>
    <row r="59" spans="1:13">
      <c r="A59" s="20" t="s">
        <v>66</v>
      </c>
      <c r="B59" s="21">
        <v>17</v>
      </c>
      <c r="C59" s="22">
        <v>17</v>
      </c>
      <c r="D59" s="22">
        <v>0</v>
      </c>
      <c r="E59" s="21">
        <v>3</v>
      </c>
      <c r="F59" s="22">
        <v>3</v>
      </c>
      <c r="G59" s="23">
        <v>0</v>
      </c>
      <c r="H59" s="22">
        <v>145</v>
      </c>
      <c r="I59" s="22">
        <v>93</v>
      </c>
      <c r="J59" s="22">
        <v>52</v>
      </c>
      <c r="K59" s="21">
        <v>125</v>
      </c>
      <c r="L59" s="53">
        <v>73</v>
      </c>
      <c r="M59" s="54">
        <v>52</v>
      </c>
    </row>
    <row r="60" spans="1:13" ht="20.100000000000001" customHeight="1">
      <c r="A60" s="16" t="s">
        <v>67</v>
      </c>
      <c r="B60" s="17">
        <v>84</v>
      </c>
      <c r="C60" s="18">
        <v>44</v>
      </c>
      <c r="D60" s="18">
        <v>40</v>
      </c>
      <c r="E60" s="17">
        <v>28</v>
      </c>
      <c r="F60" s="18">
        <v>20</v>
      </c>
      <c r="G60" s="19">
        <v>8</v>
      </c>
      <c r="H60" s="18">
        <v>692</v>
      </c>
      <c r="I60" s="18">
        <v>420</v>
      </c>
      <c r="J60" s="18">
        <v>272</v>
      </c>
      <c r="K60" s="17">
        <v>580</v>
      </c>
      <c r="L60" s="51">
        <v>356</v>
      </c>
      <c r="M60" s="52">
        <v>224</v>
      </c>
    </row>
    <row r="61" spans="1:13">
      <c r="A61" s="20" t="s">
        <v>68</v>
      </c>
      <c r="B61" s="21">
        <v>23</v>
      </c>
      <c r="C61" s="22">
        <v>17</v>
      </c>
      <c r="D61" s="22">
        <v>6</v>
      </c>
      <c r="E61" s="21">
        <v>4</v>
      </c>
      <c r="F61" s="22">
        <v>3</v>
      </c>
      <c r="G61" s="23">
        <v>1</v>
      </c>
      <c r="H61" s="22">
        <v>145</v>
      </c>
      <c r="I61" s="22">
        <v>94</v>
      </c>
      <c r="J61" s="22">
        <v>51</v>
      </c>
      <c r="K61" s="21">
        <v>118</v>
      </c>
      <c r="L61" s="53">
        <v>74</v>
      </c>
      <c r="M61" s="54">
        <v>44</v>
      </c>
    </row>
    <row r="62" spans="1:13">
      <c r="A62" s="20" t="s">
        <v>69</v>
      </c>
      <c r="B62" s="21">
        <v>1</v>
      </c>
      <c r="C62" s="22">
        <v>6</v>
      </c>
      <c r="D62" s="22">
        <v>-5</v>
      </c>
      <c r="E62" s="21">
        <v>5</v>
      </c>
      <c r="F62" s="22">
        <v>3</v>
      </c>
      <c r="G62" s="23">
        <v>2</v>
      </c>
      <c r="H62" s="22">
        <v>138</v>
      </c>
      <c r="I62" s="22">
        <v>89</v>
      </c>
      <c r="J62" s="22">
        <v>49</v>
      </c>
      <c r="K62" s="21">
        <v>132</v>
      </c>
      <c r="L62" s="53">
        <v>80</v>
      </c>
      <c r="M62" s="54">
        <v>52</v>
      </c>
    </row>
    <row r="63" spans="1:13">
      <c r="A63" s="20" t="s">
        <v>70</v>
      </c>
      <c r="B63" s="21">
        <v>23</v>
      </c>
      <c r="C63" s="22">
        <v>8</v>
      </c>
      <c r="D63" s="22">
        <v>15</v>
      </c>
      <c r="E63" s="21">
        <v>5</v>
      </c>
      <c r="F63" s="22">
        <v>4</v>
      </c>
      <c r="G63" s="23">
        <v>1</v>
      </c>
      <c r="H63" s="22">
        <v>138</v>
      </c>
      <c r="I63" s="22">
        <v>76</v>
      </c>
      <c r="J63" s="22">
        <v>62</v>
      </c>
      <c r="K63" s="21">
        <v>110</v>
      </c>
      <c r="L63" s="53">
        <v>64</v>
      </c>
      <c r="M63" s="54">
        <v>46</v>
      </c>
    </row>
    <row r="64" spans="1:13">
      <c r="A64" s="20" t="s">
        <v>71</v>
      </c>
      <c r="B64" s="21">
        <v>2</v>
      </c>
      <c r="C64" s="22">
        <v>-2</v>
      </c>
      <c r="D64" s="22">
        <v>4</v>
      </c>
      <c r="E64" s="21">
        <v>6</v>
      </c>
      <c r="F64" s="22">
        <v>6</v>
      </c>
      <c r="G64" s="23">
        <v>0</v>
      </c>
      <c r="H64" s="22">
        <v>129</v>
      </c>
      <c r="I64" s="22">
        <v>74</v>
      </c>
      <c r="J64" s="22">
        <v>55</v>
      </c>
      <c r="K64" s="21">
        <v>121</v>
      </c>
      <c r="L64" s="53">
        <v>70</v>
      </c>
      <c r="M64" s="54">
        <v>51</v>
      </c>
    </row>
    <row r="65" spans="1:13">
      <c r="A65" s="24" t="s">
        <v>72</v>
      </c>
      <c r="B65" s="25">
        <v>35</v>
      </c>
      <c r="C65" s="26">
        <v>15</v>
      </c>
      <c r="D65" s="26">
        <v>20</v>
      </c>
      <c r="E65" s="25">
        <v>8</v>
      </c>
      <c r="F65" s="26">
        <v>4</v>
      </c>
      <c r="G65" s="27">
        <v>4</v>
      </c>
      <c r="H65" s="26">
        <v>142</v>
      </c>
      <c r="I65" s="26">
        <v>87</v>
      </c>
      <c r="J65" s="26">
        <v>55</v>
      </c>
      <c r="K65" s="25">
        <v>99</v>
      </c>
      <c r="L65" s="55">
        <v>68</v>
      </c>
      <c r="M65" s="56">
        <v>3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906</v>
      </c>
      <c r="C69" s="58">
        <v>943</v>
      </c>
      <c r="D69" s="59">
        <v>96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906</v>
      </c>
      <c r="C70" s="61">
        <v>943</v>
      </c>
      <c r="D70" s="62">
        <v>963</v>
      </c>
    </row>
    <row r="71" spans="1:13">
      <c r="A71" s="24" t="s">
        <v>14</v>
      </c>
      <c r="B71" s="63">
        <v>1906</v>
      </c>
      <c r="C71" s="64">
        <v>943</v>
      </c>
      <c r="D71" s="65">
        <v>963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9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2</v>
      </c>
      <c r="C77" s="18">
        <v>-19</v>
      </c>
      <c r="D77" s="18">
        <v>7</v>
      </c>
      <c r="E77" s="17">
        <v>40</v>
      </c>
      <c r="F77" s="18">
        <v>24</v>
      </c>
      <c r="G77" s="19">
        <v>16</v>
      </c>
      <c r="H77" s="18">
        <v>466</v>
      </c>
      <c r="I77" s="18">
        <v>263</v>
      </c>
      <c r="J77" s="18">
        <v>203</v>
      </c>
      <c r="K77" s="17">
        <v>438</v>
      </c>
      <c r="L77" s="51">
        <v>258</v>
      </c>
      <c r="M77" s="52">
        <v>180</v>
      </c>
    </row>
    <row r="78" spans="1:13">
      <c r="A78" s="40" t="s">
        <v>81</v>
      </c>
      <c r="B78" s="21">
        <v>16</v>
      </c>
      <c r="C78" s="22">
        <v>20</v>
      </c>
      <c r="D78" s="22">
        <v>-4</v>
      </c>
      <c r="E78" s="21">
        <v>2</v>
      </c>
      <c r="F78" s="22">
        <v>1</v>
      </c>
      <c r="G78" s="23">
        <v>1</v>
      </c>
      <c r="H78" s="22">
        <v>115</v>
      </c>
      <c r="I78" s="22">
        <v>71</v>
      </c>
      <c r="J78" s="22">
        <v>44</v>
      </c>
      <c r="K78" s="21">
        <v>97</v>
      </c>
      <c r="L78" s="53">
        <v>50</v>
      </c>
      <c r="M78" s="54">
        <v>47</v>
      </c>
    </row>
    <row r="79" spans="1:13">
      <c r="A79" s="40" t="s">
        <v>82</v>
      </c>
      <c r="B79" s="21">
        <v>3</v>
      </c>
      <c r="C79" s="22">
        <v>-16</v>
      </c>
      <c r="D79" s="22">
        <v>19</v>
      </c>
      <c r="E79" s="21">
        <v>6</v>
      </c>
      <c r="F79" s="22">
        <v>4</v>
      </c>
      <c r="G79" s="23">
        <v>2</v>
      </c>
      <c r="H79" s="22">
        <v>96</v>
      </c>
      <c r="I79" s="22">
        <v>44</v>
      </c>
      <c r="J79" s="22">
        <v>52</v>
      </c>
      <c r="K79" s="21">
        <v>87</v>
      </c>
      <c r="L79" s="53">
        <v>56</v>
      </c>
      <c r="M79" s="54">
        <v>31</v>
      </c>
    </row>
    <row r="80" spans="1:13">
      <c r="A80" s="40" t="s">
        <v>83</v>
      </c>
      <c r="B80" s="21">
        <v>-7</v>
      </c>
      <c r="C80" s="22">
        <v>-5</v>
      </c>
      <c r="D80" s="22">
        <v>-2</v>
      </c>
      <c r="E80" s="21">
        <v>10</v>
      </c>
      <c r="F80" s="22">
        <v>7</v>
      </c>
      <c r="G80" s="23">
        <v>3</v>
      </c>
      <c r="H80" s="22">
        <v>82</v>
      </c>
      <c r="I80" s="22">
        <v>49</v>
      </c>
      <c r="J80" s="22">
        <v>33</v>
      </c>
      <c r="K80" s="21">
        <v>79</v>
      </c>
      <c r="L80" s="53">
        <v>47</v>
      </c>
      <c r="M80" s="54">
        <v>32</v>
      </c>
    </row>
    <row r="81" spans="1:13">
      <c r="A81" s="40" t="s">
        <v>84</v>
      </c>
      <c r="B81" s="21">
        <v>-20</v>
      </c>
      <c r="C81" s="22">
        <v>-9</v>
      </c>
      <c r="D81" s="22">
        <v>-11</v>
      </c>
      <c r="E81" s="21">
        <v>10</v>
      </c>
      <c r="F81" s="22">
        <v>4</v>
      </c>
      <c r="G81" s="23">
        <v>6</v>
      </c>
      <c r="H81" s="22">
        <v>80</v>
      </c>
      <c r="I81" s="22">
        <v>46</v>
      </c>
      <c r="J81" s="22">
        <v>34</v>
      </c>
      <c r="K81" s="21">
        <v>90</v>
      </c>
      <c r="L81" s="53">
        <v>51</v>
      </c>
      <c r="M81" s="54">
        <v>39</v>
      </c>
    </row>
    <row r="82" spans="1:13">
      <c r="A82" s="40" t="s">
        <v>85</v>
      </c>
      <c r="B82" s="21">
        <v>-4</v>
      </c>
      <c r="C82" s="22">
        <v>-9</v>
      </c>
      <c r="D82" s="22">
        <v>5</v>
      </c>
      <c r="E82" s="21">
        <v>12</v>
      </c>
      <c r="F82" s="22">
        <v>8</v>
      </c>
      <c r="G82" s="23">
        <v>4</v>
      </c>
      <c r="H82" s="22">
        <v>93</v>
      </c>
      <c r="I82" s="22">
        <v>53</v>
      </c>
      <c r="J82" s="22">
        <v>40</v>
      </c>
      <c r="K82" s="21">
        <v>85</v>
      </c>
      <c r="L82" s="53">
        <v>54</v>
      </c>
      <c r="M82" s="54">
        <v>31</v>
      </c>
    </row>
    <row r="83" spans="1:13" ht="19.5" customHeight="1">
      <c r="A83" s="34" t="s">
        <v>86</v>
      </c>
      <c r="B83" s="17">
        <v>-37</v>
      </c>
      <c r="C83" s="18">
        <v>-36</v>
      </c>
      <c r="D83" s="18">
        <v>-1</v>
      </c>
      <c r="E83" s="17">
        <v>58</v>
      </c>
      <c r="F83" s="18">
        <v>40</v>
      </c>
      <c r="G83" s="19">
        <v>18</v>
      </c>
      <c r="H83" s="18">
        <v>343</v>
      </c>
      <c r="I83" s="18">
        <v>195</v>
      </c>
      <c r="J83" s="18">
        <v>148</v>
      </c>
      <c r="K83" s="17">
        <v>322</v>
      </c>
      <c r="L83" s="51">
        <v>191</v>
      </c>
      <c r="M83" s="52">
        <v>131</v>
      </c>
    </row>
    <row r="84" spans="1:13">
      <c r="A84" s="40" t="s">
        <v>87</v>
      </c>
      <c r="B84" s="21">
        <v>-17</v>
      </c>
      <c r="C84" s="22">
        <v>-11</v>
      </c>
      <c r="D84" s="22">
        <v>-6</v>
      </c>
      <c r="E84" s="21">
        <v>9</v>
      </c>
      <c r="F84" s="22">
        <v>7</v>
      </c>
      <c r="G84" s="23">
        <v>2</v>
      </c>
      <c r="H84" s="22">
        <v>78</v>
      </c>
      <c r="I84" s="22">
        <v>42</v>
      </c>
      <c r="J84" s="22">
        <v>36</v>
      </c>
      <c r="K84" s="21">
        <v>86</v>
      </c>
      <c r="L84" s="53">
        <v>46</v>
      </c>
      <c r="M84" s="54">
        <v>40</v>
      </c>
    </row>
    <row r="85" spans="1:13">
      <c r="A85" s="40" t="s">
        <v>88</v>
      </c>
      <c r="B85" s="21">
        <v>-14</v>
      </c>
      <c r="C85" s="22">
        <v>-7</v>
      </c>
      <c r="D85" s="22">
        <v>-7</v>
      </c>
      <c r="E85" s="21">
        <v>12</v>
      </c>
      <c r="F85" s="22">
        <v>7</v>
      </c>
      <c r="G85" s="23">
        <v>5</v>
      </c>
      <c r="H85" s="22">
        <v>69</v>
      </c>
      <c r="I85" s="22">
        <v>46</v>
      </c>
      <c r="J85" s="22">
        <v>23</v>
      </c>
      <c r="K85" s="21">
        <v>71</v>
      </c>
      <c r="L85" s="53">
        <v>46</v>
      </c>
      <c r="M85" s="54">
        <v>25</v>
      </c>
    </row>
    <row r="86" spans="1:13">
      <c r="A86" s="40" t="s">
        <v>89</v>
      </c>
      <c r="B86" s="21">
        <v>-15</v>
      </c>
      <c r="C86" s="22">
        <v>-20</v>
      </c>
      <c r="D86" s="22">
        <v>5</v>
      </c>
      <c r="E86" s="21">
        <v>15</v>
      </c>
      <c r="F86" s="22">
        <v>12</v>
      </c>
      <c r="G86" s="23">
        <v>3</v>
      </c>
      <c r="H86" s="22">
        <v>61</v>
      </c>
      <c r="I86" s="22">
        <v>32</v>
      </c>
      <c r="J86" s="22">
        <v>29</v>
      </c>
      <c r="K86" s="21">
        <v>61</v>
      </c>
      <c r="L86" s="53">
        <v>40</v>
      </c>
      <c r="M86" s="54">
        <v>21</v>
      </c>
    </row>
    <row r="87" spans="1:13">
      <c r="A87" s="40" t="s">
        <v>90</v>
      </c>
      <c r="B87" s="21">
        <v>-5</v>
      </c>
      <c r="C87" s="22">
        <v>-2</v>
      </c>
      <c r="D87" s="22">
        <v>-3</v>
      </c>
      <c r="E87" s="21">
        <v>10</v>
      </c>
      <c r="F87" s="22">
        <v>5</v>
      </c>
      <c r="G87" s="23">
        <v>5</v>
      </c>
      <c r="H87" s="22">
        <v>66</v>
      </c>
      <c r="I87" s="22">
        <v>36</v>
      </c>
      <c r="J87" s="22">
        <v>30</v>
      </c>
      <c r="K87" s="21">
        <v>61</v>
      </c>
      <c r="L87" s="53">
        <v>33</v>
      </c>
      <c r="M87" s="54">
        <v>28</v>
      </c>
    </row>
    <row r="88" spans="1:13">
      <c r="A88" s="40" t="s">
        <v>91</v>
      </c>
      <c r="B88" s="21">
        <v>14</v>
      </c>
      <c r="C88" s="22">
        <v>4</v>
      </c>
      <c r="D88" s="22">
        <v>10</v>
      </c>
      <c r="E88" s="21">
        <v>12</v>
      </c>
      <c r="F88" s="22">
        <v>9</v>
      </c>
      <c r="G88" s="23">
        <v>3</v>
      </c>
      <c r="H88" s="22">
        <v>69</v>
      </c>
      <c r="I88" s="22">
        <v>39</v>
      </c>
      <c r="J88" s="22">
        <v>30</v>
      </c>
      <c r="K88" s="21">
        <v>43</v>
      </c>
      <c r="L88" s="53">
        <v>26</v>
      </c>
      <c r="M88" s="54">
        <v>17</v>
      </c>
    </row>
    <row r="89" spans="1:13" ht="19.5" customHeight="1">
      <c r="A89" s="34" t="s">
        <v>92</v>
      </c>
      <c r="B89" s="17">
        <v>-67</v>
      </c>
      <c r="C89" s="18">
        <v>-52</v>
      </c>
      <c r="D89" s="18">
        <v>-15</v>
      </c>
      <c r="E89" s="17">
        <v>81</v>
      </c>
      <c r="F89" s="18">
        <v>59</v>
      </c>
      <c r="G89" s="19">
        <v>22</v>
      </c>
      <c r="H89" s="18">
        <v>237</v>
      </c>
      <c r="I89" s="18">
        <v>131</v>
      </c>
      <c r="J89" s="18">
        <v>106</v>
      </c>
      <c r="K89" s="17">
        <v>223</v>
      </c>
      <c r="L89" s="51">
        <v>124</v>
      </c>
      <c r="M89" s="52">
        <v>99</v>
      </c>
    </row>
    <row r="90" spans="1:13">
      <c r="A90" s="40" t="s">
        <v>93</v>
      </c>
      <c r="B90" s="21">
        <v>-6</v>
      </c>
      <c r="C90" s="22">
        <v>-5</v>
      </c>
      <c r="D90" s="22">
        <v>-1</v>
      </c>
      <c r="E90" s="21">
        <v>16</v>
      </c>
      <c r="F90" s="22">
        <v>11</v>
      </c>
      <c r="G90" s="23">
        <v>5</v>
      </c>
      <c r="H90" s="22">
        <v>64</v>
      </c>
      <c r="I90" s="22">
        <v>40</v>
      </c>
      <c r="J90" s="22">
        <v>24</v>
      </c>
      <c r="K90" s="21">
        <v>54</v>
      </c>
      <c r="L90" s="53">
        <v>34</v>
      </c>
      <c r="M90" s="54">
        <v>20</v>
      </c>
    </row>
    <row r="91" spans="1:13">
      <c r="A91" s="40" t="s">
        <v>94</v>
      </c>
      <c r="B91" s="21">
        <v>-22</v>
      </c>
      <c r="C91" s="22">
        <v>-13</v>
      </c>
      <c r="D91" s="22">
        <v>-9</v>
      </c>
      <c r="E91" s="21">
        <v>20</v>
      </c>
      <c r="F91" s="22">
        <v>15</v>
      </c>
      <c r="G91" s="23">
        <v>5</v>
      </c>
      <c r="H91" s="22">
        <v>43</v>
      </c>
      <c r="I91" s="22">
        <v>20</v>
      </c>
      <c r="J91" s="22">
        <v>23</v>
      </c>
      <c r="K91" s="21">
        <v>45</v>
      </c>
      <c r="L91" s="53">
        <v>18</v>
      </c>
      <c r="M91" s="54">
        <v>27</v>
      </c>
    </row>
    <row r="92" spans="1:13">
      <c r="A92" s="40" t="s">
        <v>95</v>
      </c>
      <c r="B92" s="21">
        <v>0</v>
      </c>
      <c r="C92" s="22">
        <v>-1</v>
      </c>
      <c r="D92" s="22">
        <v>1</v>
      </c>
      <c r="E92" s="21">
        <v>9</v>
      </c>
      <c r="F92" s="22">
        <v>6</v>
      </c>
      <c r="G92" s="23">
        <v>3</v>
      </c>
      <c r="H92" s="22">
        <v>53</v>
      </c>
      <c r="I92" s="22">
        <v>31</v>
      </c>
      <c r="J92" s="22">
        <v>22</v>
      </c>
      <c r="K92" s="21">
        <v>44</v>
      </c>
      <c r="L92" s="53">
        <v>26</v>
      </c>
      <c r="M92" s="54">
        <v>18</v>
      </c>
    </row>
    <row r="93" spans="1:13">
      <c r="A93" s="40" t="s">
        <v>96</v>
      </c>
      <c r="B93" s="21">
        <v>-21</v>
      </c>
      <c r="C93" s="22">
        <v>-18</v>
      </c>
      <c r="D93" s="22">
        <v>-3</v>
      </c>
      <c r="E93" s="21">
        <v>17</v>
      </c>
      <c r="F93" s="22">
        <v>13</v>
      </c>
      <c r="G93" s="23">
        <v>4</v>
      </c>
      <c r="H93" s="22">
        <v>40</v>
      </c>
      <c r="I93" s="22">
        <v>16</v>
      </c>
      <c r="J93" s="22">
        <v>24</v>
      </c>
      <c r="K93" s="21">
        <v>44</v>
      </c>
      <c r="L93" s="53">
        <v>21</v>
      </c>
      <c r="M93" s="54">
        <v>23</v>
      </c>
    </row>
    <row r="94" spans="1:13">
      <c r="A94" s="40" t="s">
        <v>97</v>
      </c>
      <c r="B94" s="21">
        <v>-18</v>
      </c>
      <c r="C94" s="22">
        <v>-15</v>
      </c>
      <c r="D94" s="22">
        <v>-3</v>
      </c>
      <c r="E94" s="21">
        <v>19</v>
      </c>
      <c r="F94" s="22">
        <v>14</v>
      </c>
      <c r="G94" s="23">
        <v>5</v>
      </c>
      <c r="H94" s="22">
        <v>37</v>
      </c>
      <c r="I94" s="22">
        <v>24</v>
      </c>
      <c r="J94" s="22">
        <v>13</v>
      </c>
      <c r="K94" s="21">
        <v>36</v>
      </c>
      <c r="L94" s="53">
        <v>25</v>
      </c>
      <c r="M94" s="54">
        <v>11</v>
      </c>
    </row>
    <row r="95" spans="1:13" ht="19.5" customHeight="1">
      <c r="A95" s="34" t="s">
        <v>98</v>
      </c>
      <c r="B95" s="17">
        <v>-97</v>
      </c>
      <c r="C95" s="18">
        <v>-90</v>
      </c>
      <c r="D95" s="18">
        <v>-7</v>
      </c>
      <c r="E95" s="17">
        <v>134</v>
      </c>
      <c r="F95" s="18">
        <v>94</v>
      </c>
      <c r="G95" s="19">
        <v>40</v>
      </c>
      <c r="H95" s="18">
        <v>223</v>
      </c>
      <c r="I95" s="18">
        <v>115</v>
      </c>
      <c r="J95" s="18">
        <v>108</v>
      </c>
      <c r="K95" s="17">
        <v>186</v>
      </c>
      <c r="L95" s="51">
        <v>111</v>
      </c>
      <c r="M95" s="52">
        <v>75</v>
      </c>
    </row>
    <row r="96" spans="1:13">
      <c r="A96" s="40" t="s">
        <v>99</v>
      </c>
      <c r="B96" s="21">
        <v>-22</v>
      </c>
      <c r="C96" s="22">
        <v>-16</v>
      </c>
      <c r="D96" s="22">
        <v>-6</v>
      </c>
      <c r="E96" s="21">
        <v>16</v>
      </c>
      <c r="F96" s="22">
        <v>9</v>
      </c>
      <c r="G96" s="23">
        <v>7</v>
      </c>
      <c r="H96" s="22">
        <v>41</v>
      </c>
      <c r="I96" s="22">
        <v>25</v>
      </c>
      <c r="J96" s="22">
        <v>16</v>
      </c>
      <c r="K96" s="21">
        <v>47</v>
      </c>
      <c r="L96" s="53">
        <v>32</v>
      </c>
      <c r="M96" s="54">
        <v>15</v>
      </c>
    </row>
    <row r="97" spans="1:13">
      <c r="A97" s="40" t="s">
        <v>100</v>
      </c>
      <c r="B97" s="21">
        <v>-26</v>
      </c>
      <c r="C97" s="22">
        <v>-7</v>
      </c>
      <c r="D97" s="22">
        <v>-19</v>
      </c>
      <c r="E97" s="21">
        <v>26</v>
      </c>
      <c r="F97" s="22">
        <v>17</v>
      </c>
      <c r="G97" s="23">
        <v>9</v>
      </c>
      <c r="H97" s="22">
        <v>37</v>
      </c>
      <c r="I97" s="22">
        <v>25</v>
      </c>
      <c r="J97" s="22">
        <v>12</v>
      </c>
      <c r="K97" s="21">
        <v>37</v>
      </c>
      <c r="L97" s="53">
        <v>15</v>
      </c>
      <c r="M97" s="54">
        <v>22</v>
      </c>
    </row>
    <row r="98" spans="1:13">
      <c r="A98" s="40" t="s">
        <v>101</v>
      </c>
      <c r="B98" s="21">
        <v>-15</v>
      </c>
      <c r="C98" s="22">
        <v>-22</v>
      </c>
      <c r="D98" s="22">
        <v>7</v>
      </c>
      <c r="E98" s="21">
        <v>30</v>
      </c>
      <c r="F98" s="22">
        <v>20</v>
      </c>
      <c r="G98" s="23">
        <v>10</v>
      </c>
      <c r="H98" s="22">
        <v>45</v>
      </c>
      <c r="I98" s="22">
        <v>17</v>
      </c>
      <c r="J98" s="22">
        <v>28</v>
      </c>
      <c r="K98" s="21">
        <v>30</v>
      </c>
      <c r="L98" s="53">
        <v>19</v>
      </c>
      <c r="M98" s="54">
        <v>11</v>
      </c>
    </row>
    <row r="99" spans="1:13">
      <c r="A99" s="40" t="s">
        <v>102</v>
      </c>
      <c r="B99" s="21">
        <v>-22</v>
      </c>
      <c r="C99" s="22">
        <v>-29</v>
      </c>
      <c r="D99" s="22">
        <v>7</v>
      </c>
      <c r="E99" s="21">
        <v>35</v>
      </c>
      <c r="F99" s="22">
        <v>29</v>
      </c>
      <c r="G99" s="23">
        <v>6</v>
      </c>
      <c r="H99" s="22">
        <v>47</v>
      </c>
      <c r="I99" s="22">
        <v>21</v>
      </c>
      <c r="J99" s="22">
        <v>26</v>
      </c>
      <c r="K99" s="21">
        <v>34</v>
      </c>
      <c r="L99" s="53">
        <v>21</v>
      </c>
      <c r="M99" s="54">
        <v>13</v>
      </c>
    </row>
    <row r="100" spans="1:13">
      <c r="A100" s="40" t="s">
        <v>103</v>
      </c>
      <c r="B100" s="21">
        <v>-12</v>
      </c>
      <c r="C100" s="22">
        <v>-16</v>
      </c>
      <c r="D100" s="22">
        <v>4</v>
      </c>
      <c r="E100" s="21">
        <v>27</v>
      </c>
      <c r="F100" s="22">
        <v>19</v>
      </c>
      <c r="G100" s="23">
        <v>8</v>
      </c>
      <c r="H100" s="22">
        <v>53</v>
      </c>
      <c r="I100" s="22">
        <v>27</v>
      </c>
      <c r="J100" s="22">
        <v>26</v>
      </c>
      <c r="K100" s="21">
        <v>38</v>
      </c>
      <c r="L100" s="53">
        <v>24</v>
      </c>
      <c r="M100" s="54">
        <v>14</v>
      </c>
    </row>
    <row r="101" spans="1:13" ht="19.5" customHeight="1">
      <c r="A101" s="34" t="s">
        <v>104</v>
      </c>
      <c r="B101" s="17">
        <v>-219</v>
      </c>
      <c r="C101" s="18">
        <v>-126</v>
      </c>
      <c r="D101" s="18">
        <v>-93</v>
      </c>
      <c r="E101" s="17">
        <v>222</v>
      </c>
      <c r="F101" s="18">
        <v>138</v>
      </c>
      <c r="G101" s="19">
        <v>84</v>
      </c>
      <c r="H101" s="18">
        <v>149</v>
      </c>
      <c r="I101" s="18">
        <v>78</v>
      </c>
      <c r="J101" s="18">
        <v>71</v>
      </c>
      <c r="K101" s="17">
        <v>146</v>
      </c>
      <c r="L101" s="51">
        <v>66</v>
      </c>
      <c r="M101" s="52">
        <v>80</v>
      </c>
    </row>
    <row r="102" spans="1:13">
      <c r="A102" s="40" t="s">
        <v>105</v>
      </c>
      <c r="B102" s="21">
        <v>-34</v>
      </c>
      <c r="C102" s="22">
        <v>-16</v>
      </c>
      <c r="D102" s="22">
        <v>-18</v>
      </c>
      <c r="E102" s="21">
        <v>44</v>
      </c>
      <c r="F102" s="22">
        <v>27</v>
      </c>
      <c r="G102" s="23">
        <v>17</v>
      </c>
      <c r="H102" s="22">
        <v>43</v>
      </c>
      <c r="I102" s="22">
        <v>22</v>
      </c>
      <c r="J102" s="22">
        <v>21</v>
      </c>
      <c r="K102" s="21">
        <v>33</v>
      </c>
      <c r="L102" s="53">
        <v>11</v>
      </c>
      <c r="M102" s="54">
        <v>22</v>
      </c>
    </row>
    <row r="103" spans="1:13">
      <c r="A103" s="40" t="s">
        <v>106</v>
      </c>
      <c r="B103" s="21">
        <v>-61</v>
      </c>
      <c r="C103" s="22">
        <v>-33</v>
      </c>
      <c r="D103" s="22">
        <v>-28</v>
      </c>
      <c r="E103" s="21">
        <v>58</v>
      </c>
      <c r="F103" s="22">
        <v>36</v>
      </c>
      <c r="G103" s="23">
        <v>22</v>
      </c>
      <c r="H103" s="22">
        <v>37</v>
      </c>
      <c r="I103" s="22">
        <v>20</v>
      </c>
      <c r="J103" s="22">
        <v>17</v>
      </c>
      <c r="K103" s="21">
        <v>40</v>
      </c>
      <c r="L103" s="53">
        <v>17</v>
      </c>
      <c r="M103" s="54">
        <v>23</v>
      </c>
    </row>
    <row r="104" spans="1:13">
      <c r="A104" s="40" t="s">
        <v>107</v>
      </c>
      <c r="B104" s="21">
        <v>-46</v>
      </c>
      <c r="C104" s="22">
        <v>-35</v>
      </c>
      <c r="D104" s="22">
        <v>-11</v>
      </c>
      <c r="E104" s="21">
        <v>41</v>
      </c>
      <c r="F104" s="22">
        <v>26</v>
      </c>
      <c r="G104" s="23">
        <v>15</v>
      </c>
      <c r="H104" s="22">
        <v>24</v>
      </c>
      <c r="I104" s="22">
        <v>9</v>
      </c>
      <c r="J104" s="22">
        <v>15</v>
      </c>
      <c r="K104" s="21">
        <v>29</v>
      </c>
      <c r="L104" s="53">
        <v>18</v>
      </c>
      <c r="M104" s="54">
        <v>11</v>
      </c>
    </row>
    <row r="105" spans="1:13">
      <c r="A105" s="40" t="s">
        <v>108</v>
      </c>
      <c r="B105" s="21">
        <v>-35</v>
      </c>
      <c r="C105" s="22">
        <v>-13</v>
      </c>
      <c r="D105" s="22">
        <v>-22</v>
      </c>
      <c r="E105" s="21">
        <v>32</v>
      </c>
      <c r="F105" s="22">
        <v>18</v>
      </c>
      <c r="G105" s="23">
        <v>14</v>
      </c>
      <c r="H105" s="22">
        <v>23</v>
      </c>
      <c r="I105" s="22">
        <v>15</v>
      </c>
      <c r="J105" s="22">
        <v>8</v>
      </c>
      <c r="K105" s="21">
        <v>26</v>
      </c>
      <c r="L105" s="53">
        <v>10</v>
      </c>
      <c r="M105" s="54">
        <v>16</v>
      </c>
    </row>
    <row r="106" spans="1:13">
      <c r="A106" s="40" t="s">
        <v>109</v>
      </c>
      <c r="B106" s="21">
        <v>-43</v>
      </c>
      <c r="C106" s="22">
        <v>-29</v>
      </c>
      <c r="D106" s="22">
        <v>-14</v>
      </c>
      <c r="E106" s="21">
        <v>47</v>
      </c>
      <c r="F106" s="22">
        <v>31</v>
      </c>
      <c r="G106" s="23">
        <v>16</v>
      </c>
      <c r="H106" s="22">
        <v>22</v>
      </c>
      <c r="I106" s="22">
        <v>12</v>
      </c>
      <c r="J106" s="22">
        <v>10</v>
      </c>
      <c r="K106" s="21">
        <v>18</v>
      </c>
      <c r="L106" s="53">
        <v>10</v>
      </c>
      <c r="M106" s="54">
        <v>8</v>
      </c>
    </row>
    <row r="107" spans="1:13" ht="19.5" customHeight="1">
      <c r="A107" s="34" t="s">
        <v>110</v>
      </c>
      <c r="B107" s="17">
        <v>-311</v>
      </c>
      <c r="C107" s="18">
        <v>-210</v>
      </c>
      <c r="D107" s="18">
        <v>-101</v>
      </c>
      <c r="E107" s="17">
        <v>327</v>
      </c>
      <c r="F107" s="18">
        <v>210</v>
      </c>
      <c r="G107" s="19">
        <v>117</v>
      </c>
      <c r="H107" s="18">
        <v>144</v>
      </c>
      <c r="I107" s="18">
        <v>53</v>
      </c>
      <c r="J107" s="18">
        <v>91</v>
      </c>
      <c r="K107" s="17">
        <v>128</v>
      </c>
      <c r="L107" s="51">
        <v>53</v>
      </c>
      <c r="M107" s="52">
        <v>75</v>
      </c>
    </row>
    <row r="108" spans="1:13">
      <c r="A108" s="40" t="s">
        <v>111</v>
      </c>
      <c r="B108" s="21">
        <v>-60</v>
      </c>
      <c r="C108" s="22">
        <v>-43</v>
      </c>
      <c r="D108" s="22">
        <v>-17</v>
      </c>
      <c r="E108" s="21">
        <v>63</v>
      </c>
      <c r="F108" s="22">
        <v>41</v>
      </c>
      <c r="G108" s="23">
        <v>22</v>
      </c>
      <c r="H108" s="22">
        <v>28</v>
      </c>
      <c r="I108" s="22">
        <v>10</v>
      </c>
      <c r="J108" s="22">
        <v>18</v>
      </c>
      <c r="K108" s="21">
        <v>25</v>
      </c>
      <c r="L108" s="53">
        <v>12</v>
      </c>
      <c r="M108" s="54">
        <v>13</v>
      </c>
    </row>
    <row r="109" spans="1:13">
      <c r="A109" s="40" t="s">
        <v>112</v>
      </c>
      <c r="B109" s="21">
        <v>-48</v>
      </c>
      <c r="C109" s="22">
        <v>-38</v>
      </c>
      <c r="D109" s="22">
        <v>-10</v>
      </c>
      <c r="E109" s="21">
        <v>63</v>
      </c>
      <c r="F109" s="22">
        <v>45</v>
      </c>
      <c r="G109" s="23">
        <v>18</v>
      </c>
      <c r="H109" s="22">
        <v>42</v>
      </c>
      <c r="I109" s="22">
        <v>18</v>
      </c>
      <c r="J109" s="22">
        <v>24</v>
      </c>
      <c r="K109" s="21">
        <v>27</v>
      </c>
      <c r="L109" s="53">
        <v>11</v>
      </c>
      <c r="M109" s="54">
        <v>16</v>
      </c>
    </row>
    <row r="110" spans="1:13">
      <c r="A110" s="40" t="s">
        <v>113</v>
      </c>
      <c r="B110" s="21">
        <v>-78</v>
      </c>
      <c r="C110" s="22">
        <v>-56</v>
      </c>
      <c r="D110" s="22">
        <v>-22</v>
      </c>
      <c r="E110" s="21">
        <v>71</v>
      </c>
      <c r="F110" s="22">
        <v>48</v>
      </c>
      <c r="G110" s="23">
        <v>23</v>
      </c>
      <c r="H110" s="22">
        <v>24</v>
      </c>
      <c r="I110" s="22">
        <v>7</v>
      </c>
      <c r="J110" s="22">
        <v>17</v>
      </c>
      <c r="K110" s="21">
        <v>31</v>
      </c>
      <c r="L110" s="53">
        <v>15</v>
      </c>
      <c r="M110" s="54">
        <v>16</v>
      </c>
    </row>
    <row r="111" spans="1:13">
      <c r="A111" s="40" t="s">
        <v>114</v>
      </c>
      <c r="B111" s="21">
        <v>-56</v>
      </c>
      <c r="C111" s="22">
        <v>-38</v>
      </c>
      <c r="D111" s="22">
        <v>-18</v>
      </c>
      <c r="E111" s="21">
        <v>61</v>
      </c>
      <c r="F111" s="22">
        <v>39</v>
      </c>
      <c r="G111" s="23">
        <v>22</v>
      </c>
      <c r="H111" s="22">
        <v>31</v>
      </c>
      <c r="I111" s="22">
        <v>10</v>
      </c>
      <c r="J111" s="22">
        <v>21</v>
      </c>
      <c r="K111" s="21">
        <v>26</v>
      </c>
      <c r="L111" s="53">
        <v>9</v>
      </c>
      <c r="M111" s="54">
        <v>17</v>
      </c>
    </row>
    <row r="112" spans="1:13">
      <c r="A112" s="40" t="s">
        <v>115</v>
      </c>
      <c r="B112" s="21">
        <v>-69</v>
      </c>
      <c r="C112" s="22">
        <v>-35</v>
      </c>
      <c r="D112" s="22">
        <v>-34</v>
      </c>
      <c r="E112" s="21">
        <v>69</v>
      </c>
      <c r="F112" s="22">
        <v>37</v>
      </c>
      <c r="G112" s="23">
        <v>32</v>
      </c>
      <c r="H112" s="22">
        <v>19</v>
      </c>
      <c r="I112" s="22">
        <v>8</v>
      </c>
      <c r="J112" s="22">
        <v>11</v>
      </c>
      <c r="K112" s="21">
        <v>19</v>
      </c>
      <c r="L112" s="53">
        <v>6</v>
      </c>
      <c r="M112" s="54">
        <v>13</v>
      </c>
    </row>
    <row r="113" spans="1:13" ht="19.5" customHeight="1">
      <c r="A113" s="34" t="s">
        <v>116</v>
      </c>
      <c r="B113" s="17">
        <v>-354</v>
      </c>
      <c r="C113" s="18">
        <v>-218</v>
      </c>
      <c r="D113" s="18">
        <v>-136</v>
      </c>
      <c r="E113" s="17">
        <v>398</v>
      </c>
      <c r="F113" s="18">
        <v>226</v>
      </c>
      <c r="G113" s="19">
        <v>172</v>
      </c>
      <c r="H113" s="18">
        <v>140</v>
      </c>
      <c r="I113" s="18">
        <v>43</v>
      </c>
      <c r="J113" s="18">
        <v>97</v>
      </c>
      <c r="K113" s="17">
        <v>96</v>
      </c>
      <c r="L113" s="51">
        <v>35</v>
      </c>
      <c r="M113" s="52">
        <v>61</v>
      </c>
    </row>
    <row r="114" spans="1:13">
      <c r="A114" s="40" t="s">
        <v>117</v>
      </c>
      <c r="B114" s="21">
        <v>-56</v>
      </c>
      <c r="C114" s="22">
        <v>-45</v>
      </c>
      <c r="D114" s="22">
        <v>-11</v>
      </c>
      <c r="E114" s="21">
        <v>65</v>
      </c>
      <c r="F114" s="22">
        <v>44</v>
      </c>
      <c r="G114" s="23">
        <v>21</v>
      </c>
      <c r="H114" s="22">
        <v>26</v>
      </c>
      <c r="I114" s="22">
        <v>9</v>
      </c>
      <c r="J114" s="22">
        <v>17</v>
      </c>
      <c r="K114" s="21">
        <v>17</v>
      </c>
      <c r="L114" s="53">
        <v>10</v>
      </c>
      <c r="M114" s="54">
        <v>7</v>
      </c>
    </row>
    <row r="115" spans="1:13">
      <c r="A115" s="40" t="s">
        <v>118</v>
      </c>
      <c r="B115" s="21">
        <v>-55</v>
      </c>
      <c r="C115" s="22">
        <v>-34</v>
      </c>
      <c r="D115" s="22">
        <v>-21</v>
      </c>
      <c r="E115" s="21">
        <v>80</v>
      </c>
      <c r="F115" s="22">
        <v>43</v>
      </c>
      <c r="G115" s="23">
        <v>37</v>
      </c>
      <c r="H115" s="22">
        <v>38</v>
      </c>
      <c r="I115" s="22">
        <v>13</v>
      </c>
      <c r="J115" s="22">
        <v>25</v>
      </c>
      <c r="K115" s="21">
        <v>13</v>
      </c>
      <c r="L115" s="53">
        <v>4</v>
      </c>
      <c r="M115" s="54">
        <v>9</v>
      </c>
    </row>
    <row r="116" spans="1:13">
      <c r="A116" s="40" t="s">
        <v>119</v>
      </c>
      <c r="B116" s="21">
        <v>-86</v>
      </c>
      <c r="C116" s="22">
        <v>-54</v>
      </c>
      <c r="D116" s="22">
        <v>-32</v>
      </c>
      <c r="E116" s="21">
        <v>97</v>
      </c>
      <c r="F116" s="22">
        <v>58</v>
      </c>
      <c r="G116" s="23">
        <v>39</v>
      </c>
      <c r="H116" s="22">
        <v>33</v>
      </c>
      <c r="I116" s="22">
        <v>12</v>
      </c>
      <c r="J116" s="22">
        <v>21</v>
      </c>
      <c r="K116" s="21">
        <v>22</v>
      </c>
      <c r="L116" s="53">
        <v>8</v>
      </c>
      <c r="M116" s="54">
        <v>14</v>
      </c>
    </row>
    <row r="117" spans="1:13">
      <c r="A117" s="40" t="s">
        <v>120</v>
      </c>
      <c r="B117" s="21">
        <v>-76</v>
      </c>
      <c r="C117" s="22">
        <v>-45</v>
      </c>
      <c r="D117" s="22">
        <v>-31</v>
      </c>
      <c r="E117" s="21">
        <v>80</v>
      </c>
      <c r="F117" s="22">
        <v>41</v>
      </c>
      <c r="G117" s="23">
        <v>39</v>
      </c>
      <c r="H117" s="22">
        <v>24</v>
      </c>
      <c r="I117" s="22">
        <v>3</v>
      </c>
      <c r="J117" s="22">
        <v>21</v>
      </c>
      <c r="K117" s="21">
        <v>20</v>
      </c>
      <c r="L117" s="53">
        <v>7</v>
      </c>
      <c r="M117" s="54">
        <v>13</v>
      </c>
    </row>
    <row r="118" spans="1:13">
      <c r="A118" s="40" t="s">
        <v>121</v>
      </c>
      <c r="B118" s="21">
        <v>-81</v>
      </c>
      <c r="C118" s="22">
        <v>-40</v>
      </c>
      <c r="D118" s="22">
        <v>-41</v>
      </c>
      <c r="E118" s="21">
        <v>76</v>
      </c>
      <c r="F118" s="22">
        <v>40</v>
      </c>
      <c r="G118" s="23">
        <v>36</v>
      </c>
      <c r="H118" s="22">
        <v>19</v>
      </c>
      <c r="I118" s="22">
        <v>6</v>
      </c>
      <c r="J118" s="22">
        <v>13</v>
      </c>
      <c r="K118" s="21">
        <v>24</v>
      </c>
      <c r="L118" s="53">
        <v>6</v>
      </c>
      <c r="M118" s="54">
        <v>18</v>
      </c>
    </row>
    <row r="119" spans="1:13" ht="19.5" customHeight="1">
      <c r="A119" s="34" t="s">
        <v>122</v>
      </c>
      <c r="B119" s="17">
        <v>-324</v>
      </c>
      <c r="C119" s="18">
        <v>-163</v>
      </c>
      <c r="D119" s="18">
        <v>-161</v>
      </c>
      <c r="E119" s="17">
        <v>363</v>
      </c>
      <c r="F119" s="18">
        <v>173</v>
      </c>
      <c r="G119" s="19">
        <v>190</v>
      </c>
      <c r="H119" s="18">
        <v>113</v>
      </c>
      <c r="I119" s="18">
        <v>33</v>
      </c>
      <c r="J119" s="18">
        <v>80</v>
      </c>
      <c r="K119" s="17">
        <v>74</v>
      </c>
      <c r="L119" s="51">
        <v>23</v>
      </c>
      <c r="M119" s="52">
        <v>51</v>
      </c>
    </row>
    <row r="120" spans="1:13">
      <c r="A120" s="40" t="s">
        <v>123</v>
      </c>
      <c r="B120" s="21">
        <v>-60</v>
      </c>
      <c r="C120" s="22">
        <v>-32</v>
      </c>
      <c r="D120" s="22">
        <v>-28</v>
      </c>
      <c r="E120" s="21">
        <v>82</v>
      </c>
      <c r="F120" s="22">
        <v>38</v>
      </c>
      <c r="G120" s="23">
        <v>44</v>
      </c>
      <c r="H120" s="22">
        <v>42</v>
      </c>
      <c r="I120" s="22">
        <v>12</v>
      </c>
      <c r="J120" s="22">
        <v>30</v>
      </c>
      <c r="K120" s="21">
        <v>20</v>
      </c>
      <c r="L120" s="53">
        <v>6</v>
      </c>
      <c r="M120" s="54">
        <v>14</v>
      </c>
    </row>
    <row r="121" spans="1:13">
      <c r="A121" s="40" t="s">
        <v>124</v>
      </c>
      <c r="B121" s="21">
        <v>-61</v>
      </c>
      <c r="C121" s="22">
        <v>-35</v>
      </c>
      <c r="D121" s="22">
        <v>-26</v>
      </c>
      <c r="E121" s="21">
        <v>69</v>
      </c>
      <c r="F121" s="22">
        <v>35</v>
      </c>
      <c r="G121" s="23">
        <v>34</v>
      </c>
      <c r="H121" s="22">
        <v>22</v>
      </c>
      <c r="I121" s="22">
        <v>6</v>
      </c>
      <c r="J121" s="22">
        <v>16</v>
      </c>
      <c r="K121" s="21">
        <v>14</v>
      </c>
      <c r="L121" s="53">
        <v>6</v>
      </c>
      <c r="M121" s="54">
        <v>8</v>
      </c>
    </row>
    <row r="122" spans="1:13">
      <c r="A122" s="40" t="s">
        <v>125</v>
      </c>
      <c r="B122" s="21">
        <v>-68</v>
      </c>
      <c r="C122" s="22">
        <v>-31</v>
      </c>
      <c r="D122" s="22">
        <v>-37</v>
      </c>
      <c r="E122" s="21">
        <v>65</v>
      </c>
      <c r="F122" s="22">
        <v>31</v>
      </c>
      <c r="G122" s="23">
        <v>34</v>
      </c>
      <c r="H122" s="22">
        <v>16</v>
      </c>
      <c r="I122" s="22">
        <v>6</v>
      </c>
      <c r="J122" s="22">
        <v>10</v>
      </c>
      <c r="K122" s="21">
        <v>19</v>
      </c>
      <c r="L122" s="53">
        <v>6</v>
      </c>
      <c r="M122" s="54">
        <v>13</v>
      </c>
    </row>
    <row r="123" spans="1:13">
      <c r="A123" s="40" t="s">
        <v>126</v>
      </c>
      <c r="B123" s="21">
        <v>-74</v>
      </c>
      <c r="C123" s="22">
        <v>-46</v>
      </c>
      <c r="D123" s="22">
        <v>-28</v>
      </c>
      <c r="E123" s="21">
        <v>85</v>
      </c>
      <c r="F123" s="22">
        <v>47</v>
      </c>
      <c r="G123" s="23">
        <v>38</v>
      </c>
      <c r="H123" s="22">
        <v>20</v>
      </c>
      <c r="I123" s="22">
        <v>5</v>
      </c>
      <c r="J123" s="22">
        <v>15</v>
      </c>
      <c r="K123" s="21">
        <v>9</v>
      </c>
      <c r="L123" s="53">
        <v>4</v>
      </c>
      <c r="M123" s="54">
        <v>5</v>
      </c>
    </row>
    <row r="124" spans="1:13">
      <c r="A124" s="40" t="s">
        <v>127</v>
      </c>
      <c r="B124" s="21">
        <v>-61</v>
      </c>
      <c r="C124" s="22">
        <v>-19</v>
      </c>
      <c r="D124" s="22">
        <v>-42</v>
      </c>
      <c r="E124" s="21">
        <v>62</v>
      </c>
      <c r="F124" s="22">
        <v>22</v>
      </c>
      <c r="G124" s="23">
        <v>40</v>
      </c>
      <c r="H124" s="22">
        <v>13</v>
      </c>
      <c r="I124" s="22">
        <v>4</v>
      </c>
      <c r="J124" s="22">
        <v>9</v>
      </c>
      <c r="K124" s="21">
        <v>12</v>
      </c>
      <c r="L124" s="53">
        <v>1</v>
      </c>
      <c r="M124" s="54">
        <v>11</v>
      </c>
    </row>
    <row r="125" spans="1:13" ht="19.5" customHeight="1">
      <c r="A125" s="34" t="s">
        <v>128</v>
      </c>
      <c r="B125" s="17">
        <v>-251</v>
      </c>
      <c r="C125" s="18">
        <v>-104</v>
      </c>
      <c r="D125" s="18">
        <v>-147</v>
      </c>
      <c r="E125" s="17">
        <v>267</v>
      </c>
      <c r="F125" s="18">
        <v>107</v>
      </c>
      <c r="G125" s="19">
        <v>160</v>
      </c>
      <c r="H125" s="18">
        <v>52</v>
      </c>
      <c r="I125" s="18">
        <v>13</v>
      </c>
      <c r="J125" s="18">
        <v>39</v>
      </c>
      <c r="K125" s="17">
        <v>36</v>
      </c>
      <c r="L125" s="51">
        <v>10</v>
      </c>
      <c r="M125" s="52">
        <v>26</v>
      </c>
    </row>
    <row r="126" spans="1:13">
      <c r="A126" s="40" t="s">
        <v>129</v>
      </c>
      <c r="B126" s="21">
        <v>-57</v>
      </c>
      <c r="C126" s="22">
        <v>-36</v>
      </c>
      <c r="D126" s="22">
        <v>-21</v>
      </c>
      <c r="E126" s="21">
        <v>61</v>
      </c>
      <c r="F126" s="22">
        <v>35</v>
      </c>
      <c r="G126" s="23">
        <v>26</v>
      </c>
      <c r="H126" s="22">
        <v>13</v>
      </c>
      <c r="I126" s="22">
        <v>1</v>
      </c>
      <c r="J126" s="22">
        <v>12</v>
      </c>
      <c r="K126" s="21">
        <v>9</v>
      </c>
      <c r="L126" s="53">
        <v>2</v>
      </c>
      <c r="M126" s="54">
        <v>7</v>
      </c>
    </row>
    <row r="127" spans="1:13">
      <c r="A127" s="40" t="s">
        <v>130</v>
      </c>
      <c r="B127" s="21">
        <v>-56</v>
      </c>
      <c r="C127" s="22">
        <v>-26</v>
      </c>
      <c r="D127" s="22">
        <v>-30</v>
      </c>
      <c r="E127" s="21">
        <v>58</v>
      </c>
      <c r="F127" s="22">
        <v>26</v>
      </c>
      <c r="G127" s="23">
        <v>32</v>
      </c>
      <c r="H127" s="22">
        <v>10</v>
      </c>
      <c r="I127" s="22">
        <v>3</v>
      </c>
      <c r="J127" s="22">
        <v>7</v>
      </c>
      <c r="K127" s="21">
        <v>8</v>
      </c>
      <c r="L127" s="53">
        <v>3</v>
      </c>
      <c r="M127" s="54">
        <v>5</v>
      </c>
    </row>
    <row r="128" spans="1:13">
      <c r="A128" s="40" t="s">
        <v>131</v>
      </c>
      <c r="B128" s="21">
        <v>-55</v>
      </c>
      <c r="C128" s="22">
        <v>-18</v>
      </c>
      <c r="D128" s="22">
        <v>-37</v>
      </c>
      <c r="E128" s="21">
        <v>56</v>
      </c>
      <c r="F128" s="22">
        <v>22</v>
      </c>
      <c r="G128" s="23">
        <v>34</v>
      </c>
      <c r="H128" s="22">
        <v>8</v>
      </c>
      <c r="I128" s="22">
        <v>5</v>
      </c>
      <c r="J128" s="22">
        <v>3</v>
      </c>
      <c r="K128" s="21">
        <v>7</v>
      </c>
      <c r="L128" s="53">
        <v>1</v>
      </c>
      <c r="M128" s="54">
        <v>6</v>
      </c>
    </row>
    <row r="129" spans="1:13">
      <c r="A129" s="40" t="s">
        <v>132</v>
      </c>
      <c r="B129" s="21">
        <v>-38</v>
      </c>
      <c r="C129" s="22">
        <v>-12</v>
      </c>
      <c r="D129" s="22">
        <v>-26</v>
      </c>
      <c r="E129" s="21">
        <v>44</v>
      </c>
      <c r="F129" s="22">
        <v>13</v>
      </c>
      <c r="G129" s="23">
        <v>31</v>
      </c>
      <c r="H129" s="22">
        <v>11</v>
      </c>
      <c r="I129" s="22">
        <v>2</v>
      </c>
      <c r="J129" s="22">
        <v>9</v>
      </c>
      <c r="K129" s="21">
        <v>5</v>
      </c>
      <c r="L129" s="53">
        <v>1</v>
      </c>
      <c r="M129" s="54">
        <v>4</v>
      </c>
    </row>
    <row r="130" spans="1:13">
      <c r="A130" s="40" t="s">
        <v>133</v>
      </c>
      <c r="B130" s="21">
        <v>-45</v>
      </c>
      <c r="C130" s="22">
        <v>-12</v>
      </c>
      <c r="D130" s="22">
        <v>-33</v>
      </c>
      <c r="E130" s="21">
        <v>48</v>
      </c>
      <c r="F130" s="22">
        <v>11</v>
      </c>
      <c r="G130" s="23">
        <v>37</v>
      </c>
      <c r="H130" s="22">
        <v>10</v>
      </c>
      <c r="I130" s="22">
        <v>2</v>
      </c>
      <c r="J130" s="22">
        <v>8</v>
      </c>
      <c r="K130" s="21">
        <v>7</v>
      </c>
      <c r="L130" s="53">
        <v>3</v>
      </c>
      <c r="M130" s="54">
        <v>4</v>
      </c>
    </row>
    <row r="131" spans="1:13" ht="19.5" customHeight="1">
      <c r="A131" s="34" t="s">
        <v>134</v>
      </c>
      <c r="B131" s="17">
        <v>-122</v>
      </c>
      <c r="C131" s="18">
        <v>-26</v>
      </c>
      <c r="D131" s="18">
        <v>-96</v>
      </c>
      <c r="E131" s="17">
        <v>129</v>
      </c>
      <c r="F131" s="18">
        <v>26</v>
      </c>
      <c r="G131" s="19">
        <v>103</v>
      </c>
      <c r="H131" s="18">
        <v>15</v>
      </c>
      <c r="I131" s="18">
        <v>2</v>
      </c>
      <c r="J131" s="18">
        <v>13</v>
      </c>
      <c r="K131" s="17">
        <v>8</v>
      </c>
      <c r="L131" s="51">
        <v>2</v>
      </c>
      <c r="M131" s="52">
        <v>6</v>
      </c>
    </row>
    <row r="132" spans="1:13">
      <c r="A132" s="40" t="s">
        <v>135</v>
      </c>
      <c r="B132" s="21">
        <v>-35</v>
      </c>
      <c r="C132" s="22">
        <v>-7</v>
      </c>
      <c r="D132" s="22">
        <v>-28</v>
      </c>
      <c r="E132" s="21">
        <v>34</v>
      </c>
      <c r="F132" s="22">
        <v>7</v>
      </c>
      <c r="G132" s="23">
        <v>27</v>
      </c>
      <c r="H132" s="22">
        <v>3</v>
      </c>
      <c r="I132" s="22">
        <v>1</v>
      </c>
      <c r="J132" s="22">
        <v>2</v>
      </c>
      <c r="K132" s="21">
        <v>4</v>
      </c>
      <c r="L132" s="53">
        <v>1</v>
      </c>
      <c r="M132" s="54">
        <v>3</v>
      </c>
    </row>
    <row r="133" spans="1:13">
      <c r="A133" s="40" t="s">
        <v>136</v>
      </c>
      <c r="B133" s="21">
        <v>-18</v>
      </c>
      <c r="C133" s="22">
        <v>-2</v>
      </c>
      <c r="D133" s="22">
        <v>-16</v>
      </c>
      <c r="E133" s="21">
        <v>22</v>
      </c>
      <c r="F133" s="22">
        <v>3</v>
      </c>
      <c r="G133" s="23">
        <v>19</v>
      </c>
      <c r="H133" s="22">
        <v>5</v>
      </c>
      <c r="I133" s="22">
        <v>1</v>
      </c>
      <c r="J133" s="22">
        <v>4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29</v>
      </c>
      <c r="C134" s="22">
        <v>-9</v>
      </c>
      <c r="D134" s="22">
        <v>-20</v>
      </c>
      <c r="E134" s="21">
        <v>31</v>
      </c>
      <c r="F134" s="22">
        <v>8</v>
      </c>
      <c r="G134" s="23">
        <v>23</v>
      </c>
      <c r="H134" s="22">
        <v>4</v>
      </c>
      <c r="I134" s="22">
        <v>0</v>
      </c>
      <c r="J134" s="22">
        <v>4</v>
      </c>
      <c r="K134" s="21">
        <v>2</v>
      </c>
      <c r="L134" s="53">
        <v>1</v>
      </c>
      <c r="M134" s="54">
        <v>1</v>
      </c>
    </row>
    <row r="135" spans="1:13">
      <c r="A135" s="40" t="s">
        <v>138</v>
      </c>
      <c r="B135" s="21">
        <v>-20</v>
      </c>
      <c r="C135" s="22">
        <v>-5</v>
      </c>
      <c r="D135" s="22">
        <v>-15</v>
      </c>
      <c r="E135" s="21">
        <v>21</v>
      </c>
      <c r="F135" s="22">
        <v>5</v>
      </c>
      <c r="G135" s="23">
        <v>16</v>
      </c>
      <c r="H135" s="22">
        <v>2</v>
      </c>
      <c r="I135" s="22">
        <v>0</v>
      </c>
      <c r="J135" s="22">
        <v>2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20</v>
      </c>
      <c r="C136" s="22">
        <v>-3</v>
      </c>
      <c r="D136" s="22">
        <v>-17</v>
      </c>
      <c r="E136" s="21">
        <v>21</v>
      </c>
      <c r="F136" s="22">
        <v>3</v>
      </c>
      <c r="G136" s="23">
        <v>18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43</v>
      </c>
      <c r="C137" s="43">
        <v>-7</v>
      </c>
      <c r="D137" s="43">
        <v>-36</v>
      </c>
      <c r="E137" s="42">
        <v>44</v>
      </c>
      <c r="F137" s="43">
        <v>7</v>
      </c>
      <c r="G137" s="44">
        <v>37</v>
      </c>
      <c r="H137" s="43">
        <v>1</v>
      </c>
      <c r="I137" s="43">
        <v>0</v>
      </c>
      <c r="J137" s="43">
        <v>1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0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98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249</v>
      </c>
      <c r="C5" s="14">
        <v>567</v>
      </c>
      <c r="D5" s="14">
        <v>682</v>
      </c>
      <c r="E5" s="13">
        <v>1060</v>
      </c>
      <c r="F5" s="14">
        <v>582</v>
      </c>
      <c r="G5" s="15">
        <v>478</v>
      </c>
      <c r="H5" s="14">
        <v>7093</v>
      </c>
      <c r="I5" s="14">
        <v>3873</v>
      </c>
      <c r="J5" s="14">
        <v>3220</v>
      </c>
      <c r="K5" s="13">
        <v>5842</v>
      </c>
      <c r="L5" s="49">
        <v>3277</v>
      </c>
      <c r="M5" s="50">
        <v>2565</v>
      </c>
    </row>
    <row r="6" spans="1:13" ht="19.5" customHeight="1">
      <c r="A6" s="16" t="s">
        <v>13</v>
      </c>
      <c r="B6" s="17">
        <v>1210</v>
      </c>
      <c r="C6" s="18">
        <v>644</v>
      </c>
      <c r="D6" s="18">
        <v>566</v>
      </c>
      <c r="E6" s="17">
        <v>5</v>
      </c>
      <c r="F6" s="18">
        <v>2</v>
      </c>
      <c r="G6" s="19">
        <v>3</v>
      </c>
      <c r="H6" s="18">
        <v>500</v>
      </c>
      <c r="I6" s="18">
        <v>275</v>
      </c>
      <c r="J6" s="18">
        <v>225</v>
      </c>
      <c r="K6" s="17">
        <v>343</v>
      </c>
      <c r="L6" s="51">
        <v>182</v>
      </c>
      <c r="M6" s="52">
        <v>161</v>
      </c>
    </row>
    <row r="7" spans="1:13">
      <c r="A7" s="20" t="s">
        <v>14</v>
      </c>
      <c r="B7" s="21">
        <v>1093</v>
      </c>
      <c r="C7" s="22">
        <v>572</v>
      </c>
      <c r="D7" s="22">
        <v>521</v>
      </c>
      <c r="E7" s="21">
        <v>4</v>
      </c>
      <c r="F7" s="22">
        <v>2</v>
      </c>
      <c r="G7" s="23">
        <v>2</v>
      </c>
      <c r="H7" s="22">
        <v>84</v>
      </c>
      <c r="I7" s="22">
        <v>45</v>
      </c>
      <c r="J7" s="22">
        <v>39</v>
      </c>
      <c r="K7" s="21">
        <v>45</v>
      </c>
      <c r="L7" s="53">
        <v>24</v>
      </c>
      <c r="M7" s="54">
        <v>21</v>
      </c>
    </row>
    <row r="8" spans="1:13">
      <c r="A8" s="20" t="s">
        <v>15</v>
      </c>
      <c r="B8" s="21">
        <v>51</v>
      </c>
      <c r="C8" s="22">
        <v>22</v>
      </c>
      <c r="D8" s="22">
        <v>29</v>
      </c>
      <c r="E8" s="21">
        <v>1</v>
      </c>
      <c r="F8" s="22">
        <v>0</v>
      </c>
      <c r="G8" s="23">
        <v>1</v>
      </c>
      <c r="H8" s="22">
        <v>151</v>
      </c>
      <c r="I8" s="22">
        <v>83</v>
      </c>
      <c r="J8" s="22">
        <v>68</v>
      </c>
      <c r="K8" s="21">
        <v>99</v>
      </c>
      <c r="L8" s="53">
        <v>61</v>
      </c>
      <c r="M8" s="54">
        <v>38</v>
      </c>
    </row>
    <row r="9" spans="1:13">
      <c r="A9" s="20" t="s">
        <v>16</v>
      </c>
      <c r="B9" s="21">
        <v>35</v>
      </c>
      <c r="C9" s="22">
        <v>15</v>
      </c>
      <c r="D9" s="22">
        <v>20</v>
      </c>
      <c r="E9" s="21">
        <v>0</v>
      </c>
      <c r="F9" s="22">
        <v>0</v>
      </c>
      <c r="G9" s="23">
        <v>0</v>
      </c>
      <c r="H9" s="22">
        <v>115</v>
      </c>
      <c r="I9" s="22">
        <v>55</v>
      </c>
      <c r="J9" s="22">
        <v>60</v>
      </c>
      <c r="K9" s="21">
        <v>80</v>
      </c>
      <c r="L9" s="53">
        <v>40</v>
      </c>
      <c r="M9" s="54">
        <v>40</v>
      </c>
    </row>
    <row r="10" spans="1:13">
      <c r="A10" s="20" t="s">
        <v>17</v>
      </c>
      <c r="B10" s="21">
        <v>23</v>
      </c>
      <c r="C10" s="22">
        <v>23</v>
      </c>
      <c r="D10" s="22">
        <v>0</v>
      </c>
      <c r="E10" s="21">
        <v>0</v>
      </c>
      <c r="F10" s="22">
        <v>0</v>
      </c>
      <c r="G10" s="23">
        <v>0</v>
      </c>
      <c r="H10" s="22">
        <v>90</v>
      </c>
      <c r="I10" s="22">
        <v>55</v>
      </c>
      <c r="J10" s="22">
        <v>35</v>
      </c>
      <c r="K10" s="21">
        <v>67</v>
      </c>
      <c r="L10" s="53">
        <v>32</v>
      </c>
      <c r="M10" s="54">
        <v>35</v>
      </c>
    </row>
    <row r="11" spans="1:13">
      <c r="A11" s="20" t="s">
        <v>18</v>
      </c>
      <c r="B11" s="21">
        <v>8</v>
      </c>
      <c r="C11" s="22">
        <v>12</v>
      </c>
      <c r="D11" s="22">
        <v>-4</v>
      </c>
      <c r="E11" s="21">
        <v>0</v>
      </c>
      <c r="F11" s="22">
        <v>0</v>
      </c>
      <c r="G11" s="23">
        <v>0</v>
      </c>
      <c r="H11" s="22">
        <v>60</v>
      </c>
      <c r="I11" s="22">
        <v>37</v>
      </c>
      <c r="J11" s="22">
        <v>23</v>
      </c>
      <c r="K11" s="21">
        <v>52</v>
      </c>
      <c r="L11" s="53">
        <v>25</v>
      </c>
      <c r="M11" s="54">
        <v>27</v>
      </c>
    </row>
    <row r="12" spans="1:13" ht="20.100000000000001" customHeight="1">
      <c r="A12" s="16" t="s">
        <v>19</v>
      </c>
      <c r="B12" s="17">
        <v>42</v>
      </c>
      <c r="C12" s="18">
        <v>19</v>
      </c>
      <c r="D12" s="18">
        <v>23</v>
      </c>
      <c r="E12" s="17">
        <v>0</v>
      </c>
      <c r="F12" s="18">
        <v>0</v>
      </c>
      <c r="G12" s="19">
        <v>0</v>
      </c>
      <c r="H12" s="18">
        <v>229</v>
      </c>
      <c r="I12" s="18">
        <v>117</v>
      </c>
      <c r="J12" s="18">
        <v>112</v>
      </c>
      <c r="K12" s="17">
        <v>187</v>
      </c>
      <c r="L12" s="51">
        <v>98</v>
      </c>
      <c r="M12" s="52">
        <v>89</v>
      </c>
    </row>
    <row r="13" spans="1:13">
      <c r="A13" s="20" t="s">
        <v>20</v>
      </c>
      <c r="B13" s="21">
        <v>-8</v>
      </c>
      <c r="C13" s="22">
        <v>-1</v>
      </c>
      <c r="D13" s="22">
        <v>-7</v>
      </c>
      <c r="E13" s="21">
        <v>0</v>
      </c>
      <c r="F13" s="22">
        <v>0</v>
      </c>
      <c r="G13" s="23">
        <v>0</v>
      </c>
      <c r="H13" s="22">
        <v>45</v>
      </c>
      <c r="I13" s="22">
        <v>20</v>
      </c>
      <c r="J13" s="22">
        <v>25</v>
      </c>
      <c r="K13" s="21">
        <v>53</v>
      </c>
      <c r="L13" s="53">
        <v>21</v>
      </c>
      <c r="M13" s="54">
        <v>32</v>
      </c>
    </row>
    <row r="14" spans="1:13">
      <c r="A14" s="20" t="s">
        <v>21</v>
      </c>
      <c r="B14" s="21">
        <v>23</v>
      </c>
      <c r="C14" s="22">
        <v>2</v>
      </c>
      <c r="D14" s="22">
        <v>21</v>
      </c>
      <c r="E14" s="21">
        <v>0</v>
      </c>
      <c r="F14" s="22">
        <v>0</v>
      </c>
      <c r="G14" s="23">
        <v>0</v>
      </c>
      <c r="H14" s="22">
        <v>63</v>
      </c>
      <c r="I14" s="22">
        <v>32</v>
      </c>
      <c r="J14" s="22">
        <v>31</v>
      </c>
      <c r="K14" s="21">
        <v>40</v>
      </c>
      <c r="L14" s="53">
        <v>30</v>
      </c>
      <c r="M14" s="54">
        <v>10</v>
      </c>
    </row>
    <row r="15" spans="1:13">
      <c r="A15" s="20" t="s">
        <v>22</v>
      </c>
      <c r="B15" s="21">
        <v>0</v>
      </c>
      <c r="C15" s="22">
        <v>8</v>
      </c>
      <c r="D15" s="22">
        <v>-8</v>
      </c>
      <c r="E15" s="21">
        <v>0</v>
      </c>
      <c r="F15" s="22">
        <v>0</v>
      </c>
      <c r="G15" s="23">
        <v>0</v>
      </c>
      <c r="H15" s="22">
        <v>51</v>
      </c>
      <c r="I15" s="22">
        <v>32</v>
      </c>
      <c r="J15" s="22">
        <v>19</v>
      </c>
      <c r="K15" s="21">
        <v>51</v>
      </c>
      <c r="L15" s="53">
        <v>24</v>
      </c>
      <c r="M15" s="54">
        <v>27</v>
      </c>
    </row>
    <row r="16" spans="1:13">
      <c r="A16" s="20" t="s">
        <v>23</v>
      </c>
      <c r="B16" s="21">
        <v>14</v>
      </c>
      <c r="C16" s="22">
        <v>7</v>
      </c>
      <c r="D16" s="22">
        <v>7</v>
      </c>
      <c r="E16" s="21">
        <v>0</v>
      </c>
      <c r="F16" s="22">
        <v>0</v>
      </c>
      <c r="G16" s="23">
        <v>0</v>
      </c>
      <c r="H16" s="22">
        <v>38</v>
      </c>
      <c r="I16" s="22">
        <v>18</v>
      </c>
      <c r="J16" s="22">
        <v>20</v>
      </c>
      <c r="K16" s="21">
        <v>24</v>
      </c>
      <c r="L16" s="53">
        <v>11</v>
      </c>
      <c r="M16" s="54">
        <v>13</v>
      </c>
    </row>
    <row r="17" spans="1:13">
      <c r="A17" s="20" t="s">
        <v>24</v>
      </c>
      <c r="B17" s="21">
        <v>13</v>
      </c>
      <c r="C17" s="22">
        <v>3</v>
      </c>
      <c r="D17" s="22">
        <v>10</v>
      </c>
      <c r="E17" s="21">
        <v>0</v>
      </c>
      <c r="F17" s="22">
        <v>0</v>
      </c>
      <c r="G17" s="23">
        <v>0</v>
      </c>
      <c r="H17" s="22">
        <v>32</v>
      </c>
      <c r="I17" s="22">
        <v>15</v>
      </c>
      <c r="J17" s="22">
        <v>17</v>
      </c>
      <c r="K17" s="21">
        <v>19</v>
      </c>
      <c r="L17" s="53">
        <v>12</v>
      </c>
      <c r="M17" s="54">
        <v>7</v>
      </c>
    </row>
    <row r="18" spans="1:13" ht="20.100000000000001" customHeight="1">
      <c r="A18" s="16" t="s">
        <v>25</v>
      </c>
      <c r="B18" s="17">
        <v>13</v>
      </c>
      <c r="C18" s="18">
        <v>8</v>
      </c>
      <c r="D18" s="18">
        <v>5</v>
      </c>
      <c r="E18" s="17">
        <v>1</v>
      </c>
      <c r="F18" s="18">
        <v>0</v>
      </c>
      <c r="G18" s="19">
        <v>1</v>
      </c>
      <c r="H18" s="18">
        <v>103</v>
      </c>
      <c r="I18" s="18">
        <v>53</v>
      </c>
      <c r="J18" s="18">
        <v>50</v>
      </c>
      <c r="K18" s="17">
        <v>89</v>
      </c>
      <c r="L18" s="51">
        <v>45</v>
      </c>
      <c r="M18" s="52">
        <v>44</v>
      </c>
    </row>
    <row r="19" spans="1:13">
      <c r="A19" s="20" t="s">
        <v>26</v>
      </c>
      <c r="B19" s="21">
        <v>3</v>
      </c>
      <c r="C19" s="22">
        <v>6</v>
      </c>
      <c r="D19" s="22">
        <v>-3</v>
      </c>
      <c r="E19" s="21">
        <v>0</v>
      </c>
      <c r="F19" s="22">
        <v>0</v>
      </c>
      <c r="G19" s="23">
        <v>0</v>
      </c>
      <c r="H19" s="22">
        <v>24</v>
      </c>
      <c r="I19" s="22">
        <v>17</v>
      </c>
      <c r="J19" s="22">
        <v>7</v>
      </c>
      <c r="K19" s="21">
        <v>21</v>
      </c>
      <c r="L19" s="53">
        <v>11</v>
      </c>
      <c r="M19" s="54">
        <v>10</v>
      </c>
    </row>
    <row r="20" spans="1:13">
      <c r="A20" s="20" t="s">
        <v>27</v>
      </c>
      <c r="B20" s="21">
        <v>4</v>
      </c>
      <c r="C20" s="22">
        <v>2</v>
      </c>
      <c r="D20" s="22">
        <v>2</v>
      </c>
      <c r="E20" s="21">
        <v>1</v>
      </c>
      <c r="F20" s="22">
        <v>0</v>
      </c>
      <c r="G20" s="23">
        <v>1</v>
      </c>
      <c r="H20" s="22">
        <v>22</v>
      </c>
      <c r="I20" s="22">
        <v>9</v>
      </c>
      <c r="J20" s="22">
        <v>13</v>
      </c>
      <c r="K20" s="21">
        <v>17</v>
      </c>
      <c r="L20" s="53">
        <v>7</v>
      </c>
      <c r="M20" s="54">
        <v>10</v>
      </c>
    </row>
    <row r="21" spans="1:13">
      <c r="A21" s="20" t="s">
        <v>28</v>
      </c>
      <c r="B21" s="21">
        <v>7</v>
      </c>
      <c r="C21" s="22">
        <v>0</v>
      </c>
      <c r="D21" s="22">
        <v>7</v>
      </c>
      <c r="E21" s="21">
        <v>0</v>
      </c>
      <c r="F21" s="22">
        <v>0</v>
      </c>
      <c r="G21" s="23">
        <v>0</v>
      </c>
      <c r="H21" s="22">
        <v>26</v>
      </c>
      <c r="I21" s="22">
        <v>11</v>
      </c>
      <c r="J21" s="22">
        <v>15</v>
      </c>
      <c r="K21" s="21">
        <v>19</v>
      </c>
      <c r="L21" s="53">
        <v>11</v>
      </c>
      <c r="M21" s="54">
        <v>8</v>
      </c>
    </row>
    <row r="22" spans="1:13">
      <c r="A22" s="20" t="s">
        <v>29</v>
      </c>
      <c r="B22" s="21">
        <v>0</v>
      </c>
      <c r="C22" s="22">
        <v>-1</v>
      </c>
      <c r="D22" s="22">
        <v>1</v>
      </c>
      <c r="E22" s="21">
        <v>0</v>
      </c>
      <c r="F22" s="22">
        <v>0</v>
      </c>
      <c r="G22" s="23">
        <v>0</v>
      </c>
      <c r="H22" s="22">
        <v>19</v>
      </c>
      <c r="I22" s="22">
        <v>9</v>
      </c>
      <c r="J22" s="22">
        <v>10</v>
      </c>
      <c r="K22" s="21">
        <v>19</v>
      </c>
      <c r="L22" s="53">
        <v>10</v>
      </c>
      <c r="M22" s="54">
        <v>9</v>
      </c>
    </row>
    <row r="23" spans="1:13">
      <c r="A23" s="20" t="s">
        <v>30</v>
      </c>
      <c r="B23" s="21">
        <v>-1</v>
      </c>
      <c r="C23" s="22">
        <v>1</v>
      </c>
      <c r="D23" s="22">
        <v>-2</v>
      </c>
      <c r="E23" s="21">
        <v>0</v>
      </c>
      <c r="F23" s="22">
        <v>0</v>
      </c>
      <c r="G23" s="23">
        <v>0</v>
      </c>
      <c r="H23" s="22">
        <v>12</v>
      </c>
      <c r="I23" s="22">
        <v>7</v>
      </c>
      <c r="J23" s="22">
        <v>5</v>
      </c>
      <c r="K23" s="21">
        <v>13</v>
      </c>
      <c r="L23" s="53">
        <v>6</v>
      </c>
      <c r="M23" s="54">
        <v>7</v>
      </c>
    </row>
    <row r="24" spans="1:13" ht="20.100000000000001" customHeight="1">
      <c r="A24" s="16" t="s">
        <v>31</v>
      </c>
      <c r="B24" s="17">
        <v>62</v>
      </c>
      <c r="C24" s="18">
        <v>20</v>
      </c>
      <c r="D24" s="18">
        <v>42</v>
      </c>
      <c r="E24" s="17">
        <v>0</v>
      </c>
      <c r="F24" s="18">
        <v>0</v>
      </c>
      <c r="G24" s="19">
        <v>0</v>
      </c>
      <c r="H24" s="18">
        <v>199</v>
      </c>
      <c r="I24" s="18">
        <v>98</v>
      </c>
      <c r="J24" s="18">
        <v>101</v>
      </c>
      <c r="K24" s="17">
        <v>137</v>
      </c>
      <c r="L24" s="51">
        <v>78</v>
      </c>
      <c r="M24" s="52">
        <v>59</v>
      </c>
    </row>
    <row r="25" spans="1:13">
      <c r="A25" s="20" t="s">
        <v>32</v>
      </c>
      <c r="B25" s="21">
        <v>7</v>
      </c>
      <c r="C25" s="22">
        <v>8</v>
      </c>
      <c r="D25" s="22">
        <v>-1</v>
      </c>
      <c r="E25" s="21">
        <v>0</v>
      </c>
      <c r="F25" s="22">
        <v>0</v>
      </c>
      <c r="G25" s="23">
        <v>0</v>
      </c>
      <c r="H25" s="22">
        <v>24</v>
      </c>
      <c r="I25" s="22">
        <v>16</v>
      </c>
      <c r="J25" s="22">
        <v>8</v>
      </c>
      <c r="K25" s="21">
        <v>17</v>
      </c>
      <c r="L25" s="53">
        <v>8</v>
      </c>
      <c r="M25" s="54">
        <v>9</v>
      </c>
    </row>
    <row r="26" spans="1:13">
      <c r="A26" s="20" t="s">
        <v>33</v>
      </c>
      <c r="B26" s="21">
        <v>6</v>
      </c>
      <c r="C26" s="22">
        <v>-1</v>
      </c>
      <c r="D26" s="22">
        <v>7</v>
      </c>
      <c r="E26" s="21">
        <v>0</v>
      </c>
      <c r="F26" s="22">
        <v>0</v>
      </c>
      <c r="G26" s="23">
        <v>0</v>
      </c>
      <c r="H26" s="22">
        <v>25</v>
      </c>
      <c r="I26" s="22">
        <v>9</v>
      </c>
      <c r="J26" s="22">
        <v>16</v>
      </c>
      <c r="K26" s="21">
        <v>19</v>
      </c>
      <c r="L26" s="53">
        <v>10</v>
      </c>
      <c r="M26" s="54">
        <v>9</v>
      </c>
    </row>
    <row r="27" spans="1:13">
      <c r="A27" s="20" t="s">
        <v>34</v>
      </c>
      <c r="B27" s="21">
        <v>8</v>
      </c>
      <c r="C27" s="22">
        <v>2</v>
      </c>
      <c r="D27" s="22">
        <v>6</v>
      </c>
      <c r="E27" s="21">
        <v>0</v>
      </c>
      <c r="F27" s="22">
        <v>0</v>
      </c>
      <c r="G27" s="23">
        <v>0</v>
      </c>
      <c r="H27" s="22">
        <v>25</v>
      </c>
      <c r="I27" s="22">
        <v>12</v>
      </c>
      <c r="J27" s="22">
        <v>13</v>
      </c>
      <c r="K27" s="21">
        <v>17</v>
      </c>
      <c r="L27" s="53">
        <v>10</v>
      </c>
      <c r="M27" s="54">
        <v>7</v>
      </c>
    </row>
    <row r="28" spans="1:13">
      <c r="A28" s="20" t="s">
        <v>35</v>
      </c>
      <c r="B28" s="21">
        <v>14</v>
      </c>
      <c r="C28" s="22">
        <v>-3</v>
      </c>
      <c r="D28" s="22">
        <v>17</v>
      </c>
      <c r="E28" s="21">
        <v>0</v>
      </c>
      <c r="F28" s="22">
        <v>0</v>
      </c>
      <c r="G28" s="23">
        <v>0</v>
      </c>
      <c r="H28" s="22">
        <v>43</v>
      </c>
      <c r="I28" s="22">
        <v>16</v>
      </c>
      <c r="J28" s="22">
        <v>27</v>
      </c>
      <c r="K28" s="21">
        <v>29</v>
      </c>
      <c r="L28" s="53">
        <v>19</v>
      </c>
      <c r="M28" s="54">
        <v>10</v>
      </c>
    </row>
    <row r="29" spans="1:13">
      <c r="A29" s="20" t="s">
        <v>36</v>
      </c>
      <c r="B29" s="21">
        <v>27</v>
      </c>
      <c r="C29" s="22">
        <v>14</v>
      </c>
      <c r="D29" s="22">
        <v>13</v>
      </c>
      <c r="E29" s="21">
        <v>0</v>
      </c>
      <c r="F29" s="22">
        <v>0</v>
      </c>
      <c r="G29" s="23">
        <v>0</v>
      </c>
      <c r="H29" s="22">
        <v>82</v>
      </c>
      <c r="I29" s="22">
        <v>45</v>
      </c>
      <c r="J29" s="22">
        <v>37</v>
      </c>
      <c r="K29" s="21">
        <v>55</v>
      </c>
      <c r="L29" s="53">
        <v>31</v>
      </c>
      <c r="M29" s="54">
        <v>24</v>
      </c>
    </row>
    <row r="30" spans="1:13" ht="20.100000000000001" customHeight="1">
      <c r="A30" s="16" t="s">
        <v>37</v>
      </c>
      <c r="B30" s="17">
        <v>76</v>
      </c>
      <c r="C30" s="18">
        <v>64</v>
      </c>
      <c r="D30" s="18">
        <v>12</v>
      </c>
      <c r="E30" s="17">
        <v>1</v>
      </c>
      <c r="F30" s="18">
        <v>1</v>
      </c>
      <c r="G30" s="19">
        <v>0</v>
      </c>
      <c r="H30" s="18">
        <v>844</v>
      </c>
      <c r="I30" s="18">
        <v>472</v>
      </c>
      <c r="J30" s="18">
        <v>372</v>
      </c>
      <c r="K30" s="17">
        <v>767</v>
      </c>
      <c r="L30" s="51">
        <v>407</v>
      </c>
      <c r="M30" s="52">
        <v>360</v>
      </c>
    </row>
    <row r="31" spans="1:13">
      <c r="A31" s="20" t="s">
        <v>38</v>
      </c>
      <c r="B31" s="21">
        <v>15</v>
      </c>
      <c r="C31" s="22">
        <v>10</v>
      </c>
      <c r="D31" s="22">
        <v>5</v>
      </c>
      <c r="E31" s="21">
        <v>0</v>
      </c>
      <c r="F31" s="22">
        <v>0</v>
      </c>
      <c r="G31" s="23">
        <v>0</v>
      </c>
      <c r="H31" s="22">
        <v>82</v>
      </c>
      <c r="I31" s="22">
        <v>50</v>
      </c>
      <c r="J31" s="22">
        <v>32</v>
      </c>
      <c r="K31" s="21">
        <v>67</v>
      </c>
      <c r="L31" s="53">
        <v>40</v>
      </c>
      <c r="M31" s="54">
        <v>27</v>
      </c>
    </row>
    <row r="32" spans="1:13">
      <c r="A32" s="20" t="s">
        <v>39</v>
      </c>
      <c r="B32" s="21">
        <v>7</v>
      </c>
      <c r="C32" s="22">
        <v>10</v>
      </c>
      <c r="D32" s="22">
        <v>-3</v>
      </c>
      <c r="E32" s="21">
        <v>0</v>
      </c>
      <c r="F32" s="22">
        <v>0</v>
      </c>
      <c r="G32" s="23">
        <v>0</v>
      </c>
      <c r="H32" s="22">
        <v>109</v>
      </c>
      <c r="I32" s="22">
        <v>57</v>
      </c>
      <c r="J32" s="22">
        <v>52</v>
      </c>
      <c r="K32" s="21">
        <v>102</v>
      </c>
      <c r="L32" s="53">
        <v>47</v>
      </c>
      <c r="M32" s="54">
        <v>55</v>
      </c>
    </row>
    <row r="33" spans="1:13">
      <c r="A33" s="20" t="s">
        <v>40</v>
      </c>
      <c r="B33" s="21">
        <v>10</v>
      </c>
      <c r="C33" s="22">
        <v>15</v>
      </c>
      <c r="D33" s="22">
        <v>-5</v>
      </c>
      <c r="E33" s="21">
        <v>1</v>
      </c>
      <c r="F33" s="22">
        <v>1</v>
      </c>
      <c r="G33" s="23">
        <v>0</v>
      </c>
      <c r="H33" s="22">
        <v>169</v>
      </c>
      <c r="I33" s="22">
        <v>94</v>
      </c>
      <c r="J33" s="22">
        <v>75</v>
      </c>
      <c r="K33" s="21">
        <v>158</v>
      </c>
      <c r="L33" s="53">
        <v>78</v>
      </c>
      <c r="M33" s="54">
        <v>80</v>
      </c>
    </row>
    <row r="34" spans="1:13">
      <c r="A34" s="20" t="s">
        <v>41</v>
      </c>
      <c r="B34" s="21">
        <v>16</v>
      </c>
      <c r="C34" s="22">
        <v>8</v>
      </c>
      <c r="D34" s="22">
        <v>8</v>
      </c>
      <c r="E34" s="21">
        <v>0</v>
      </c>
      <c r="F34" s="22">
        <v>0</v>
      </c>
      <c r="G34" s="23">
        <v>0</v>
      </c>
      <c r="H34" s="22">
        <v>278</v>
      </c>
      <c r="I34" s="22">
        <v>153</v>
      </c>
      <c r="J34" s="22">
        <v>125</v>
      </c>
      <c r="K34" s="21">
        <v>262</v>
      </c>
      <c r="L34" s="53">
        <v>145</v>
      </c>
      <c r="M34" s="54">
        <v>117</v>
      </c>
    </row>
    <row r="35" spans="1:13">
      <c r="A35" s="20" t="s">
        <v>42</v>
      </c>
      <c r="B35" s="21">
        <v>28</v>
      </c>
      <c r="C35" s="22">
        <v>21</v>
      </c>
      <c r="D35" s="22">
        <v>7</v>
      </c>
      <c r="E35" s="21">
        <v>0</v>
      </c>
      <c r="F35" s="22">
        <v>0</v>
      </c>
      <c r="G35" s="23">
        <v>0</v>
      </c>
      <c r="H35" s="22">
        <v>206</v>
      </c>
      <c r="I35" s="22">
        <v>118</v>
      </c>
      <c r="J35" s="22">
        <v>88</v>
      </c>
      <c r="K35" s="21">
        <v>178</v>
      </c>
      <c r="L35" s="53">
        <v>97</v>
      </c>
      <c r="M35" s="54">
        <v>81</v>
      </c>
    </row>
    <row r="36" spans="1:13" ht="20.100000000000001" customHeight="1">
      <c r="A36" s="16" t="s">
        <v>43</v>
      </c>
      <c r="B36" s="17">
        <v>335</v>
      </c>
      <c r="C36" s="18">
        <v>166</v>
      </c>
      <c r="D36" s="18">
        <v>169</v>
      </c>
      <c r="E36" s="17">
        <v>1</v>
      </c>
      <c r="F36" s="18">
        <v>1</v>
      </c>
      <c r="G36" s="19">
        <v>0</v>
      </c>
      <c r="H36" s="18">
        <v>1541</v>
      </c>
      <c r="I36" s="18">
        <v>819</v>
      </c>
      <c r="J36" s="18">
        <v>722</v>
      </c>
      <c r="K36" s="17">
        <v>1205</v>
      </c>
      <c r="L36" s="51">
        <v>652</v>
      </c>
      <c r="M36" s="52">
        <v>553</v>
      </c>
    </row>
    <row r="37" spans="1:13">
      <c r="A37" s="20" t="s">
        <v>44</v>
      </c>
      <c r="B37" s="21">
        <v>54</v>
      </c>
      <c r="C37" s="22">
        <v>12</v>
      </c>
      <c r="D37" s="22">
        <v>42</v>
      </c>
      <c r="E37" s="21">
        <v>1</v>
      </c>
      <c r="F37" s="22">
        <v>1</v>
      </c>
      <c r="G37" s="23">
        <v>0</v>
      </c>
      <c r="H37" s="22">
        <v>306</v>
      </c>
      <c r="I37" s="22">
        <v>156</v>
      </c>
      <c r="J37" s="22">
        <v>150</v>
      </c>
      <c r="K37" s="21">
        <v>251</v>
      </c>
      <c r="L37" s="53">
        <v>143</v>
      </c>
      <c r="M37" s="54">
        <v>108</v>
      </c>
    </row>
    <row r="38" spans="1:13">
      <c r="A38" s="20" t="s">
        <v>45</v>
      </c>
      <c r="B38" s="21">
        <v>90</v>
      </c>
      <c r="C38" s="22">
        <v>56</v>
      </c>
      <c r="D38" s="22">
        <v>34</v>
      </c>
      <c r="E38" s="21">
        <v>0</v>
      </c>
      <c r="F38" s="22">
        <v>0</v>
      </c>
      <c r="G38" s="23">
        <v>0</v>
      </c>
      <c r="H38" s="22">
        <v>342</v>
      </c>
      <c r="I38" s="22">
        <v>192</v>
      </c>
      <c r="J38" s="22">
        <v>150</v>
      </c>
      <c r="K38" s="21">
        <v>252</v>
      </c>
      <c r="L38" s="53">
        <v>136</v>
      </c>
      <c r="M38" s="54">
        <v>116</v>
      </c>
    </row>
    <row r="39" spans="1:13">
      <c r="A39" s="20" t="s">
        <v>46</v>
      </c>
      <c r="B39" s="21">
        <v>80</v>
      </c>
      <c r="C39" s="22">
        <v>28</v>
      </c>
      <c r="D39" s="22">
        <v>52</v>
      </c>
      <c r="E39" s="21">
        <v>0</v>
      </c>
      <c r="F39" s="22">
        <v>0</v>
      </c>
      <c r="G39" s="23">
        <v>0</v>
      </c>
      <c r="H39" s="22">
        <v>313</v>
      </c>
      <c r="I39" s="22">
        <v>156</v>
      </c>
      <c r="J39" s="22">
        <v>157</v>
      </c>
      <c r="K39" s="21">
        <v>233</v>
      </c>
      <c r="L39" s="53">
        <v>128</v>
      </c>
      <c r="M39" s="54">
        <v>105</v>
      </c>
    </row>
    <row r="40" spans="1:13">
      <c r="A40" s="20" t="s">
        <v>47</v>
      </c>
      <c r="B40" s="21">
        <v>24</v>
      </c>
      <c r="C40" s="22">
        <v>22</v>
      </c>
      <c r="D40" s="22">
        <v>2</v>
      </c>
      <c r="E40" s="21">
        <v>0</v>
      </c>
      <c r="F40" s="22">
        <v>0</v>
      </c>
      <c r="G40" s="23">
        <v>0</v>
      </c>
      <c r="H40" s="22">
        <v>274</v>
      </c>
      <c r="I40" s="22">
        <v>159</v>
      </c>
      <c r="J40" s="22">
        <v>115</v>
      </c>
      <c r="K40" s="21">
        <v>250</v>
      </c>
      <c r="L40" s="53">
        <v>137</v>
      </c>
      <c r="M40" s="54">
        <v>113</v>
      </c>
    </row>
    <row r="41" spans="1:13">
      <c r="A41" s="20" t="s">
        <v>48</v>
      </c>
      <c r="B41" s="21">
        <v>87</v>
      </c>
      <c r="C41" s="22">
        <v>48</v>
      </c>
      <c r="D41" s="22">
        <v>39</v>
      </c>
      <c r="E41" s="21">
        <v>0</v>
      </c>
      <c r="F41" s="22">
        <v>0</v>
      </c>
      <c r="G41" s="23">
        <v>0</v>
      </c>
      <c r="H41" s="22">
        <v>306</v>
      </c>
      <c r="I41" s="22">
        <v>156</v>
      </c>
      <c r="J41" s="22">
        <v>150</v>
      </c>
      <c r="K41" s="21">
        <v>219</v>
      </c>
      <c r="L41" s="53">
        <v>108</v>
      </c>
      <c r="M41" s="54">
        <v>111</v>
      </c>
    </row>
    <row r="42" spans="1:13" ht="20.100000000000001" customHeight="1">
      <c r="A42" s="16" t="s">
        <v>49</v>
      </c>
      <c r="B42" s="17">
        <v>274</v>
      </c>
      <c r="C42" s="18">
        <v>124</v>
      </c>
      <c r="D42" s="18">
        <v>150</v>
      </c>
      <c r="E42" s="17">
        <v>2</v>
      </c>
      <c r="F42" s="18">
        <v>1</v>
      </c>
      <c r="G42" s="19">
        <v>1</v>
      </c>
      <c r="H42" s="18">
        <v>1165</v>
      </c>
      <c r="I42" s="18">
        <v>662</v>
      </c>
      <c r="J42" s="18">
        <v>503</v>
      </c>
      <c r="K42" s="17">
        <v>889</v>
      </c>
      <c r="L42" s="51">
        <v>537</v>
      </c>
      <c r="M42" s="52">
        <v>352</v>
      </c>
    </row>
    <row r="43" spans="1:13">
      <c r="A43" s="20" t="s">
        <v>50</v>
      </c>
      <c r="B43" s="21">
        <v>63</v>
      </c>
      <c r="C43" s="22">
        <v>17</v>
      </c>
      <c r="D43" s="22">
        <v>46</v>
      </c>
      <c r="E43" s="21">
        <v>1</v>
      </c>
      <c r="F43" s="22">
        <v>0</v>
      </c>
      <c r="G43" s="23">
        <v>1</v>
      </c>
      <c r="H43" s="22">
        <v>280</v>
      </c>
      <c r="I43" s="22">
        <v>151</v>
      </c>
      <c r="J43" s="22">
        <v>129</v>
      </c>
      <c r="K43" s="21">
        <v>216</v>
      </c>
      <c r="L43" s="53">
        <v>134</v>
      </c>
      <c r="M43" s="54">
        <v>82</v>
      </c>
    </row>
    <row r="44" spans="1:13">
      <c r="A44" s="20" t="s">
        <v>51</v>
      </c>
      <c r="B44" s="21">
        <v>105</v>
      </c>
      <c r="C44" s="22">
        <v>56</v>
      </c>
      <c r="D44" s="22">
        <v>49</v>
      </c>
      <c r="E44" s="21">
        <v>1</v>
      </c>
      <c r="F44" s="22">
        <v>1</v>
      </c>
      <c r="G44" s="23">
        <v>0</v>
      </c>
      <c r="H44" s="22">
        <v>305</v>
      </c>
      <c r="I44" s="22">
        <v>169</v>
      </c>
      <c r="J44" s="22">
        <v>136</v>
      </c>
      <c r="K44" s="21">
        <v>199</v>
      </c>
      <c r="L44" s="53">
        <v>112</v>
      </c>
      <c r="M44" s="54">
        <v>87</v>
      </c>
    </row>
    <row r="45" spans="1:13">
      <c r="A45" s="20" t="s">
        <v>52</v>
      </c>
      <c r="B45" s="21">
        <v>23</v>
      </c>
      <c r="C45" s="22">
        <v>7</v>
      </c>
      <c r="D45" s="22">
        <v>16</v>
      </c>
      <c r="E45" s="21">
        <v>0</v>
      </c>
      <c r="F45" s="22">
        <v>0</v>
      </c>
      <c r="G45" s="23">
        <v>0</v>
      </c>
      <c r="H45" s="22">
        <v>203</v>
      </c>
      <c r="I45" s="22">
        <v>112</v>
      </c>
      <c r="J45" s="22">
        <v>91</v>
      </c>
      <c r="K45" s="21">
        <v>180</v>
      </c>
      <c r="L45" s="53">
        <v>105</v>
      </c>
      <c r="M45" s="54">
        <v>75</v>
      </c>
    </row>
    <row r="46" spans="1:13">
      <c r="A46" s="20" t="s">
        <v>53</v>
      </c>
      <c r="B46" s="21">
        <v>60</v>
      </c>
      <c r="C46" s="22">
        <v>32</v>
      </c>
      <c r="D46" s="22">
        <v>28</v>
      </c>
      <c r="E46" s="21">
        <v>0</v>
      </c>
      <c r="F46" s="22">
        <v>0</v>
      </c>
      <c r="G46" s="23">
        <v>0</v>
      </c>
      <c r="H46" s="22">
        <v>201</v>
      </c>
      <c r="I46" s="22">
        <v>128</v>
      </c>
      <c r="J46" s="22">
        <v>73</v>
      </c>
      <c r="K46" s="21">
        <v>141</v>
      </c>
      <c r="L46" s="53">
        <v>96</v>
      </c>
      <c r="M46" s="54">
        <v>45</v>
      </c>
    </row>
    <row r="47" spans="1:13">
      <c r="A47" s="20" t="s">
        <v>54</v>
      </c>
      <c r="B47" s="21">
        <v>23</v>
      </c>
      <c r="C47" s="22">
        <v>12</v>
      </c>
      <c r="D47" s="22">
        <v>11</v>
      </c>
      <c r="E47" s="21">
        <v>0</v>
      </c>
      <c r="F47" s="22">
        <v>0</v>
      </c>
      <c r="G47" s="23">
        <v>0</v>
      </c>
      <c r="H47" s="22">
        <v>176</v>
      </c>
      <c r="I47" s="22">
        <v>102</v>
      </c>
      <c r="J47" s="22">
        <v>74</v>
      </c>
      <c r="K47" s="21">
        <v>153</v>
      </c>
      <c r="L47" s="53">
        <v>90</v>
      </c>
      <c r="M47" s="54">
        <v>63</v>
      </c>
    </row>
    <row r="48" spans="1:13" ht="20.100000000000001" customHeight="1">
      <c r="A48" s="16" t="s">
        <v>55</v>
      </c>
      <c r="B48" s="17">
        <v>96</v>
      </c>
      <c r="C48" s="18">
        <v>42</v>
      </c>
      <c r="D48" s="18">
        <v>54</v>
      </c>
      <c r="E48" s="17">
        <v>3</v>
      </c>
      <c r="F48" s="18">
        <v>2</v>
      </c>
      <c r="G48" s="19">
        <v>1</v>
      </c>
      <c r="H48" s="18">
        <v>734</v>
      </c>
      <c r="I48" s="18">
        <v>413</v>
      </c>
      <c r="J48" s="18">
        <v>321</v>
      </c>
      <c r="K48" s="17">
        <v>635</v>
      </c>
      <c r="L48" s="51">
        <v>369</v>
      </c>
      <c r="M48" s="52">
        <v>266</v>
      </c>
    </row>
    <row r="49" spans="1:13">
      <c r="A49" s="20" t="s">
        <v>56</v>
      </c>
      <c r="B49" s="21">
        <v>19</v>
      </c>
      <c r="C49" s="22">
        <v>6</v>
      </c>
      <c r="D49" s="22">
        <v>13</v>
      </c>
      <c r="E49" s="21">
        <v>2</v>
      </c>
      <c r="F49" s="22">
        <v>2</v>
      </c>
      <c r="G49" s="23">
        <v>0</v>
      </c>
      <c r="H49" s="22">
        <v>193</v>
      </c>
      <c r="I49" s="22">
        <v>106</v>
      </c>
      <c r="J49" s="22">
        <v>87</v>
      </c>
      <c r="K49" s="21">
        <v>172</v>
      </c>
      <c r="L49" s="53">
        <v>98</v>
      </c>
      <c r="M49" s="54">
        <v>74</v>
      </c>
    </row>
    <row r="50" spans="1:13">
      <c r="A50" s="20" t="s">
        <v>57</v>
      </c>
      <c r="B50" s="21">
        <v>-11</v>
      </c>
      <c r="C50" s="22">
        <v>-5</v>
      </c>
      <c r="D50" s="22">
        <v>-6</v>
      </c>
      <c r="E50" s="21">
        <v>0</v>
      </c>
      <c r="F50" s="22">
        <v>0</v>
      </c>
      <c r="G50" s="23">
        <v>0</v>
      </c>
      <c r="H50" s="22">
        <v>137</v>
      </c>
      <c r="I50" s="22">
        <v>72</v>
      </c>
      <c r="J50" s="22">
        <v>65</v>
      </c>
      <c r="K50" s="21">
        <v>148</v>
      </c>
      <c r="L50" s="53">
        <v>77</v>
      </c>
      <c r="M50" s="54">
        <v>71</v>
      </c>
    </row>
    <row r="51" spans="1:13">
      <c r="A51" s="20" t="s">
        <v>58</v>
      </c>
      <c r="B51" s="21">
        <v>39</v>
      </c>
      <c r="C51" s="22">
        <v>9</v>
      </c>
      <c r="D51" s="22">
        <v>30</v>
      </c>
      <c r="E51" s="21">
        <v>0</v>
      </c>
      <c r="F51" s="22">
        <v>0</v>
      </c>
      <c r="G51" s="23">
        <v>0</v>
      </c>
      <c r="H51" s="22">
        <v>153</v>
      </c>
      <c r="I51" s="22">
        <v>77</v>
      </c>
      <c r="J51" s="22">
        <v>76</v>
      </c>
      <c r="K51" s="21">
        <v>114</v>
      </c>
      <c r="L51" s="53">
        <v>68</v>
      </c>
      <c r="M51" s="54">
        <v>46</v>
      </c>
    </row>
    <row r="52" spans="1:13">
      <c r="A52" s="20" t="s">
        <v>59</v>
      </c>
      <c r="B52" s="21">
        <v>29</v>
      </c>
      <c r="C52" s="22">
        <v>18</v>
      </c>
      <c r="D52" s="22">
        <v>11</v>
      </c>
      <c r="E52" s="21">
        <v>1</v>
      </c>
      <c r="F52" s="22">
        <v>0</v>
      </c>
      <c r="G52" s="23">
        <v>1</v>
      </c>
      <c r="H52" s="22">
        <v>129</v>
      </c>
      <c r="I52" s="22">
        <v>81</v>
      </c>
      <c r="J52" s="22">
        <v>48</v>
      </c>
      <c r="K52" s="21">
        <v>99</v>
      </c>
      <c r="L52" s="53">
        <v>63</v>
      </c>
      <c r="M52" s="54">
        <v>36</v>
      </c>
    </row>
    <row r="53" spans="1:13">
      <c r="A53" s="20" t="s">
        <v>60</v>
      </c>
      <c r="B53" s="21">
        <v>20</v>
      </c>
      <c r="C53" s="22">
        <v>14</v>
      </c>
      <c r="D53" s="22">
        <v>6</v>
      </c>
      <c r="E53" s="21">
        <v>0</v>
      </c>
      <c r="F53" s="22">
        <v>0</v>
      </c>
      <c r="G53" s="23">
        <v>0</v>
      </c>
      <c r="H53" s="22">
        <v>122</v>
      </c>
      <c r="I53" s="22">
        <v>77</v>
      </c>
      <c r="J53" s="22">
        <v>45</v>
      </c>
      <c r="K53" s="21">
        <v>102</v>
      </c>
      <c r="L53" s="53">
        <v>63</v>
      </c>
      <c r="M53" s="54">
        <v>39</v>
      </c>
    </row>
    <row r="54" spans="1:13" ht="20.100000000000001" customHeight="1">
      <c r="A54" s="16" t="s">
        <v>61</v>
      </c>
      <c r="B54" s="17">
        <v>51</v>
      </c>
      <c r="C54" s="18">
        <v>22</v>
      </c>
      <c r="D54" s="18">
        <v>29</v>
      </c>
      <c r="E54" s="17">
        <v>14</v>
      </c>
      <c r="F54" s="18">
        <v>10</v>
      </c>
      <c r="G54" s="19">
        <v>4</v>
      </c>
      <c r="H54" s="18">
        <v>487</v>
      </c>
      <c r="I54" s="18">
        <v>279</v>
      </c>
      <c r="J54" s="18">
        <v>208</v>
      </c>
      <c r="K54" s="17">
        <v>422</v>
      </c>
      <c r="L54" s="51">
        <v>247</v>
      </c>
      <c r="M54" s="52">
        <v>175</v>
      </c>
    </row>
    <row r="55" spans="1:13">
      <c r="A55" s="20" t="s">
        <v>62</v>
      </c>
      <c r="B55" s="21">
        <v>37</v>
      </c>
      <c r="C55" s="22">
        <v>11</v>
      </c>
      <c r="D55" s="22">
        <v>26</v>
      </c>
      <c r="E55" s="21">
        <v>2</v>
      </c>
      <c r="F55" s="22">
        <v>2</v>
      </c>
      <c r="G55" s="23">
        <v>0</v>
      </c>
      <c r="H55" s="22">
        <v>123</v>
      </c>
      <c r="I55" s="22">
        <v>67</v>
      </c>
      <c r="J55" s="22">
        <v>56</v>
      </c>
      <c r="K55" s="21">
        <v>84</v>
      </c>
      <c r="L55" s="53">
        <v>54</v>
      </c>
      <c r="M55" s="54">
        <v>30</v>
      </c>
    </row>
    <row r="56" spans="1:13">
      <c r="A56" s="20" t="s">
        <v>63</v>
      </c>
      <c r="B56" s="21">
        <v>4</v>
      </c>
      <c r="C56" s="22">
        <v>4</v>
      </c>
      <c r="D56" s="22">
        <v>0</v>
      </c>
      <c r="E56" s="21">
        <v>4</v>
      </c>
      <c r="F56" s="22">
        <v>4</v>
      </c>
      <c r="G56" s="23">
        <v>0</v>
      </c>
      <c r="H56" s="22">
        <v>90</v>
      </c>
      <c r="I56" s="22">
        <v>56</v>
      </c>
      <c r="J56" s="22">
        <v>34</v>
      </c>
      <c r="K56" s="21">
        <v>82</v>
      </c>
      <c r="L56" s="53">
        <v>48</v>
      </c>
      <c r="M56" s="54">
        <v>34</v>
      </c>
    </row>
    <row r="57" spans="1:13">
      <c r="A57" s="20" t="s">
        <v>64</v>
      </c>
      <c r="B57" s="21">
        <v>-4</v>
      </c>
      <c r="C57" s="22">
        <v>3</v>
      </c>
      <c r="D57" s="22">
        <v>-7</v>
      </c>
      <c r="E57" s="21">
        <v>1</v>
      </c>
      <c r="F57" s="22">
        <v>0</v>
      </c>
      <c r="G57" s="23">
        <v>1</v>
      </c>
      <c r="H57" s="22">
        <v>90</v>
      </c>
      <c r="I57" s="22">
        <v>50</v>
      </c>
      <c r="J57" s="22">
        <v>40</v>
      </c>
      <c r="K57" s="21">
        <v>93</v>
      </c>
      <c r="L57" s="53">
        <v>47</v>
      </c>
      <c r="M57" s="54">
        <v>46</v>
      </c>
    </row>
    <row r="58" spans="1:13">
      <c r="A58" s="20" t="s">
        <v>65</v>
      </c>
      <c r="B58" s="21">
        <v>20</v>
      </c>
      <c r="C58" s="22">
        <v>11</v>
      </c>
      <c r="D58" s="22">
        <v>9</v>
      </c>
      <c r="E58" s="21">
        <v>5</v>
      </c>
      <c r="F58" s="22">
        <v>3</v>
      </c>
      <c r="G58" s="23">
        <v>2</v>
      </c>
      <c r="H58" s="22">
        <v>102</v>
      </c>
      <c r="I58" s="22">
        <v>60</v>
      </c>
      <c r="J58" s="22">
        <v>42</v>
      </c>
      <c r="K58" s="21">
        <v>77</v>
      </c>
      <c r="L58" s="53">
        <v>46</v>
      </c>
      <c r="M58" s="54">
        <v>31</v>
      </c>
    </row>
    <row r="59" spans="1:13">
      <c r="A59" s="20" t="s">
        <v>66</v>
      </c>
      <c r="B59" s="21">
        <v>-6</v>
      </c>
      <c r="C59" s="22">
        <v>-7</v>
      </c>
      <c r="D59" s="22">
        <v>1</v>
      </c>
      <c r="E59" s="21">
        <v>2</v>
      </c>
      <c r="F59" s="22">
        <v>1</v>
      </c>
      <c r="G59" s="23">
        <v>1</v>
      </c>
      <c r="H59" s="22">
        <v>82</v>
      </c>
      <c r="I59" s="22">
        <v>46</v>
      </c>
      <c r="J59" s="22">
        <v>36</v>
      </c>
      <c r="K59" s="21">
        <v>86</v>
      </c>
      <c r="L59" s="53">
        <v>52</v>
      </c>
      <c r="M59" s="54">
        <v>34</v>
      </c>
    </row>
    <row r="60" spans="1:13" ht="20.100000000000001" customHeight="1">
      <c r="A60" s="16" t="s">
        <v>67</v>
      </c>
      <c r="B60" s="17">
        <v>3</v>
      </c>
      <c r="C60" s="18">
        <v>-14</v>
      </c>
      <c r="D60" s="18">
        <v>17</v>
      </c>
      <c r="E60" s="17">
        <v>12</v>
      </c>
      <c r="F60" s="18">
        <v>7</v>
      </c>
      <c r="G60" s="19">
        <v>5</v>
      </c>
      <c r="H60" s="18">
        <v>346</v>
      </c>
      <c r="I60" s="18">
        <v>201</v>
      </c>
      <c r="J60" s="18">
        <v>145</v>
      </c>
      <c r="K60" s="17">
        <v>331</v>
      </c>
      <c r="L60" s="51">
        <v>208</v>
      </c>
      <c r="M60" s="52">
        <v>123</v>
      </c>
    </row>
    <row r="61" spans="1:13">
      <c r="A61" s="20" t="s">
        <v>68</v>
      </c>
      <c r="B61" s="21">
        <v>1</v>
      </c>
      <c r="C61" s="22">
        <v>-3</v>
      </c>
      <c r="D61" s="22">
        <v>4</v>
      </c>
      <c r="E61" s="21">
        <v>3</v>
      </c>
      <c r="F61" s="22">
        <v>2</v>
      </c>
      <c r="G61" s="23">
        <v>1</v>
      </c>
      <c r="H61" s="22">
        <v>70</v>
      </c>
      <c r="I61" s="22">
        <v>36</v>
      </c>
      <c r="J61" s="22">
        <v>34</v>
      </c>
      <c r="K61" s="21">
        <v>66</v>
      </c>
      <c r="L61" s="53">
        <v>37</v>
      </c>
      <c r="M61" s="54">
        <v>29</v>
      </c>
    </row>
    <row r="62" spans="1:13">
      <c r="A62" s="20" t="s">
        <v>69</v>
      </c>
      <c r="B62" s="21">
        <v>5</v>
      </c>
      <c r="C62" s="22">
        <v>0</v>
      </c>
      <c r="D62" s="22">
        <v>5</v>
      </c>
      <c r="E62" s="21">
        <v>1</v>
      </c>
      <c r="F62" s="22">
        <v>1</v>
      </c>
      <c r="G62" s="23">
        <v>0</v>
      </c>
      <c r="H62" s="22">
        <v>69</v>
      </c>
      <c r="I62" s="22">
        <v>37</v>
      </c>
      <c r="J62" s="22">
        <v>32</v>
      </c>
      <c r="K62" s="21">
        <v>63</v>
      </c>
      <c r="L62" s="53">
        <v>36</v>
      </c>
      <c r="M62" s="54">
        <v>27</v>
      </c>
    </row>
    <row r="63" spans="1:13">
      <c r="A63" s="20" t="s">
        <v>70</v>
      </c>
      <c r="B63" s="21">
        <v>9</v>
      </c>
      <c r="C63" s="22">
        <v>2</v>
      </c>
      <c r="D63" s="22">
        <v>7</v>
      </c>
      <c r="E63" s="21">
        <v>3</v>
      </c>
      <c r="F63" s="22">
        <v>0</v>
      </c>
      <c r="G63" s="23">
        <v>3</v>
      </c>
      <c r="H63" s="22">
        <v>89</v>
      </c>
      <c r="I63" s="22">
        <v>55</v>
      </c>
      <c r="J63" s="22">
        <v>34</v>
      </c>
      <c r="K63" s="21">
        <v>77</v>
      </c>
      <c r="L63" s="53">
        <v>53</v>
      </c>
      <c r="M63" s="54">
        <v>24</v>
      </c>
    </row>
    <row r="64" spans="1:13">
      <c r="A64" s="20" t="s">
        <v>71</v>
      </c>
      <c r="B64" s="21">
        <v>-1</v>
      </c>
      <c r="C64" s="22">
        <v>-5</v>
      </c>
      <c r="D64" s="22">
        <v>4</v>
      </c>
      <c r="E64" s="21">
        <v>2</v>
      </c>
      <c r="F64" s="22">
        <v>1</v>
      </c>
      <c r="G64" s="23">
        <v>1</v>
      </c>
      <c r="H64" s="22">
        <v>74</v>
      </c>
      <c r="I64" s="22">
        <v>46</v>
      </c>
      <c r="J64" s="22">
        <v>28</v>
      </c>
      <c r="K64" s="21">
        <v>73</v>
      </c>
      <c r="L64" s="53">
        <v>50</v>
      </c>
      <c r="M64" s="54">
        <v>23</v>
      </c>
    </row>
    <row r="65" spans="1:13">
      <c r="A65" s="24" t="s">
        <v>72</v>
      </c>
      <c r="B65" s="25">
        <v>-11</v>
      </c>
      <c r="C65" s="26">
        <v>-8</v>
      </c>
      <c r="D65" s="26">
        <v>-3</v>
      </c>
      <c r="E65" s="25">
        <v>3</v>
      </c>
      <c r="F65" s="26">
        <v>3</v>
      </c>
      <c r="G65" s="27">
        <v>0</v>
      </c>
      <c r="H65" s="26">
        <v>44</v>
      </c>
      <c r="I65" s="26">
        <v>27</v>
      </c>
      <c r="J65" s="26">
        <v>17</v>
      </c>
      <c r="K65" s="25">
        <v>52</v>
      </c>
      <c r="L65" s="55">
        <v>32</v>
      </c>
      <c r="M65" s="56">
        <v>2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058</v>
      </c>
      <c r="C69" s="58">
        <v>553</v>
      </c>
      <c r="D69" s="59">
        <v>505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058</v>
      </c>
      <c r="C70" s="61">
        <v>553</v>
      </c>
      <c r="D70" s="62">
        <v>505</v>
      </c>
    </row>
    <row r="71" spans="1:13">
      <c r="A71" s="24" t="s">
        <v>14</v>
      </c>
      <c r="B71" s="63">
        <v>1058</v>
      </c>
      <c r="C71" s="64">
        <v>553</v>
      </c>
      <c r="D71" s="65">
        <v>505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98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5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38</v>
      </c>
      <c r="C77" s="18">
        <v>21</v>
      </c>
      <c r="D77" s="18">
        <v>17</v>
      </c>
      <c r="E77" s="17">
        <v>12</v>
      </c>
      <c r="F77" s="18">
        <v>8</v>
      </c>
      <c r="G77" s="19">
        <v>4</v>
      </c>
      <c r="H77" s="18">
        <v>270</v>
      </c>
      <c r="I77" s="18">
        <v>156</v>
      </c>
      <c r="J77" s="18">
        <v>114</v>
      </c>
      <c r="K77" s="17">
        <v>220</v>
      </c>
      <c r="L77" s="51">
        <v>127</v>
      </c>
      <c r="M77" s="52">
        <v>93</v>
      </c>
    </row>
    <row r="78" spans="1:13">
      <c r="A78" s="40" t="s">
        <v>81</v>
      </c>
      <c r="B78" s="21">
        <v>10</v>
      </c>
      <c r="C78" s="22">
        <v>1</v>
      </c>
      <c r="D78" s="22">
        <v>9</v>
      </c>
      <c r="E78" s="21">
        <v>3</v>
      </c>
      <c r="F78" s="22">
        <v>3</v>
      </c>
      <c r="G78" s="23">
        <v>0</v>
      </c>
      <c r="H78" s="22">
        <v>72</v>
      </c>
      <c r="I78" s="22">
        <v>42</v>
      </c>
      <c r="J78" s="22">
        <v>30</v>
      </c>
      <c r="K78" s="21">
        <v>59</v>
      </c>
      <c r="L78" s="53">
        <v>38</v>
      </c>
      <c r="M78" s="54">
        <v>21</v>
      </c>
    </row>
    <row r="79" spans="1:13">
      <c r="A79" s="40" t="s">
        <v>82</v>
      </c>
      <c r="B79" s="21">
        <v>10</v>
      </c>
      <c r="C79" s="22">
        <v>8</v>
      </c>
      <c r="D79" s="22">
        <v>2</v>
      </c>
      <c r="E79" s="21">
        <v>1</v>
      </c>
      <c r="F79" s="22">
        <v>1</v>
      </c>
      <c r="G79" s="23">
        <v>0</v>
      </c>
      <c r="H79" s="22">
        <v>65</v>
      </c>
      <c r="I79" s="22">
        <v>41</v>
      </c>
      <c r="J79" s="22">
        <v>24</v>
      </c>
      <c r="K79" s="21">
        <v>54</v>
      </c>
      <c r="L79" s="53">
        <v>32</v>
      </c>
      <c r="M79" s="54">
        <v>22</v>
      </c>
    </row>
    <row r="80" spans="1:13">
      <c r="A80" s="40" t="s">
        <v>83</v>
      </c>
      <c r="B80" s="21">
        <v>7</v>
      </c>
      <c r="C80" s="22">
        <v>7</v>
      </c>
      <c r="D80" s="22">
        <v>0</v>
      </c>
      <c r="E80" s="21">
        <v>2</v>
      </c>
      <c r="F80" s="22">
        <v>1</v>
      </c>
      <c r="G80" s="23">
        <v>1</v>
      </c>
      <c r="H80" s="22">
        <v>55</v>
      </c>
      <c r="I80" s="22">
        <v>31</v>
      </c>
      <c r="J80" s="22">
        <v>24</v>
      </c>
      <c r="K80" s="21">
        <v>46</v>
      </c>
      <c r="L80" s="53">
        <v>23</v>
      </c>
      <c r="M80" s="54">
        <v>23</v>
      </c>
    </row>
    <row r="81" spans="1:13">
      <c r="A81" s="40" t="s">
        <v>84</v>
      </c>
      <c r="B81" s="21">
        <v>10</v>
      </c>
      <c r="C81" s="22">
        <v>6</v>
      </c>
      <c r="D81" s="22">
        <v>4</v>
      </c>
      <c r="E81" s="21">
        <v>3</v>
      </c>
      <c r="F81" s="22">
        <v>1</v>
      </c>
      <c r="G81" s="23">
        <v>2</v>
      </c>
      <c r="H81" s="22">
        <v>43</v>
      </c>
      <c r="I81" s="22">
        <v>22</v>
      </c>
      <c r="J81" s="22">
        <v>21</v>
      </c>
      <c r="K81" s="21">
        <v>30</v>
      </c>
      <c r="L81" s="53">
        <v>15</v>
      </c>
      <c r="M81" s="54">
        <v>15</v>
      </c>
    </row>
    <row r="82" spans="1:13">
      <c r="A82" s="40" t="s">
        <v>85</v>
      </c>
      <c r="B82" s="21">
        <v>1</v>
      </c>
      <c r="C82" s="22">
        <v>-1</v>
      </c>
      <c r="D82" s="22">
        <v>2</v>
      </c>
      <c r="E82" s="21">
        <v>3</v>
      </c>
      <c r="F82" s="22">
        <v>2</v>
      </c>
      <c r="G82" s="23">
        <v>1</v>
      </c>
      <c r="H82" s="22">
        <v>35</v>
      </c>
      <c r="I82" s="22">
        <v>20</v>
      </c>
      <c r="J82" s="22">
        <v>15</v>
      </c>
      <c r="K82" s="21">
        <v>31</v>
      </c>
      <c r="L82" s="53">
        <v>19</v>
      </c>
      <c r="M82" s="54">
        <v>12</v>
      </c>
    </row>
    <row r="83" spans="1:13" ht="19.5" customHeight="1">
      <c r="A83" s="34" t="s">
        <v>86</v>
      </c>
      <c r="B83" s="17">
        <v>-16</v>
      </c>
      <c r="C83" s="18">
        <v>-17</v>
      </c>
      <c r="D83" s="18">
        <v>1</v>
      </c>
      <c r="E83" s="17">
        <v>26</v>
      </c>
      <c r="F83" s="18">
        <v>19</v>
      </c>
      <c r="G83" s="19">
        <v>7</v>
      </c>
      <c r="H83" s="18">
        <v>168</v>
      </c>
      <c r="I83" s="18">
        <v>96</v>
      </c>
      <c r="J83" s="18">
        <v>72</v>
      </c>
      <c r="K83" s="17">
        <v>158</v>
      </c>
      <c r="L83" s="51">
        <v>94</v>
      </c>
      <c r="M83" s="52">
        <v>64</v>
      </c>
    </row>
    <row r="84" spans="1:13">
      <c r="A84" s="40" t="s">
        <v>87</v>
      </c>
      <c r="B84" s="21">
        <v>-9</v>
      </c>
      <c r="C84" s="22">
        <v>-8</v>
      </c>
      <c r="D84" s="22">
        <v>-1</v>
      </c>
      <c r="E84" s="21">
        <v>3</v>
      </c>
      <c r="F84" s="22">
        <v>2</v>
      </c>
      <c r="G84" s="23">
        <v>1</v>
      </c>
      <c r="H84" s="22">
        <v>34</v>
      </c>
      <c r="I84" s="22">
        <v>19</v>
      </c>
      <c r="J84" s="22">
        <v>15</v>
      </c>
      <c r="K84" s="21">
        <v>40</v>
      </c>
      <c r="L84" s="53">
        <v>25</v>
      </c>
      <c r="M84" s="54">
        <v>15</v>
      </c>
    </row>
    <row r="85" spans="1:13">
      <c r="A85" s="40" t="s">
        <v>88</v>
      </c>
      <c r="B85" s="21">
        <v>3</v>
      </c>
      <c r="C85" s="22">
        <v>-2</v>
      </c>
      <c r="D85" s="22">
        <v>5</v>
      </c>
      <c r="E85" s="21">
        <v>8</v>
      </c>
      <c r="F85" s="22">
        <v>6</v>
      </c>
      <c r="G85" s="23">
        <v>2</v>
      </c>
      <c r="H85" s="22">
        <v>45</v>
      </c>
      <c r="I85" s="22">
        <v>25</v>
      </c>
      <c r="J85" s="22">
        <v>20</v>
      </c>
      <c r="K85" s="21">
        <v>34</v>
      </c>
      <c r="L85" s="53">
        <v>21</v>
      </c>
      <c r="M85" s="54">
        <v>13</v>
      </c>
    </row>
    <row r="86" spans="1:13">
      <c r="A86" s="40" t="s">
        <v>89</v>
      </c>
      <c r="B86" s="21">
        <v>-8</v>
      </c>
      <c r="C86" s="22">
        <v>-8</v>
      </c>
      <c r="D86" s="22">
        <v>0</v>
      </c>
      <c r="E86" s="21">
        <v>4</v>
      </c>
      <c r="F86" s="22">
        <v>4</v>
      </c>
      <c r="G86" s="23">
        <v>0</v>
      </c>
      <c r="H86" s="22">
        <v>26</v>
      </c>
      <c r="I86" s="22">
        <v>17</v>
      </c>
      <c r="J86" s="22">
        <v>9</v>
      </c>
      <c r="K86" s="21">
        <v>30</v>
      </c>
      <c r="L86" s="53">
        <v>21</v>
      </c>
      <c r="M86" s="54">
        <v>9</v>
      </c>
    </row>
    <row r="87" spans="1:13">
      <c r="A87" s="40" t="s">
        <v>90</v>
      </c>
      <c r="B87" s="21">
        <v>0</v>
      </c>
      <c r="C87" s="22">
        <v>0</v>
      </c>
      <c r="D87" s="22">
        <v>0</v>
      </c>
      <c r="E87" s="21">
        <v>4</v>
      </c>
      <c r="F87" s="22">
        <v>2</v>
      </c>
      <c r="G87" s="23">
        <v>2</v>
      </c>
      <c r="H87" s="22">
        <v>29</v>
      </c>
      <c r="I87" s="22">
        <v>15</v>
      </c>
      <c r="J87" s="22">
        <v>14</v>
      </c>
      <c r="K87" s="21">
        <v>25</v>
      </c>
      <c r="L87" s="53">
        <v>13</v>
      </c>
      <c r="M87" s="54">
        <v>12</v>
      </c>
    </row>
    <row r="88" spans="1:13">
      <c r="A88" s="40" t="s">
        <v>91</v>
      </c>
      <c r="B88" s="21">
        <v>-2</v>
      </c>
      <c r="C88" s="22">
        <v>1</v>
      </c>
      <c r="D88" s="22">
        <v>-3</v>
      </c>
      <c r="E88" s="21">
        <v>7</v>
      </c>
      <c r="F88" s="22">
        <v>5</v>
      </c>
      <c r="G88" s="23">
        <v>2</v>
      </c>
      <c r="H88" s="22">
        <v>34</v>
      </c>
      <c r="I88" s="22">
        <v>20</v>
      </c>
      <c r="J88" s="22">
        <v>14</v>
      </c>
      <c r="K88" s="21">
        <v>29</v>
      </c>
      <c r="L88" s="53">
        <v>14</v>
      </c>
      <c r="M88" s="54">
        <v>15</v>
      </c>
    </row>
    <row r="89" spans="1:13" ht="19.5" customHeight="1">
      <c r="A89" s="34" t="s">
        <v>92</v>
      </c>
      <c r="B89" s="17">
        <v>-31</v>
      </c>
      <c r="C89" s="18">
        <v>-18</v>
      </c>
      <c r="D89" s="18">
        <v>-13</v>
      </c>
      <c r="E89" s="17">
        <v>31</v>
      </c>
      <c r="F89" s="18">
        <v>21</v>
      </c>
      <c r="G89" s="19">
        <v>10</v>
      </c>
      <c r="H89" s="18">
        <v>109</v>
      </c>
      <c r="I89" s="18">
        <v>71</v>
      </c>
      <c r="J89" s="18">
        <v>38</v>
      </c>
      <c r="K89" s="17">
        <v>109</v>
      </c>
      <c r="L89" s="51">
        <v>68</v>
      </c>
      <c r="M89" s="52">
        <v>41</v>
      </c>
    </row>
    <row r="90" spans="1:13">
      <c r="A90" s="40" t="s">
        <v>93</v>
      </c>
      <c r="B90" s="21">
        <v>-2</v>
      </c>
      <c r="C90" s="22">
        <v>-1</v>
      </c>
      <c r="D90" s="22">
        <v>-1</v>
      </c>
      <c r="E90" s="21">
        <v>2</v>
      </c>
      <c r="F90" s="22">
        <v>1</v>
      </c>
      <c r="G90" s="23">
        <v>1</v>
      </c>
      <c r="H90" s="22">
        <v>33</v>
      </c>
      <c r="I90" s="22">
        <v>23</v>
      </c>
      <c r="J90" s="22">
        <v>10</v>
      </c>
      <c r="K90" s="21">
        <v>33</v>
      </c>
      <c r="L90" s="53">
        <v>23</v>
      </c>
      <c r="M90" s="54">
        <v>10</v>
      </c>
    </row>
    <row r="91" spans="1:13">
      <c r="A91" s="40" t="s">
        <v>94</v>
      </c>
      <c r="B91" s="21">
        <v>-17</v>
      </c>
      <c r="C91" s="22">
        <v>-15</v>
      </c>
      <c r="D91" s="22">
        <v>-2</v>
      </c>
      <c r="E91" s="21">
        <v>7</v>
      </c>
      <c r="F91" s="22">
        <v>5</v>
      </c>
      <c r="G91" s="23">
        <v>2</v>
      </c>
      <c r="H91" s="22">
        <v>18</v>
      </c>
      <c r="I91" s="22">
        <v>8</v>
      </c>
      <c r="J91" s="22">
        <v>10</v>
      </c>
      <c r="K91" s="21">
        <v>28</v>
      </c>
      <c r="L91" s="53">
        <v>18</v>
      </c>
      <c r="M91" s="54">
        <v>10</v>
      </c>
    </row>
    <row r="92" spans="1:13">
      <c r="A92" s="40" t="s">
        <v>95</v>
      </c>
      <c r="B92" s="21">
        <v>2</v>
      </c>
      <c r="C92" s="22">
        <v>3</v>
      </c>
      <c r="D92" s="22">
        <v>-1</v>
      </c>
      <c r="E92" s="21">
        <v>3</v>
      </c>
      <c r="F92" s="22">
        <v>1</v>
      </c>
      <c r="G92" s="23">
        <v>2</v>
      </c>
      <c r="H92" s="22">
        <v>20</v>
      </c>
      <c r="I92" s="22">
        <v>13</v>
      </c>
      <c r="J92" s="22">
        <v>7</v>
      </c>
      <c r="K92" s="21">
        <v>15</v>
      </c>
      <c r="L92" s="53">
        <v>9</v>
      </c>
      <c r="M92" s="54">
        <v>6</v>
      </c>
    </row>
    <row r="93" spans="1:13">
      <c r="A93" s="40" t="s">
        <v>96</v>
      </c>
      <c r="B93" s="21">
        <v>-12</v>
      </c>
      <c r="C93" s="22">
        <v>-2</v>
      </c>
      <c r="D93" s="22">
        <v>-10</v>
      </c>
      <c r="E93" s="21">
        <v>8</v>
      </c>
      <c r="F93" s="22">
        <v>7</v>
      </c>
      <c r="G93" s="23">
        <v>1</v>
      </c>
      <c r="H93" s="22">
        <v>14</v>
      </c>
      <c r="I93" s="22">
        <v>14</v>
      </c>
      <c r="J93" s="22">
        <v>0</v>
      </c>
      <c r="K93" s="21">
        <v>18</v>
      </c>
      <c r="L93" s="53">
        <v>9</v>
      </c>
      <c r="M93" s="54">
        <v>9</v>
      </c>
    </row>
    <row r="94" spans="1:13">
      <c r="A94" s="40" t="s">
        <v>97</v>
      </c>
      <c r="B94" s="21">
        <v>-2</v>
      </c>
      <c r="C94" s="22">
        <v>-3</v>
      </c>
      <c r="D94" s="22">
        <v>1</v>
      </c>
      <c r="E94" s="21">
        <v>11</v>
      </c>
      <c r="F94" s="22">
        <v>7</v>
      </c>
      <c r="G94" s="23">
        <v>4</v>
      </c>
      <c r="H94" s="22">
        <v>24</v>
      </c>
      <c r="I94" s="22">
        <v>13</v>
      </c>
      <c r="J94" s="22">
        <v>11</v>
      </c>
      <c r="K94" s="21">
        <v>15</v>
      </c>
      <c r="L94" s="53">
        <v>9</v>
      </c>
      <c r="M94" s="54">
        <v>6</v>
      </c>
    </row>
    <row r="95" spans="1:13" ht="19.5" customHeight="1">
      <c r="A95" s="34" t="s">
        <v>98</v>
      </c>
      <c r="B95" s="17">
        <v>-85</v>
      </c>
      <c r="C95" s="18">
        <v>-60</v>
      </c>
      <c r="D95" s="18">
        <v>-25</v>
      </c>
      <c r="E95" s="17">
        <v>68</v>
      </c>
      <c r="F95" s="18">
        <v>50</v>
      </c>
      <c r="G95" s="19">
        <v>18</v>
      </c>
      <c r="H95" s="18">
        <v>87</v>
      </c>
      <c r="I95" s="18">
        <v>50</v>
      </c>
      <c r="J95" s="18">
        <v>37</v>
      </c>
      <c r="K95" s="17">
        <v>104</v>
      </c>
      <c r="L95" s="51">
        <v>60</v>
      </c>
      <c r="M95" s="52">
        <v>44</v>
      </c>
    </row>
    <row r="96" spans="1:13">
      <c r="A96" s="40" t="s">
        <v>99</v>
      </c>
      <c r="B96" s="21">
        <v>-1</v>
      </c>
      <c r="C96" s="22">
        <v>-5</v>
      </c>
      <c r="D96" s="22">
        <v>4</v>
      </c>
      <c r="E96" s="21">
        <v>8</v>
      </c>
      <c r="F96" s="22">
        <v>8</v>
      </c>
      <c r="G96" s="23">
        <v>0</v>
      </c>
      <c r="H96" s="22">
        <v>24</v>
      </c>
      <c r="I96" s="22">
        <v>16</v>
      </c>
      <c r="J96" s="22">
        <v>8</v>
      </c>
      <c r="K96" s="21">
        <v>17</v>
      </c>
      <c r="L96" s="53">
        <v>13</v>
      </c>
      <c r="M96" s="54">
        <v>4</v>
      </c>
    </row>
    <row r="97" spans="1:13">
      <c r="A97" s="40" t="s">
        <v>100</v>
      </c>
      <c r="B97" s="21">
        <v>-15</v>
      </c>
      <c r="C97" s="22">
        <v>-4</v>
      </c>
      <c r="D97" s="22">
        <v>-11</v>
      </c>
      <c r="E97" s="21">
        <v>8</v>
      </c>
      <c r="F97" s="22">
        <v>5</v>
      </c>
      <c r="G97" s="23">
        <v>3</v>
      </c>
      <c r="H97" s="22">
        <v>18</v>
      </c>
      <c r="I97" s="22">
        <v>11</v>
      </c>
      <c r="J97" s="22">
        <v>7</v>
      </c>
      <c r="K97" s="21">
        <v>25</v>
      </c>
      <c r="L97" s="53">
        <v>10</v>
      </c>
      <c r="M97" s="54">
        <v>15</v>
      </c>
    </row>
    <row r="98" spans="1:13">
      <c r="A98" s="40" t="s">
        <v>101</v>
      </c>
      <c r="B98" s="21">
        <v>-17</v>
      </c>
      <c r="C98" s="22">
        <v>-10</v>
      </c>
      <c r="D98" s="22">
        <v>-7</v>
      </c>
      <c r="E98" s="21">
        <v>16</v>
      </c>
      <c r="F98" s="22">
        <v>11</v>
      </c>
      <c r="G98" s="23">
        <v>5</v>
      </c>
      <c r="H98" s="22">
        <v>13</v>
      </c>
      <c r="I98" s="22">
        <v>8</v>
      </c>
      <c r="J98" s="22">
        <v>5</v>
      </c>
      <c r="K98" s="21">
        <v>14</v>
      </c>
      <c r="L98" s="53">
        <v>7</v>
      </c>
      <c r="M98" s="54">
        <v>7</v>
      </c>
    </row>
    <row r="99" spans="1:13">
      <c r="A99" s="40" t="s">
        <v>102</v>
      </c>
      <c r="B99" s="21">
        <v>-25</v>
      </c>
      <c r="C99" s="22">
        <v>-22</v>
      </c>
      <c r="D99" s="22">
        <v>-3</v>
      </c>
      <c r="E99" s="21">
        <v>16</v>
      </c>
      <c r="F99" s="22">
        <v>13</v>
      </c>
      <c r="G99" s="23">
        <v>3</v>
      </c>
      <c r="H99" s="22">
        <v>16</v>
      </c>
      <c r="I99" s="22">
        <v>9</v>
      </c>
      <c r="J99" s="22">
        <v>7</v>
      </c>
      <c r="K99" s="21">
        <v>25</v>
      </c>
      <c r="L99" s="53">
        <v>18</v>
      </c>
      <c r="M99" s="54">
        <v>7</v>
      </c>
    </row>
    <row r="100" spans="1:13">
      <c r="A100" s="40" t="s">
        <v>103</v>
      </c>
      <c r="B100" s="21">
        <v>-27</v>
      </c>
      <c r="C100" s="22">
        <v>-19</v>
      </c>
      <c r="D100" s="22">
        <v>-8</v>
      </c>
      <c r="E100" s="21">
        <v>20</v>
      </c>
      <c r="F100" s="22">
        <v>13</v>
      </c>
      <c r="G100" s="23">
        <v>7</v>
      </c>
      <c r="H100" s="22">
        <v>16</v>
      </c>
      <c r="I100" s="22">
        <v>6</v>
      </c>
      <c r="J100" s="22">
        <v>10</v>
      </c>
      <c r="K100" s="21">
        <v>23</v>
      </c>
      <c r="L100" s="53">
        <v>12</v>
      </c>
      <c r="M100" s="54">
        <v>11</v>
      </c>
    </row>
    <row r="101" spans="1:13" ht="19.5" customHeight="1">
      <c r="A101" s="34" t="s">
        <v>104</v>
      </c>
      <c r="B101" s="17">
        <v>-68</v>
      </c>
      <c r="C101" s="18">
        <v>-56</v>
      </c>
      <c r="D101" s="18">
        <v>-12</v>
      </c>
      <c r="E101" s="17">
        <v>92</v>
      </c>
      <c r="F101" s="18">
        <v>60</v>
      </c>
      <c r="G101" s="19">
        <v>32</v>
      </c>
      <c r="H101" s="18">
        <v>96</v>
      </c>
      <c r="I101" s="18">
        <v>42</v>
      </c>
      <c r="J101" s="18">
        <v>54</v>
      </c>
      <c r="K101" s="17">
        <v>72</v>
      </c>
      <c r="L101" s="51">
        <v>38</v>
      </c>
      <c r="M101" s="52">
        <v>34</v>
      </c>
    </row>
    <row r="102" spans="1:13">
      <c r="A102" s="40" t="s">
        <v>105</v>
      </c>
      <c r="B102" s="21">
        <v>-9</v>
      </c>
      <c r="C102" s="22">
        <v>-7</v>
      </c>
      <c r="D102" s="22">
        <v>-2</v>
      </c>
      <c r="E102" s="21">
        <v>19</v>
      </c>
      <c r="F102" s="22">
        <v>10</v>
      </c>
      <c r="G102" s="23">
        <v>9</v>
      </c>
      <c r="H102" s="22">
        <v>28</v>
      </c>
      <c r="I102" s="22">
        <v>15</v>
      </c>
      <c r="J102" s="22">
        <v>13</v>
      </c>
      <c r="K102" s="21">
        <v>18</v>
      </c>
      <c r="L102" s="53">
        <v>12</v>
      </c>
      <c r="M102" s="54">
        <v>6</v>
      </c>
    </row>
    <row r="103" spans="1:13">
      <c r="A103" s="40" t="s">
        <v>106</v>
      </c>
      <c r="B103" s="21">
        <v>-17</v>
      </c>
      <c r="C103" s="22">
        <v>-13</v>
      </c>
      <c r="D103" s="22">
        <v>-4</v>
      </c>
      <c r="E103" s="21">
        <v>21</v>
      </c>
      <c r="F103" s="22">
        <v>13</v>
      </c>
      <c r="G103" s="23">
        <v>8</v>
      </c>
      <c r="H103" s="22">
        <v>17</v>
      </c>
      <c r="I103" s="22">
        <v>4</v>
      </c>
      <c r="J103" s="22">
        <v>13</v>
      </c>
      <c r="K103" s="21">
        <v>13</v>
      </c>
      <c r="L103" s="53">
        <v>4</v>
      </c>
      <c r="M103" s="54">
        <v>9</v>
      </c>
    </row>
    <row r="104" spans="1:13">
      <c r="A104" s="40" t="s">
        <v>107</v>
      </c>
      <c r="B104" s="21">
        <v>-16</v>
      </c>
      <c r="C104" s="22">
        <v>-10</v>
      </c>
      <c r="D104" s="22">
        <v>-6</v>
      </c>
      <c r="E104" s="21">
        <v>20</v>
      </c>
      <c r="F104" s="22">
        <v>15</v>
      </c>
      <c r="G104" s="23">
        <v>5</v>
      </c>
      <c r="H104" s="22">
        <v>24</v>
      </c>
      <c r="I104" s="22">
        <v>12</v>
      </c>
      <c r="J104" s="22">
        <v>12</v>
      </c>
      <c r="K104" s="21">
        <v>20</v>
      </c>
      <c r="L104" s="53">
        <v>7</v>
      </c>
      <c r="M104" s="54">
        <v>13</v>
      </c>
    </row>
    <row r="105" spans="1:13">
      <c r="A105" s="40" t="s">
        <v>108</v>
      </c>
      <c r="B105" s="21">
        <v>-7</v>
      </c>
      <c r="C105" s="22">
        <v>-9</v>
      </c>
      <c r="D105" s="22">
        <v>2</v>
      </c>
      <c r="E105" s="21">
        <v>16</v>
      </c>
      <c r="F105" s="22">
        <v>10</v>
      </c>
      <c r="G105" s="23">
        <v>6</v>
      </c>
      <c r="H105" s="22">
        <v>18</v>
      </c>
      <c r="I105" s="22">
        <v>7</v>
      </c>
      <c r="J105" s="22">
        <v>11</v>
      </c>
      <c r="K105" s="21">
        <v>9</v>
      </c>
      <c r="L105" s="53">
        <v>6</v>
      </c>
      <c r="M105" s="54">
        <v>3</v>
      </c>
    </row>
    <row r="106" spans="1:13">
      <c r="A106" s="40" t="s">
        <v>109</v>
      </c>
      <c r="B106" s="21">
        <v>-19</v>
      </c>
      <c r="C106" s="22">
        <v>-17</v>
      </c>
      <c r="D106" s="22">
        <v>-2</v>
      </c>
      <c r="E106" s="21">
        <v>16</v>
      </c>
      <c r="F106" s="22">
        <v>12</v>
      </c>
      <c r="G106" s="23">
        <v>4</v>
      </c>
      <c r="H106" s="22">
        <v>9</v>
      </c>
      <c r="I106" s="22">
        <v>4</v>
      </c>
      <c r="J106" s="22">
        <v>5</v>
      </c>
      <c r="K106" s="21">
        <v>12</v>
      </c>
      <c r="L106" s="53">
        <v>9</v>
      </c>
      <c r="M106" s="54">
        <v>3</v>
      </c>
    </row>
    <row r="107" spans="1:13" ht="19.5" customHeight="1">
      <c r="A107" s="34" t="s">
        <v>110</v>
      </c>
      <c r="B107" s="17">
        <v>-151</v>
      </c>
      <c r="C107" s="18">
        <v>-100</v>
      </c>
      <c r="D107" s="18">
        <v>-51</v>
      </c>
      <c r="E107" s="17">
        <v>158</v>
      </c>
      <c r="F107" s="18">
        <v>104</v>
      </c>
      <c r="G107" s="19">
        <v>54</v>
      </c>
      <c r="H107" s="18">
        <v>63</v>
      </c>
      <c r="I107" s="18">
        <v>31</v>
      </c>
      <c r="J107" s="18">
        <v>32</v>
      </c>
      <c r="K107" s="17">
        <v>56</v>
      </c>
      <c r="L107" s="51">
        <v>27</v>
      </c>
      <c r="M107" s="52">
        <v>29</v>
      </c>
    </row>
    <row r="108" spans="1:13">
      <c r="A108" s="40" t="s">
        <v>111</v>
      </c>
      <c r="B108" s="21">
        <v>-30</v>
      </c>
      <c r="C108" s="22">
        <v>-20</v>
      </c>
      <c r="D108" s="22">
        <v>-10</v>
      </c>
      <c r="E108" s="21">
        <v>19</v>
      </c>
      <c r="F108" s="22">
        <v>14</v>
      </c>
      <c r="G108" s="23">
        <v>5</v>
      </c>
      <c r="H108" s="22">
        <v>9</v>
      </c>
      <c r="I108" s="22">
        <v>5</v>
      </c>
      <c r="J108" s="22">
        <v>4</v>
      </c>
      <c r="K108" s="21">
        <v>20</v>
      </c>
      <c r="L108" s="53">
        <v>11</v>
      </c>
      <c r="M108" s="54">
        <v>9</v>
      </c>
    </row>
    <row r="109" spans="1:13">
      <c r="A109" s="40" t="s">
        <v>112</v>
      </c>
      <c r="B109" s="21">
        <v>-36</v>
      </c>
      <c r="C109" s="22">
        <v>-22</v>
      </c>
      <c r="D109" s="22">
        <v>-14</v>
      </c>
      <c r="E109" s="21">
        <v>38</v>
      </c>
      <c r="F109" s="22">
        <v>29</v>
      </c>
      <c r="G109" s="23">
        <v>9</v>
      </c>
      <c r="H109" s="22">
        <v>12</v>
      </c>
      <c r="I109" s="22">
        <v>11</v>
      </c>
      <c r="J109" s="22">
        <v>1</v>
      </c>
      <c r="K109" s="21">
        <v>10</v>
      </c>
      <c r="L109" s="53">
        <v>4</v>
      </c>
      <c r="M109" s="54">
        <v>6</v>
      </c>
    </row>
    <row r="110" spans="1:13">
      <c r="A110" s="40" t="s">
        <v>113</v>
      </c>
      <c r="B110" s="21">
        <v>-29</v>
      </c>
      <c r="C110" s="22">
        <v>-20</v>
      </c>
      <c r="D110" s="22">
        <v>-9</v>
      </c>
      <c r="E110" s="21">
        <v>34</v>
      </c>
      <c r="F110" s="22">
        <v>23</v>
      </c>
      <c r="G110" s="23">
        <v>11</v>
      </c>
      <c r="H110" s="22">
        <v>14</v>
      </c>
      <c r="I110" s="22">
        <v>6</v>
      </c>
      <c r="J110" s="22">
        <v>8</v>
      </c>
      <c r="K110" s="21">
        <v>9</v>
      </c>
      <c r="L110" s="53">
        <v>3</v>
      </c>
      <c r="M110" s="54">
        <v>6</v>
      </c>
    </row>
    <row r="111" spans="1:13">
      <c r="A111" s="40" t="s">
        <v>114</v>
      </c>
      <c r="B111" s="21">
        <v>-20</v>
      </c>
      <c r="C111" s="22">
        <v>-10</v>
      </c>
      <c r="D111" s="22">
        <v>-10</v>
      </c>
      <c r="E111" s="21">
        <v>28</v>
      </c>
      <c r="F111" s="22">
        <v>13</v>
      </c>
      <c r="G111" s="23">
        <v>15</v>
      </c>
      <c r="H111" s="22">
        <v>15</v>
      </c>
      <c r="I111" s="22">
        <v>7</v>
      </c>
      <c r="J111" s="22">
        <v>8</v>
      </c>
      <c r="K111" s="21">
        <v>7</v>
      </c>
      <c r="L111" s="53">
        <v>4</v>
      </c>
      <c r="M111" s="54">
        <v>3</v>
      </c>
    </row>
    <row r="112" spans="1:13">
      <c r="A112" s="40" t="s">
        <v>115</v>
      </c>
      <c r="B112" s="21">
        <v>-36</v>
      </c>
      <c r="C112" s="22">
        <v>-28</v>
      </c>
      <c r="D112" s="22">
        <v>-8</v>
      </c>
      <c r="E112" s="21">
        <v>39</v>
      </c>
      <c r="F112" s="22">
        <v>25</v>
      </c>
      <c r="G112" s="23">
        <v>14</v>
      </c>
      <c r="H112" s="22">
        <v>13</v>
      </c>
      <c r="I112" s="22">
        <v>2</v>
      </c>
      <c r="J112" s="22">
        <v>11</v>
      </c>
      <c r="K112" s="21">
        <v>10</v>
      </c>
      <c r="L112" s="53">
        <v>5</v>
      </c>
      <c r="M112" s="54">
        <v>5</v>
      </c>
    </row>
    <row r="113" spans="1:13" ht="19.5" customHeight="1">
      <c r="A113" s="34" t="s">
        <v>116</v>
      </c>
      <c r="B113" s="17">
        <v>-209</v>
      </c>
      <c r="C113" s="18">
        <v>-136</v>
      </c>
      <c r="D113" s="18">
        <v>-73</v>
      </c>
      <c r="E113" s="17">
        <v>213</v>
      </c>
      <c r="F113" s="18">
        <v>133</v>
      </c>
      <c r="G113" s="19">
        <v>80</v>
      </c>
      <c r="H113" s="18">
        <v>57</v>
      </c>
      <c r="I113" s="18">
        <v>17</v>
      </c>
      <c r="J113" s="18">
        <v>40</v>
      </c>
      <c r="K113" s="17">
        <v>53</v>
      </c>
      <c r="L113" s="51">
        <v>20</v>
      </c>
      <c r="M113" s="52">
        <v>33</v>
      </c>
    </row>
    <row r="114" spans="1:13">
      <c r="A114" s="40" t="s">
        <v>117</v>
      </c>
      <c r="B114" s="21">
        <v>-40</v>
      </c>
      <c r="C114" s="22">
        <v>-30</v>
      </c>
      <c r="D114" s="22">
        <v>-10</v>
      </c>
      <c r="E114" s="21">
        <v>38</v>
      </c>
      <c r="F114" s="22">
        <v>28</v>
      </c>
      <c r="G114" s="23">
        <v>10</v>
      </c>
      <c r="H114" s="22">
        <v>10</v>
      </c>
      <c r="I114" s="22">
        <v>4</v>
      </c>
      <c r="J114" s="22">
        <v>6</v>
      </c>
      <c r="K114" s="21">
        <v>12</v>
      </c>
      <c r="L114" s="53">
        <v>6</v>
      </c>
      <c r="M114" s="54">
        <v>6</v>
      </c>
    </row>
    <row r="115" spans="1:13">
      <c r="A115" s="40" t="s">
        <v>118</v>
      </c>
      <c r="B115" s="21">
        <v>-39</v>
      </c>
      <c r="C115" s="22">
        <v>-30</v>
      </c>
      <c r="D115" s="22">
        <v>-9</v>
      </c>
      <c r="E115" s="21">
        <v>43</v>
      </c>
      <c r="F115" s="22">
        <v>31</v>
      </c>
      <c r="G115" s="23">
        <v>12</v>
      </c>
      <c r="H115" s="22">
        <v>13</v>
      </c>
      <c r="I115" s="22">
        <v>2</v>
      </c>
      <c r="J115" s="22">
        <v>11</v>
      </c>
      <c r="K115" s="21">
        <v>9</v>
      </c>
      <c r="L115" s="53">
        <v>1</v>
      </c>
      <c r="M115" s="54">
        <v>8</v>
      </c>
    </row>
    <row r="116" spans="1:13">
      <c r="A116" s="40" t="s">
        <v>119</v>
      </c>
      <c r="B116" s="21">
        <v>-54</v>
      </c>
      <c r="C116" s="22">
        <v>-27</v>
      </c>
      <c r="D116" s="22">
        <v>-27</v>
      </c>
      <c r="E116" s="21">
        <v>50</v>
      </c>
      <c r="F116" s="22">
        <v>21</v>
      </c>
      <c r="G116" s="23">
        <v>29</v>
      </c>
      <c r="H116" s="22">
        <v>9</v>
      </c>
      <c r="I116" s="22">
        <v>1</v>
      </c>
      <c r="J116" s="22">
        <v>8</v>
      </c>
      <c r="K116" s="21">
        <v>13</v>
      </c>
      <c r="L116" s="53">
        <v>7</v>
      </c>
      <c r="M116" s="54">
        <v>6</v>
      </c>
    </row>
    <row r="117" spans="1:13">
      <c r="A117" s="40" t="s">
        <v>120</v>
      </c>
      <c r="B117" s="21">
        <v>-46</v>
      </c>
      <c r="C117" s="22">
        <v>-28</v>
      </c>
      <c r="D117" s="22">
        <v>-18</v>
      </c>
      <c r="E117" s="21">
        <v>41</v>
      </c>
      <c r="F117" s="22">
        <v>28</v>
      </c>
      <c r="G117" s="23">
        <v>13</v>
      </c>
      <c r="H117" s="22">
        <v>9</v>
      </c>
      <c r="I117" s="22">
        <v>4</v>
      </c>
      <c r="J117" s="22">
        <v>5</v>
      </c>
      <c r="K117" s="21">
        <v>14</v>
      </c>
      <c r="L117" s="53">
        <v>4</v>
      </c>
      <c r="M117" s="54">
        <v>10</v>
      </c>
    </row>
    <row r="118" spans="1:13">
      <c r="A118" s="40" t="s">
        <v>121</v>
      </c>
      <c r="B118" s="21">
        <v>-30</v>
      </c>
      <c r="C118" s="22">
        <v>-21</v>
      </c>
      <c r="D118" s="22">
        <v>-9</v>
      </c>
      <c r="E118" s="21">
        <v>41</v>
      </c>
      <c r="F118" s="22">
        <v>25</v>
      </c>
      <c r="G118" s="23">
        <v>16</v>
      </c>
      <c r="H118" s="22">
        <v>16</v>
      </c>
      <c r="I118" s="22">
        <v>6</v>
      </c>
      <c r="J118" s="22">
        <v>10</v>
      </c>
      <c r="K118" s="21">
        <v>5</v>
      </c>
      <c r="L118" s="53">
        <v>2</v>
      </c>
      <c r="M118" s="54">
        <v>3</v>
      </c>
    </row>
    <row r="119" spans="1:13" ht="19.5" customHeight="1">
      <c r="A119" s="34" t="s">
        <v>122</v>
      </c>
      <c r="B119" s="17">
        <v>-166</v>
      </c>
      <c r="C119" s="18">
        <v>-81</v>
      </c>
      <c r="D119" s="18">
        <v>-85</v>
      </c>
      <c r="E119" s="17">
        <v>191</v>
      </c>
      <c r="F119" s="18">
        <v>83</v>
      </c>
      <c r="G119" s="19">
        <v>108</v>
      </c>
      <c r="H119" s="18">
        <v>58</v>
      </c>
      <c r="I119" s="18">
        <v>13</v>
      </c>
      <c r="J119" s="18">
        <v>45</v>
      </c>
      <c r="K119" s="17">
        <v>33</v>
      </c>
      <c r="L119" s="51">
        <v>11</v>
      </c>
      <c r="M119" s="52">
        <v>22</v>
      </c>
    </row>
    <row r="120" spans="1:13">
      <c r="A120" s="40" t="s">
        <v>123</v>
      </c>
      <c r="B120" s="21">
        <v>-28</v>
      </c>
      <c r="C120" s="22">
        <v>-13</v>
      </c>
      <c r="D120" s="22">
        <v>-15</v>
      </c>
      <c r="E120" s="21">
        <v>38</v>
      </c>
      <c r="F120" s="22">
        <v>15</v>
      </c>
      <c r="G120" s="23">
        <v>23</v>
      </c>
      <c r="H120" s="22">
        <v>16</v>
      </c>
      <c r="I120" s="22">
        <v>4</v>
      </c>
      <c r="J120" s="22">
        <v>12</v>
      </c>
      <c r="K120" s="21">
        <v>6</v>
      </c>
      <c r="L120" s="53">
        <v>2</v>
      </c>
      <c r="M120" s="54">
        <v>4</v>
      </c>
    </row>
    <row r="121" spans="1:13">
      <c r="A121" s="40" t="s">
        <v>124</v>
      </c>
      <c r="B121" s="21">
        <v>-50</v>
      </c>
      <c r="C121" s="22">
        <v>-22</v>
      </c>
      <c r="D121" s="22">
        <v>-28</v>
      </c>
      <c r="E121" s="21">
        <v>50</v>
      </c>
      <c r="F121" s="22">
        <v>22</v>
      </c>
      <c r="G121" s="23">
        <v>28</v>
      </c>
      <c r="H121" s="22">
        <v>15</v>
      </c>
      <c r="I121" s="22">
        <v>5</v>
      </c>
      <c r="J121" s="22">
        <v>10</v>
      </c>
      <c r="K121" s="21">
        <v>15</v>
      </c>
      <c r="L121" s="53">
        <v>5</v>
      </c>
      <c r="M121" s="54">
        <v>10</v>
      </c>
    </row>
    <row r="122" spans="1:13">
      <c r="A122" s="40" t="s">
        <v>125</v>
      </c>
      <c r="B122" s="21">
        <v>-25</v>
      </c>
      <c r="C122" s="22">
        <v>-13</v>
      </c>
      <c r="D122" s="22">
        <v>-12</v>
      </c>
      <c r="E122" s="21">
        <v>34</v>
      </c>
      <c r="F122" s="22">
        <v>14</v>
      </c>
      <c r="G122" s="23">
        <v>20</v>
      </c>
      <c r="H122" s="22">
        <v>11</v>
      </c>
      <c r="I122" s="22">
        <v>1</v>
      </c>
      <c r="J122" s="22">
        <v>10</v>
      </c>
      <c r="K122" s="21">
        <v>2</v>
      </c>
      <c r="L122" s="53">
        <v>0</v>
      </c>
      <c r="M122" s="54">
        <v>2</v>
      </c>
    </row>
    <row r="123" spans="1:13">
      <c r="A123" s="40" t="s">
        <v>126</v>
      </c>
      <c r="B123" s="21">
        <v>-37</v>
      </c>
      <c r="C123" s="22">
        <v>-16</v>
      </c>
      <c r="D123" s="22">
        <v>-21</v>
      </c>
      <c r="E123" s="21">
        <v>37</v>
      </c>
      <c r="F123" s="22">
        <v>13</v>
      </c>
      <c r="G123" s="23">
        <v>24</v>
      </c>
      <c r="H123" s="22">
        <v>7</v>
      </c>
      <c r="I123" s="22">
        <v>1</v>
      </c>
      <c r="J123" s="22">
        <v>6</v>
      </c>
      <c r="K123" s="21">
        <v>7</v>
      </c>
      <c r="L123" s="53">
        <v>4</v>
      </c>
      <c r="M123" s="54">
        <v>3</v>
      </c>
    </row>
    <row r="124" spans="1:13">
      <c r="A124" s="40" t="s">
        <v>127</v>
      </c>
      <c r="B124" s="21">
        <v>-26</v>
      </c>
      <c r="C124" s="22">
        <v>-17</v>
      </c>
      <c r="D124" s="22">
        <v>-9</v>
      </c>
      <c r="E124" s="21">
        <v>32</v>
      </c>
      <c r="F124" s="22">
        <v>19</v>
      </c>
      <c r="G124" s="23">
        <v>13</v>
      </c>
      <c r="H124" s="22">
        <v>9</v>
      </c>
      <c r="I124" s="22">
        <v>2</v>
      </c>
      <c r="J124" s="22">
        <v>7</v>
      </c>
      <c r="K124" s="21">
        <v>3</v>
      </c>
      <c r="L124" s="53">
        <v>0</v>
      </c>
      <c r="M124" s="54">
        <v>3</v>
      </c>
    </row>
    <row r="125" spans="1:13" ht="19.5" customHeight="1">
      <c r="A125" s="34" t="s">
        <v>128</v>
      </c>
      <c r="B125" s="17">
        <v>-144</v>
      </c>
      <c r="C125" s="18">
        <v>-56</v>
      </c>
      <c r="D125" s="18">
        <v>-88</v>
      </c>
      <c r="E125" s="17">
        <v>151</v>
      </c>
      <c r="F125" s="18">
        <v>56</v>
      </c>
      <c r="G125" s="19">
        <v>95</v>
      </c>
      <c r="H125" s="18">
        <v>27</v>
      </c>
      <c r="I125" s="18">
        <v>7</v>
      </c>
      <c r="J125" s="18">
        <v>20</v>
      </c>
      <c r="K125" s="17">
        <v>20</v>
      </c>
      <c r="L125" s="51">
        <v>7</v>
      </c>
      <c r="M125" s="52">
        <v>13</v>
      </c>
    </row>
    <row r="126" spans="1:13">
      <c r="A126" s="40" t="s">
        <v>129</v>
      </c>
      <c r="B126" s="21">
        <v>-33</v>
      </c>
      <c r="C126" s="22">
        <v>-9</v>
      </c>
      <c r="D126" s="22">
        <v>-24</v>
      </c>
      <c r="E126" s="21">
        <v>37</v>
      </c>
      <c r="F126" s="22">
        <v>8</v>
      </c>
      <c r="G126" s="23">
        <v>29</v>
      </c>
      <c r="H126" s="22">
        <v>7</v>
      </c>
      <c r="I126" s="22">
        <v>1</v>
      </c>
      <c r="J126" s="22">
        <v>6</v>
      </c>
      <c r="K126" s="21">
        <v>3</v>
      </c>
      <c r="L126" s="53">
        <v>2</v>
      </c>
      <c r="M126" s="54">
        <v>1</v>
      </c>
    </row>
    <row r="127" spans="1:13">
      <c r="A127" s="40" t="s">
        <v>130</v>
      </c>
      <c r="B127" s="21">
        <v>-34</v>
      </c>
      <c r="C127" s="22">
        <v>-13</v>
      </c>
      <c r="D127" s="22">
        <v>-21</v>
      </c>
      <c r="E127" s="21">
        <v>38</v>
      </c>
      <c r="F127" s="22">
        <v>15</v>
      </c>
      <c r="G127" s="23">
        <v>23</v>
      </c>
      <c r="H127" s="22">
        <v>9</v>
      </c>
      <c r="I127" s="22">
        <v>4</v>
      </c>
      <c r="J127" s="22">
        <v>5</v>
      </c>
      <c r="K127" s="21">
        <v>5</v>
      </c>
      <c r="L127" s="53">
        <v>2</v>
      </c>
      <c r="M127" s="54">
        <v>3</v>
      </c>
    </row>
    <row r="128" spans="1:13">
      <c r="A128" s="40" t="s">
        <v>131</v>
      </c>
      <c r="B128" s="21">
        <v>-35</v>
      </c>
      <c r="C128" s="22">
        <v>-19</v>
      </c>
      <c r="D128" s="22">
        <v>-16</v>
      </c>
      <c r="E128" s="21">
        <v>31</v>
      </c>
      <c r="F128" s="22">
        <v>17</v>
      </c>
      <c r="G128" s="23">
        <v>14</v>
      </c>
      <c r="H128" s="22">
        <v>4</v>
      </c>
      <c r="I128" s="22">
        <v>1</v>
      </c>
      <c r="J128" s="22">
        <v>3</v>
      </c>
      <c r="K128" s="21">
        <v>8</v>
      </c>
      <c r="L128" s="53">
        <v>3</v>
      </c>
      <c r="M128" s="54">
        <v>5</v>
      </c>
    </row>
    <row r="129" spans="1:13">
      <c r="A129" s="40" t="s">
        <v>132</v>
      </c>
      <c r="B129" s="21">
        <v>-20</v>
      </c>
      <c r="C129" s="22">
        <v>-6</v>
      </c>
      <c r="D129" s="22">
        <v>-14</v>
      </c>
      <c r="E129" s="21">
        <v>22</v>
      </c>
      <c r="F129" s="22">
        <v>7</v>
      </c>
      <c r="G129" s="23">
        <v>15</v>
      </c>
      <c r="H129" s="22">
        <v>4</v>
      </c>
      <c r="I129" s="22">
        <v>1</v>
      </c>
      <c r="J129" s="22">
        <v>3</v>
      </c>
      <c r="K129" s="21">
        <v>2</v>
      </c>
      <c r="L129" s="53">
        <v>0</v>
      </c>
      <c r="M129" s="54">
        <v>2</v>
      </c>
    </row>
    <row r="130" spans="1:13">
      <c r="A130" s="40" t="s">
        <v>133</v>
      </c>
      <c r="B130" s="21">
        <v>-22</v>
      </c>
      <c r="C130" s="22">
        <v>-9</v>
      </c>
      <c r="D130" s="22">
        <v>-13</v>
      </c>
      <c r="E130" s="21">
        <v>23</v>
      </c>
      <c r="F130" s="22">
        <v>9</v>
      </c>
      <c r="G130" s="23">
        <v>14</v>
      </c>
      <c r="H130" s="22">
        <v>3</v>
      </c>
      <c r="I130" s="22">
        <v>0</v>
      </c>
      <c r="J130" s="22">
        <v>3</v>
      </c>
      <c r="K130" s="21">
        <v>2</v>
      </c>
      <c r="L130" s="53">
        <v>0</v>
      </c>
      <c r="M130" s="54">
        <v>2</v>
      </c>
    </row>
    <row r="131" spans="1:13" ht="19.5" customHeight="1">
      <c r="A131" s="34" t="s">
        <v>134</v>
      </c>
      <c r="B131" s="17">
        <v>-65</v>
      </c>
      <c r="C131" s="18">
        <v>-21</v>
      </c>
      <c r="D131" s="18">
        <v>-44</v>
      </c>
      <c r="E131" s="17">
        <v>61</v>
      </c>
      <c r="F131" s="18">
        <v>20</v>
      </c>
      <c r="G131" s="19">
        <v>41</v>
      </c>
      <c r="H131" s="18">
        <v>8</v>
      </c>
      <c r="I131" s="18">
        <v>1</v>
      </c>
      <c r="J131" s="18">
        <v>7</v>
      </c>
      <c r="K131" s="17">
        <v>12</v>
      </c>
      <c r="L131" s="51">
        <v>2</v>
      </c>
      <c r="M131" s="52">
        <v>10</v>
      </c>
    </row>
    <row r="132" spans="1:13">
      <c r="A132" s="40" t="s">
        <v>135</v>
      </c>
      <c r="B132" s="21">
        <v>-25</v>
      </c>
      <c r="C132" s="22">
        <v>-5</v>
      </c>
      <c r="D132" s="22">
        <v>-20</v>
      </c>
      <c r="E132" s="21">
        <v>22</v>
      </c>
      <c r="F132" s="22">
        <v>5</v>
      </c>
      <c r="G132" s="23">
        <v>17</v>
      </c>
      <c r="H132" s="22">
        <v>1</v>
      </c>
      <c r="I132" s="22">
        <v>0</v>
      </c>
      <c r="J132" s="22">
        <v>1</v>
      </c>
      <c r="K132" s="21">
        <v>4</v>
      </c>
      <c r="L132" s="53">
        <v>0</v>
      </c>
      <c r="M132" s="54">
        <v>4</v>
      </c>
    </row>
    <row r="133" spans="1:13">
      <c r="A133" s="40" t="s">
        <v>136</v>
      </c>
      <c r="B133" s="21">
        <v>-9</v>
      </c>
      <c r="C133" s="22">
        <v>-3</v>
      </c>
      <c r="D133" s="22">
        <v>-6</v>
      </c>
      <c r="E133" s="21">
        <v>10</v>
      </c>
      <c r="F133" s="22">
        <v>3</v>
      </c>
      <c r="G133" s="23">
        <v>7</v>
      </c>
      <c r="H133" s="22">
        <v>2</v>
      </c>
      <c r="I133" s="22">
        <v>0</v>
      </c>
      <c r="J133" s="22">
        <v>2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16</v>
      </c>
      <c r="C134" s="22">
        <v>-9</v>
      </c>
      <c r="D134" s="22">
        <v>-7</v>
      </c>
      <c r="E134" s="21">
        <v>13</v>
      </c>
      <c r="F134" s="22">
        <v>8</v>
      </c>
      <c r="G134" s="23">
        <v>5</v>
      </c>
      <c r="H134" s="22">
        <v>1</v>
      </c>
      <c r="I134" s="22">
        <v>0</v>
      </c>
      <c r="J134" s="22">
        <v>1</v>
      </c>
      <c r="K134" s="21">
        <v>4</v>
      </c>
      <c r="L134" s="53">
        <v>1</v>
      </c>
      <c r="M134" s="54">
        <v>3</v>
      </c>
    </row>
    <row r="135" spans="1:13">
      <c r="A135" s="40" t="s">
        <v>138</v>
      </c>
      <c r="B135" s="21">
        <v>-13</v>
      </c>
      <c r="C135" s="22">
        <v>-2</v>
      </c>
      <c r="D135" s="22">
        <v>-11</v>
      </c>
      <c r="E135" s="21">
        <v>10</v>
      </c>
      <c r="F135" s="22">
        <v>1</v>
      </c>
      <c r="G135" s="23">
        <v>9</v>
      </c>
      <c r="H135" s="22">
        <v>0</v>
      </c>
      <c r="I135" s="22">
        <v>0</v>
      </c>
      <c r="J135" s="22">
        <v>0</v>
      </c>
      <c r="K135" s="21">
        <v>3</v>
      </c>
      <c r="L135" s="53">
        <v>1</v>
      </c>
      <c r="M135" s="54">
        <v>2</v>
      </c>
    </row>
    <row r="136" spans="1:13">
      <c r="A136" s="40" t="s">
        <v>139</v>
      </c>
      <c r="B136" s="21">
        <v>-2</v>
      </c>
      <c r="C136" s="22">
        <v>-2</v>
      </c>
      <c r="D136" s="22">
        <v>0</v>
      </c>
      <c r="E136" s="21">
        <v>6</v>
      </c>
      <c r="F136" s="22">
        <v>3</v>
      </c>
      <c r="G136" s="23">
        <v>3</v>
      </c>
      <c r="H136" s="22">
        <v>4</v>
      </c>
      <c r="I136" s="22">
        <v>1</v>
      </c>
      <c r="J136" s="22">
        <v>3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6</v>
      </c>
      <c r="C137" s="43">
        <v>-4</v>
      </c>
      <c r="D137" s="43">
        <v>-12</v>
      </c>
      <c r="E137" s="42">
        <v>18</v>
      </c>
      <c r="F137" s="43">
        <v>4</v>
      </c>
      <c r="G137" s="44">
        <v>14</v>
      </c>
      <c r="H137" s="43">
        <v>2</v>
      </c>
      <c r="I137" s="43">
        <v>0</v>
      </c>
      <c r="J137" s="43">
        <v>2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1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743</v>
      </c>
      <c r="C5" s="14">
        <v>270</v>
      </c>
      <c r="D5" s="14">
        <v>473</v>
      </c>
      <c r="E5" s="13">
        <v>1148</v>
      </c>
      <c r="F5" s="14">
        <v>651</v>
      </c>
      <c r="G5" s="15">
        <v>497</v>
      </c>
      <c r="H5" s="14">
        <v>7483</v>
      </c>
      <c r="I5" s="14">
        <v>3949</v>
      </c>
      <c r="J5" s="14">
        <v>3534</v>
      </c>
      <c r="K5" s="13">
        <v>6418</v>
      </c>
      <c r="L5" s="49">
        <v>3455</v>
      </c>
      <c r="M5" s="50">
        <v>2963</v>
      </c>
    </row>
    <row r="6" spans="1:13" ht="19.5" customHeight="1">
      <c r="A6" s="16" t="s">
        <v>13</v>
      </c>
      <c r="B6" s="17">
        <v>900</v>
      </c>
      <c r="C6" s="18">
        <v>458</v>
      </c>
      <c r="D6" s="18">
        <v>442</v>
      </c>
      <c r="E6" s="17">
        <v>2</v>
      </c>
      <c r="F6" s="18">
        <v>2</v>
      </c>
      <c r="G6" s="19">
        <v>0</v>
      </c>
      <c r="H6" s="18">
        <v>462</v>
      </c>
      <c r="I6" s="18">
        <v>233</v>
      </c>
      <c r="J6" s="18">
        <v>229</v>
      </c>
      <c r="K6" s="17">
        <v>386</v>
      </c>
      <c r="L6" s="51">
        <v>200</v>
      </c>
      <c r="M6" s="52">
        <v>186</v>
      </c>
    </row>
    <row r="7" spans="1:13">
      <c r="A7" s="20" t="s">
        <v>14</v>
      </c>
      <c r="B7" s="21">
        <v>838</v>
      </c>
      <c r="C7" s="22">
        <v>434</v>
      </c>
      <c r="D7" s="22">
        <v>404</v>
      </c>
      <c r="E7" s="21">
        <v>2</v>
      </c>
      <c r="F7" s="22">
        <v>2</v>
      </c>
      <c r="G7" s="23">
        <v>0</v>
      </c>
      <c r="H7" s="22">
        <v>119</v>
      </c>
      <c r="I7" s="22">
        <v>65</v>
      </c>
      <c r="J7" s="22">
        <v>54</v>
      </c>
      <c r="K7" s="21">
        <v>105</v>
      </c>
      <c r="L7" s="53">
        <v>56</v>
      </c>
      <c r="M7" s="54">
        <v>49</v>
      </c>
    </row>
    <row r="8" spans="1:13">
      <c r="A8" s="20" t="s">
        <v>15</v>
      </c>
      <c r="B8" s="21">
        <v>38</v>
      </c>
      <c r="C8" s="22">
        <v>16</v>
      </c>
      <c r="D8" s="22">
        <v>22</v>
      </c>
      <c r="E8" s="21">
        <v>0</v>
      </c>
      <c r="F8" s="22">
        <v>0</v>
      </c>
      <c r="G8" s="23">
        <v>0</v>
      </c>
      <c r="H8" s="22">
        <v>125</v>
      </c>
      <c r="I8" s="22">
        <v>61</v>
      </c>
      <c r="J8" s="22">
        <v>64</v>
      </c>
      <c r="K8" s="21">
        <v>87</v>
      </c>
      <c r="L8" s="53">
        <v>45</v>
      </c>
      <c r="M8" s="54">
        <v>42</v>
      </c>
    </row>
    <row r="9" spans="1:13">
      <c r="A9" s="20" t="s">
        <v>16</v>
      </c>
      <c r="B9" s="21">
        <v>9</v>
      </c>
      <c r="C9" s="22">
        <v>1</v>
      </c>
      <c r="D9" s="22">
        <v>8</v>
      </c>
      <c r="E9" s="21">
        <v>0</v>
      </c>
      <c r="F9" s="22">
        <v>0</v>
      </c>
      <c r="G9" s="23">
        <v>0</v>
      </c>
      <c r="H9" s="22">
        <v>89</v>
      </c>
      <c r="I9" s="22">
        <v>47</v>
      </c>
      <c r="J9" s="22">
        <v>42</v>
      </c>
      <c r="K9" s="21">
        <v>80</v>
      </c>
      <c r="L9" s="53">
        <v>46</v>
      </c>
      <c r="M9" s="54">
        <v>34</v>
      </c>
    </row>
    <row r="10" spans="1:13">
      <c r="A10" s="20" t="s">
        <v>17</v>
      </c>
      <c r="B10" s="21">
        <v>15</v>
      </c>
      <c r="C10" s="22">
        <v>0</v>
      </c>
      <c r="D10" s="22">
        <v>15</v>
      </c>
      <c r="E10" s="21">
        <v>0</v>
      </c>
      <c r="F10" s="22">
        <v>0</v>
      </c>
      <c r="G10" s="23">
        <v>0</v>
      </c>
      <c r="H10" s="22">
        <v>77</v>
      </c>
      <c r="I10" s="22">
        <v>33</v>
      </c>
      <c r="J10" s="22">
        <v>44</v>
      </c>
      <c r="K10" s="21">
        <v>62</v>
      </c>
      <c r="L10" s="53">
        <v>33</v>
      </c>
      <c r="M10" s="54">
        <v>29</v>
      </c>
    </row>
    <row r="11" spans="1:13">
      <c r="A11" s="20" t="s">
        <v>18</v>
      </c>
      <c r="B11" s="21">
        <v>0</v>
      </c>
      <c r="C11" s="22">
        <v>7</v>
      </c>
      <c r="D11" s="22">
        <v>-7</v>
      </c>
      <c r="E11" s="21">
        <v>0</v>
      </c>
      <c r="F11" s="22">
        <v>0</v>
      </c>
      <c r="G11" s="23">
        <v>0</v>
      </c>
      <c r="H11" s="22">
        <v>52</v>
      </c>
      <c r="I11" s="22">
        <v>27</v>
      </c>
      <c r="J11" s="22">
        <v>25</v>
      </c>
      <c r="K11" s="21">
        <v>52</v>
      </c>
      <c r="L11" s="53">
        <v>20</v>
      </c>
      <c r="M11" s="54">
        <v>32</v>
      </c>
    </row>
    <row r="12" spans="1:13" ht="20.100000000000001" customHeight="1">
      <c r="A12" s="16" t="s">
        <v>19</v>
      </c>
      <c r="B12" s="17">
        <v>22</v>
      </c>
      <c r="C12" s="18">
        <v>-6</v>
      </c>
      <c r="D12" s="18">
        <v>28</v>
      </c>
      <c r="E12" s="17">
        <v>1</v>
      </c>
      <c r="F12" s="18">
        <v>1</v>
      </c>
      <c r="G12" s="19">
        <v>0</v>
      </c>
      <c r="H12" s="18">
        <v>209</v>
      </c>
      <c r="I12" s="18">
        <v>93</v>
      </c>
      <c r="J12" s="18">
        <v>116</v>
      </c>
      <c r="K12" s="17">
        <v>186</v>
      </c>
      <c r="L12" s="51">
        <v>98</v>
      </c>
      <c r="M12" s="52">
        <v>88</v>
      </c>
    </row>
    <row r="13" spans="1:13">
      <c r="A13" s="20" t="s">
        <v>20</v>
      </c>
      <c r="B13" s="21">
        <v>1</v>
      </c>
      <c r="C13" s="22">
        <v>-1</v>
      </c>
      <c r="D13" s="22">
        <v>2</v>
      </c>
      <c r="E13" s="21">
        <v>1</v>
      </c>
      <c r="F13" s="22">
        <v>1</v>
      </c>
      <c r="G13" s="23">
        <v>0</v>
      </c>
      <c r="H13" s="22">
        <v>54</v>
      </c>
      <c r="I13" s="22">
        <v>25</v>
      </c>
      <c r="J13" s="22">
        <v>29</v>
      </c>
      <c r="K13" s="21">
        <v>52</v>
      </c>
      <c r="L13" s="53">
        <v>25</v>
      </c>
      <c r="M13" s="54">
        <v>27</v>
      </c>
    </row>
    <row r="14" spans="1:13">
      <c r="A14" s="20" t="s">
        <v>21</v>
      </c>
      <c r="B14" s="21">
        <v>7</v>
      </c>
      <c r="C14" s="22">
        <v>6</v>
      </c>
      <c r="D14" s="22">
        <v>1</v>
      </c>
      <c r="E14" s="21">
        <v>0</v>
      </c>
      <c r="F14" s="22">
        <v>0</v>
      </c>
      <c r="G14" s="23">
        <v>0</v>
      </c>
      <c r="H14" s="22">
        <v>57</v>
      </c>
      <c r="I14" s="22">
        <v>27</v>
      </c>
      <c r="J14" s="22">
        <v>30</v>
      </c>
      <c r="K14" s="21">
        <v>50</v>
      </c>
      <c r="L14" s="53">
        <v>21</v>
      </c>
      <c r="M14" s="54">
        <v>29</v>
      </c>
    </row>
    <row r="15" spans="1:13">
      <c r="A15" s="20" t="s">
        <v>22</v>
      </c>
      <c r="B15" s="21">
        <v>2</v>
      </c>
      <c r="C15" s="22">
        <v>-3</v>
      </c>
      <c r="D15" s="22">
        <v>5</v>
      </c>
      <c r="E15" s="21">
        <v>0</v>
      </c>
      <c r="F15" s="22">
        <v>0</v>
      </c>
      <c r="G15" s="23">
        <v>0</v>
      </c>
      <c r="H15" s="22">
        <v>35</v>
      </c>
      <c r="I15" s="22">
        <v>16</v>
      </c>
      <c r="J15" s="22">
        <v>19</v>
      </c>
      <c r="K15" s="21">
        <v>33</v>
      </c>
      <c r="L15" s="53">
        <v>19</v>
      </c>
      <c r="M15" s="54">
        <v>14</v>
      </c>
    </row>
    <row r="16" spans="1:13">
      <c r="A16" s="20" t="s">
        <v>23</v>
      </c>
      <c r="B16" s="21">
        <v>7</v>
      </c>
      <c r="C16" s="22">
        <v>-5</v>
      </c>
      <c r="D16" s="22">
        <v>12</v>
      </c>
      <c r="E16" s="21">
        <v>0</v>
      </c>
      <c r="F16" s="22">
        <v>0</v>
      </c>
      <c r="G16" s="23">
        <v>0</v>
      </c>
      <c r="H16" s="22">
        <v>26</v>
      </c>
      <c r="I16" s="22">
        <v>9</v>
      </c>
      <c r="J16" s="22">
        <v>17</v>
      </c>
      <c r="K16" s="21">
        <v>19</v>
      </c>
      <c r="L16" s="53">
        <v>14</v>
      </c>
      <c r="M16" s="54">
        <v>5</v>
      </c>
    </row>
    <row r="17" spans="1:13">
      <c r="A17" s="20" t="s">
        <v>24</v>
      </c>
      <c r="B17" s="21">
        <v>5</v>
      </c>
      <c r="C17" s="22">
        <v>-3</v>
      </c>
      <c r="D17" s="22">
        <v>8</v>
      </c>
      <c r="E17" s="21">
        <v>0</v>
      </c>
      <c r="F17" s="22">
        <v>0</v>
      </c>
      <c r="G17" s="23">
        <v>0</v>
      </c>
      <c r="H17" s="22">
        <v>37</v>
      </c>
      <c r="I17" s="22">
        <v>16</v>
      </c>
      <c r="J17" s="22">
        <v>21</v>
      </c>
      <c r="K17" s="21">
        <v>32</v>
      </c>
      <c r="L17" s="53">
        <v>19</v>
      </c>
      <c r="M17" s="54">
        <v>13</v>
      </c>
    </row>
    <row r="18" spans="1:13" ht="20.100000000000001" customHeight="1">
      <c r="A18" s="16" t="s">
        <v>25</v>
      </c>
      <c r="B18" s="17">
        <v>11</v>
      </c>
      <c r="C18" s="18">
        <v>6</v>
      </c>
      <c r="D18" s="18">
        <v>5</v>
      </c>
      <c r="E18" s="17">
        <v>0</v>
      </c>
      <c r="F18" s="18">
        <v>0</v>
      </c>
      <c r="G18" s="19">
        <v>0</v>
      </c>
      <c r="H18" s="18">
        <v>116</v>
      </c>
      <c r="I18" s="18">
        <v>58</v>
      </c>
      <c r="J18" s="18">
        <v>58</v>
      </c>
      <c r="K18" s="17">
        <v>105</v>
      </c>
      <c r="L18" s="51">
        <v>52</v>
      </c>
      <c r="M18" s="52">
        <v>53</v>
      </c>
    </row>
    <row r="19" spans="1:13">
      <c r="A19" s="20" t="s">
        <v>26</v>
      </c>
      <c r="B19" s="21">
        <v>-1</v>
      </c>
      <c r="C19" s="22">
        <v>2</v>
      </c>
      <c r="D19" s="22">
        <v>-3</v>
      </c>
      <c r="E19" s="21">
        <v>0</v>
      </c>
      <c r="F19" s="22">
        <v>0</v>
      </c>
      <c r="G19" s="23">
        <v>0</v>
      </c>
      <c r="H19" s="22">
        <v>23</v>
      </c>
      <c r="I19" s="22">
        <v>11</v>
      </c>
      <c r="J19" s="22">
        <v>12</v>
      </c>
      <c r="K19" s="21">
        <v>24</v>
      </c>
      <c r="L19" s="53">
        <v>9</v>
      </c>
      <c r="M19" s="54">
        <v>15</v>
      </c>
    </row>
    <row r="20" spans="1:13">
      <c r="A20" s="20" t="s">
        <v>27</v>
      </c>
      <c r="B20" s="21">
        <v>7</v>
      </c>
      <c r="C20" s="22">
        <v>1</v>
      </c>
      <c r="D20" s="22">
        <v>6</v>
      </c>
      <c r="E20" s="21">
        <v>0</v>
      </c>
      <c r="F20" s="22">
        <v>0</v>
      </c>
      <c r="G20" s="23">
        <v>0</v>
      </c>
      <c r="H20" s="22">
        <v>28</v>
      </c>
      <c r="I20" s="22">
        <v>13</v>
      </c>
      <c r="J20" s="22">
        <v>15</v>
      </c>
      <c r="K20" s="21">
        <v>21</v>
      </c>
      <c r="L20" s="53">
        <v>12</v>
      </c>
      <c r="M20" s="54">
        <v>9</v>
      </c>
    </row>
    <row r="21" spans="1:13">
      <c r="A21" s="20" t="s">
        <v>28</v>
      </c>
      <c r="B21" s="21">
        <v>4</v>
      </c>
      <c r="C21" s="22">
        <v>0</v>
      </c>
      <c r="D21" s="22">
        <v>4</v>
      </c>
      <c r="E21" s="21">
        <v>0</v>
      </c>
      <c r="F21" s="22">
        <v>0</v>
      </c>
      <c r="G21" s="23">
        <v>0</v>
      </c>
      <c r="H21" s="22">
        <v>28</v>
      </c>
      <c r="I21" s="22">
        <v>16</v>
      </c>
      <c r="J21" s="22">
        <v>12</v>
      </c>
      <c r="K21" s="21">
        <v>24</v>
      </c>
      <c r="L21" s="53">
        <v>16</v>
      </c>
      <c r="M21" s="54">
        <v>8</v>
      </c>
    </row>
    <row r="22" spans="1:13">
      <c r="A22" s="20" t="s">
        <v>29</v>
      </c>
      <c r="B22" s="21">
        <v>-5</v>
      </c>
      <c r="C22" s="22">
        <v>-2</v>
      </c>
      <c r="D22" s="22">
        <v>-3</v>
      </c>
      <c r="E22" s="21">
        <v>0</v>
      </c>
      <c r="F22" s="22">
        <v>0</v>
      </c>
      <c r="G22" s="23">
        <v>0</v>
      </c>
      <c r="H22" s="22">
        <v>17</v>
      </c>
      <c r="I22" s="22">
        <v>7</v>
      </c>
      <c r="J22" s="22">
        <v>10</v>
      </c>
      <c r="K22" s="21">
        <v>22</v>
      </c>
      <c r="L22" s="53">
        <v>9</v>
      </c>
      <c r="M22" s="54">
        <v>13</v>
      </c>
    </row>
    <row r="23" spans="1:13">
      <c r="A23" s="20" t="s">
        <v>30</v>
      </c>
      <c r="B23" s="21">
        <v>6</v>
      </c>
      <c r="C23" s="22">
        <v>5</v>
      </c>
      <c r="D23" s="22">
        <v>1</v>
      </c>
      <c r="E23" s="21">
        <v>0</v>
      </c>
      <c r="F23" s="22">
        <v>0</v>
      </c>
      <c r="G23" s="23">
        <v>0</v>
      </c>
      <c r="H23" s="22">
        <v>20</v>
      </c>
      <c r="I23" s="22">
        <v>11</v>
      </c>
      <c r="J23" s="22">
        <v>9</v>
      </c>
      <c r="K23" s="21">
        <v>14</v>
      </c>
      <c r="L23" s="53">
        <v>6</v>
      </c>
      <c r="M23" s="54">
        <v>8</v>
      </c>
    </row>
    <row r="24" spans="1:13" ht="20.100000000000001" customHeight="1">
      <c r="A24" s="16" t="s">
        <v>31</v>
      </c>
      <c r="B24" s="17">
        <v>115</v>
      </c>
      <c r="C24" s="18">
        <v>44</v>
      </c>
      <c r="D24" s="18">
        <v>71</v>
      </c>
      <c r="E24" s="17">
        <v>1</v>
      </c>
      <c r="F24" s="18">
        <v>1</v>
      </c>
      <c r="G24" s="19">
        <v>0</v>
      </c>
      <c r="H24" s="18">
        <v>319</v>
      </c>
      <c r="I24" s="18">
        <v>159</v>
      </c>
      <c r="J24" s="18">
        <v>160</v>
      </c>
      <c r="K24" s="17">
        <v>203</v>
      </c>
      <c r="L24" s="51">
        <v>114</v>
      </c>
      <c r="M24" s="52">
        <v>89</v>
      </c>
    </row>
    <row r="25" spans="1:13">
      <c r="A25" s="20" t="s">
        <v>32</v>
      </c>
      <c r="B25" s="21">
        <v>-9</v>
      </c>
      <c r="C25" s="22">
        <v>-9</v>
      </c>
      <c r="D25" s="22">
        <v>0</v>
      </c>
      <c r="E25" s="21">
        <v>0</v>
      </c>
      <c r="F25" s="22">
        <v>0</v>
      </c>
      <c r="G25" s="23">
        <v>0</v>
      </c>
      <c r="H25" s="22">
        <v>24</v>
      </c>
      <c r="I25" s="22">
        <v>14</v>
      </c>
      <c r="J25" s="22">
        <v>10</v>
      </c>
      <c r="K25" s="21">
        <v>33</v>
      </c>
      <c r="L25" s="53">
        <v>23</v>
      </c>
      <c r="M25" s="54">
        <v>10</v>
      </c>
    </row>
    <row r="26" spans="1:13">
      <c r="A26" s="20" t="s">
        <v>33</v>
      </c>
      <c r="B26" s="21">
        <v>12</v>
      </c>
      <c r="C26" s="22">
        <v>5</v>
      </c>
      <c r="D26" s="22">
        <v>7</v>
      </c>
      <c r="E26" s="21">
        <v>0</v>
      </c>
      <c r="F26" s="22">
        <v>0</v>
      </c>
      <c r="G26" s="23">
        <v>0</v>
      </c>
      <c r="H26" s="22">
        <v>25</v>
      </c>
      <c r="I26" s="22">
        <v>12</v>
      </c>
      <c r="J26" s="22">
        <v>13</v>
      </c>
      <c r="K26" s="21">
        <v>13</v>
      </c>
      <c r="L26" s="53">
        <v>7</v>
      </c>
      <c r="M26" s="54">
        <v>6</v>
      </c>
    </row>
    <row r="27" spans="1:13">
      <c r="A27" s="20" t="s">
        <v>34</v>
      </c>
      <c r="B27" s="21">
        <v>12</v>
      </c>
      <c r="C27" s="22">
        <v>1</v>
      </c>
      <c r="D27" s="22">
        <v>11</v>
      </c>
      <c r="E27" s="21">
        <v>0</v>
      </c>
      <c r="F27" s="22">
        <v>0</v>
      </c>
      <c r="G27" s="23">
        <v>0</v>
      </c>
      <c r="H27" s="22">
        <v>34</v>
      </c>
      <c r="I27" s="22">
        <v>10</v>
      </c>
      <c r="J27" s="22">
        <v>24</v>
      </c>
      <c r="K27" s="21">
        <v>22</v>
      </c>
      <c r="L27" s="53">
        <v>9</v>
      </c>
      <c r="M27" s="54">
        <v>13</v>
      </c>
    </row>
    <row r="28" spans="1:13">
      <c r="A28" s="20" t="s">
        <v>35</v>
      </c>
      <c r="B28" s="21">
        <v>46</v>
      </c>
      <c r="C28" s="22">
        <v>21</v>
      </c>
      <c r="D28" s="22">
        <v>25</v>
      </c>
      <c r="E28" s="21">
        <v>0</v>
      </c>
      <c r="F28" s="22">
        <v>0</v>
      </c>
      <c r="G28" s="23">
        <v>0</v>
      </c>
      <c r="H28" s="22">
        <v>125</v>
      </c>
      <c r="I28" s="22">
        <v>63</v>
      </c>
      <c r="J28" s="22">
        <v>62</v>
      </c>
      <c r="K28" s="21">
        <v>79</v>
      </c>
      <c r="L28" s="53">
        <v>42</v>
      </c>
      <c r="M28" s="54">
        <v>37</v>
      </c>
    </row>
    <row r="29" spans="1:13">
      <c r="A29" s="20" t="s">
        <v>36</v>
      </c>
      <c r="B29" s="21">
        <v>54</v>
      </c>
      <c r="C29" s="22">
        <v>26</v>
      </c>
      <c r="D29" s="22">
        <v>28</v>
      </c>
      <c r="E29" s="21">
        <v>1</v>
      </c>
      <c r="F29" s="22">
        <v>1</v>
      </c>
      <c r="G29" s="23">
        <v>0</v>
      </c>
      <c r="H29" s="22">
        <v>111</v>
      </c>
      <c r="I29" s="22">
        <v>60</v>
      </c>
      <c r="J29" s="22">
        <v>51</v>
      </c>
      <c r="K29" s="21">
        <v>56</v>
      </c>
      <c r="L29" s="53">
        <v>33</v>
      </c>
      <c r="M29" s="54">
        <v>23</v>
      </c>
    </row>
    <row r="30" spans="1:13" ht="20.100000000000001" customHeight="1">
      <c r="A30" s="16" t="s">
        <v>37</v>
      </c>
      <c r="B30" s="17">
        <v>102</v>
      </c>
      <c r="C30" s="18">
        <v>29</v>
      </c>
      <c r="D30" s="18">
        <v>73</v>
      </c>
      <c r="E30" s="17">
        <v>1</v>
      </c>
      <c r="F30" s="18">
        <v>1</v>
      </c>
      <c r="G30" s="19">
        <v>0</v>
      </c>
      <c r="H30" s="18">
        <v>1173</v>
      </c>
      <c r="I30" s="18">
        <v>604</v>
      </c>
      <c r="J30" s="18">
        <v>569</v>
      </c>
      <c r="K30" s="17">
        <v>1070</v>
      </c>
      <c r="L30" s="51">
        <v>574</v>
      </c>
      <c r="M30" s="52">
        <v>496</v>
      </c>
    </row>
    <row r="31" spans="1:13">
      <c r="A31" s="20" t="s">
        <v>38</v>
      </c>
      <c r="B31" s="21">
        <v>58</v>
      </c>
      <c r="C31" s="22">
        <v>30</v>
      </c>
      <c r="D31" s="22">
        <v>28</v>
      </c>
      <c r="E31" s="21">
        <v>0</v>
      </c>
      <c r="F31" s="22">
        <v>0</v>
      </c>
      <c r="G31" s="23">
        <v>0</v>
      </c>
      <c r="H31" s="22">
        <v>177</v>
      </c>
      <c r="I31" s="22">
        <v>92</v>
      </c>
      <c r="J31" s="22">
        <v>85</v>
      </c>
      <c r="K31" s="21">
        <v>119</v>
      </c>
      <c r="L31" s="53">
        <v>62</v>
      </c>
      <c r="M31" s="54">
        <v>57</v>
      </c>
    </row>
    <row r="32" spans="1:13">
      <c r="A32" s="20" t="s">
        <v>39</v>
      </c>
      <c r="B32" s="21">
        <v>30</v>
      </c>
      <c r="C32" s="22">
        <v>19</v>
      </c>
      <c r="D32" s="22">
        <v>11</v>
      </c>
      <c r="E32" s="21">
        <v>1</v>
      </c>
      <c r="F32" s="22">
        <v>1</v>
      </c>
      <c r="G32" s="23">
        <v>0</v>
      </c>
      <c r="H32" s="22">
        <v>157</v>
      </c>
      <c r="I32" s="22">
        <v>81</v>
      </c>
      <c r="J32" s="22">
        <v>76</v>
      </c>
      <c r="K32" s="21">
        <v>126</v>
      </c>
      <c r="L32" s="53">
        <v>61</v>
      </c>
      <c r="M32" s="54">
        <v>65</v>
      </c>
    </row>
    <row r="33" spans="1:13">
      <c r="A33" s="20" t="s">
        <v>40</v>
      </c>
      <c r="B33" s="21">
        <v>-15</v>
      </c>
      <c r="C33" s="22">
        <v>-15</v>
      </c>
      <c r="D33" s="22">
        <v>0</v>
      </c>
      <c r="E33" s="21">
        <v>0</v>
      </c>
      <c r="F33" s="22">
        <v>0</v>
      </c>
      <c r="G33" s="23">
        <v>0</v>
      </c>
      <c r="H33" s="22">
        <v>285</v>
      </c>
      <c r="I33" s="22">
        <v>152</v>
      </c>
      <c r="J33" s="22">
        <v>133</v>
      </c>
      <c r="K33" s="21">
        <v>300</v>
      </c>
      <c r="L33" s="53">
        <v>167</v>
      </c>
      <c r="M33" s="54">
        <v>133</v>
      </c>
    </row>
    <row r="34" spans="1:13">
      <c r="A34" s="20" t="s">
        <v>41</v>
      </c>
      <c r="B34" s="21">
        <v>30</v>
      </c>
      <c r="C34" s="22">
        <v>-6</v>
      </c>
      <c r="D34" s="22">
        <v>36</v>
      </c>
      <c r="E34" s="21">
        <v>0</v>
      </c>
      <c r="F34" s="22">
        <v>0</v>
      </c>
      <c r="G34" s="23">
        <v>0</v>
      </c>
      <c r="H34" s="22">
        <v>286</v>
      </c>
      <c r="I34" s="22">
        <v>141</v>
      </c>
      <c r="J34" s="22">
        <v>145</v>
      </c>
      <c r="K34" s="21">
        <v>256</v>
      </c>
      <c r="L34" s="53">
        <v>147</v>
      </c>
      <c r="M34" s="54">
        <v>109</v>
      </c>
    </row>
    <row r="35" spans="1:13">
      <c r="A35" s="20" t="s">
        <v>42</v>
      </c>
      <c r="B35" s="21">
        <v>-1</v>
      </c>
      <c r="C35" s="22">
        <v>1</v>
      </c>
      <c r="D35" s="22">
        <v>-2</v>
      </c>
      <c r="E35" s="21">
        <v>0</v>
      </c>
      <c r="F35" s="22">
        <v>0</v>
      </c>
      <c r="G35" s="23">
        <v>0</v>
      </c>
      <c r="H35" s="22">
        <v>268</v>
      </c>
      <c r="I35" s="22">
        <v>138</v>
      </c>
      <c r="J35" s="22">
        <v>130</v>
      </c>
      <c r="K35" s="21">
        <v>269</v>
      </c>
      <c r="L35" s="53">
        <v>137</v>
      </c>
      <c r="M35" s="54">
        <v>132</v>
      </c>
    </row>
    <row r="36" spans="1:13" ht="20.100000000000001" customHeight="1">
      <c r="A36" s="16" t="s">
        <v>43</v>
      </c>
      <c r="B36" s="17">
        <v>132</v>
      </c>
      <c r="C36" s="18">
        <v>91</v>
      </c>
      <c r="D36" s="18">
        <v>41</v>
      </c>
      <c r="E36" s="17">
        <v>3</v>
      </c>
      <c r="F36" s="18">
        <v>3</v>
      </c>
      <c r="G36" s="19">
        <v>0</v>
      </c>
      <c r="H36" s="18">
        <v>1377</v>
      </c>
      <c r="I36" s="18">
        <v>726</v>
      </c>
      <c r="J36" s="18">
        <v>651</v>
      </c>
      <c r="K36" s="17">
        <v>1242</v>
      </c>
      <c r="L36" s="51">
        <v>632</v>
      </c>
      <c r="M36" s="52">
        <v>610</v>
      </c>
    </row>
    <row r="37" spans="1:13">
      <c r="A37" s="20" t="s">
        <v>44</v>
      </c>
      <c r="B37" s="21">
        <v>-38</v>
      </c>
      <c r="C37" s="22">
        <v>-1</v>
      </c>
      <c r="D37" s="22">
        <v>-37</v>
      </c>
      <c r="E37" s="21">
        <v>0</v>
      </c>
      <c r="F37" s="22">
        <v>0</v>
      </c>
      <c r="G37" s="23">
        <v>0</v>
      </c>
      <c r="H37" s="22">
        <v>295</v>
      </c>
      <c r="I37" s="22">
        <v>172</v>
      </c>
      <c r="J37" s="22">
        <v>123</v>
      </c>
      <c r="K37" s="21">
        <v>333</v>
      </c>
      <c r="L37" s="53">
        <v>173</v>
      </c>
      <c r="M37" s="54">
        <v>160</v>
      </c>
    </row>
    <row r="38" spans="1:13">
      <c r="A38" s="20" t="s">
        <v>45</v>
      </c>
      <c r="B38" s="21">
        <v>33</v>
      </c>
      <c r="C38" s="22">
        <v>16</v>
      </c>
      <c r="D38" s="22">
        <v>17</v>
      </c>
      <c r="E38" s="21">
        <v>2</v>
      </c>
      <c r="F38" s="22">
        <v>2</v>
      </c>
      <c r="G38" s="23">
        <v>0</v>
      </c>
      <c r="H38" s="22">
        <v>281</v>
      </c>
      <c r="I38" s="22">
        <v>136</v>
      </c>
      <c r="J38" s="22">
        <v>145</v>
      </c>
      <c r="K38" s="21">
        <v>246</v>
      </c>
      <c r="L38" s="53">
        <v>118</v>
      </c>
      <c r="M38" s="54">
        <v>128</v>
      </c>
    </row>
    <row r="39" spans="1:13">
      <c r="A39" s="20" t="s">
        <v>46</v>
      </c>
      <c r="B39" s="21">
        <v>37</v>
      </c>
      <c r="C39" s="22">
        <v>19</v>
      </c>
      <c r="D39" s="22">
        <v>18</v>
      </c>
      <c r="E39" s="21">
        <v>1</v>
      </c>
      <c r="F39" s="22">
        <v>1</v>
      </c>
      <c r="G39" s="23">
        <v>0</v>
      </c>
      <c r="H39" s="22">
        <v>280</v>
      </c>
      <c r="I39" s="22">
        <v>142</v>
      </c>
      <c r="J39" s="22">
        <v>138</v>
      </c>
      <c r="K39" s="21">
        <v>242</v>
      </c>
      <c r="L39" s="53">
        <v>122</v>
      </c>
      <c r="M39" s="54">
        <v>120</v>
      </c>
    </row>
    <row r="40" spans="1:13">
      <c r="A40" s="20" t="s">
        <v>47</v>
      </c>
      <c r="B40" s="21">
        <v>45</v>
      </c>
      <c r="C40" s="22">
        <v>25</v>
      </c>
      <c r="D40" s="22">
        <v>20</v>
      </c>
      <c r="E40" s="21">
        <v>0</v>
      </c>
      <c r="F40" s="22">
        <v>0</v>
      </c>
      <c r="G40" s="23">
        <v>0</v>
      </c>
      <c r="H40" s="22">
        <v>259</v>
      </c>
      <c r="I40" s="22">
        <v>134</v>
      </c>
      <c r="J40" s="22">
        <v>125</v>
      </c>
      <c r="K40" s="21">
        <v>214</v>
      </c>
      <c r="L40" s="53">
        <v>109</v>
      </c>
      <c r="M40" s="54">
        <v>105</v>
      </c>
    </row>
    <row r="41" spans="1:13">
      <c r="A41" s="20" t="s">
        <v>48</v>
      </c>
      <c r="B41" s="21">
        <v>55</v>
      </c>
      <c r="C41" s="22">
        <v>32</v>
      </c>
      <c r="D41" s="22">
        <v>23</v>
      </c>
      <c r="E41" s="21">
        <v>0</v>
      </c>
      <c r="F41" s="22">
        <v>0</v>
      </c>
      <c r="G41" s="23">
        <v>0</v>
      </c>
      <c r="H41" s="22">
        <v>262</v>
      </c>
      <c r="I41" s="22">
        <v>142</v>
      </c>
      <c r="J41" s="22">
        <v>120</v>
      </c>
      <c r="K41" s="21">
        <v>207</v>
      </c>
      <c r="L41" s="53">
        <v>110</v>
      </c>
      <c r="M41" s="54">
        <v>97</v>
      </c>
    </row>
    <row r="42" spans="1:13" ht="20.100000000000001" customHeight="1">
      <c r="A42" s="16" t="s">
        <v>49</v>
      </c>
      <c r="B42" s="17">
        <v>215</v>
      </c>
      <c r="C42" s="18">
        <v>120</v>
      </c>
      <c r="D42" s="18">
        <v>95</v>
      </c>
      <c r="E42" s="17">
        <v>8</v>
      </c>
      <c r="F42" s="18">
        <v>6</v>
      </c>
      <c r="G42" s="19">
        <v>2</v>
      </c>
      <c r="H42" s="18">
        <v>1057</v>
      </c>
      <c r="I42" s="18">
        <v>591</v>
      </c>
      <c r="J42" s="18">
        <v>466</v>
      </c>
      <c r="K42" s="17">
        <v>834</v>
      </c>
      <c r="L42" s="51">
        <v>465</v>
      </c>
      <c r="M42" s="52">
        <v>369</v>
      </c>
    </row>
    <row r="43" spans="1:13">
      <c r="A43" s="20" t="s">
        <v>50</v>
      </c>
      <c r="B43" s="21">
        <v>8</v>
      </c>
      <c r="C43" s="22">
        <v>18</v>
      </c>
      <c r="D43" s="22">
        <v>-10</v>
      </c>
      <c r="E43" s="21">
        <v>0</v>
      </c>
      <c r="F43" s="22">
        <v>0</v>
      </c>
      <c r="G43" s="23">
        <v>0</v>
      </c>
      <c r="H43" s="22">
        <v>225</v>
      </c>
      <c r="I43" s="22">
        <v>132</v>
      </c>
      <c r="J43" s="22">
        <v>93</v>
      </c>
      <c r="K43" s="21">
        <v>217</v>
      </c>
      <c r="L43" s="53">
        <v>114</v>
      </c>
      <c r="M43" s="54">
        <v>103</v>
      </c>
    </row>
    <row r="44" spans="1:13">
      <c r="A44" s="20" t="s">
        <v>51</v>
      </c>
      <c r="B44" s="21">
        <v>74</v>
      </c>
      <c r="C44" s="22">
        <v>32</v>
      </c>
      <c r="D44" s="22">
        <v>42</v>
      </c>
      <c r="E44" s="21">
        <v>3</v>
      </c>
      <c r="F44" s="22">
        <v>2</v>
      </c>
      <c r="G44" s="23">
        <v>1</v>
      </c>
      <c r="H44" s="22">
        <v>247</v>
      </c>
      <c r="I44" s="22">
        <v>130</v>
      </c>
      <c r="J44" s="22">
        <v>117</v>
      </c>
      <c r="K44" s="21">
        <v>170</v>
      </c>
      <c r="L44" s="53">
        <v>96</v>
      </c>
      <c r="M44" s="54">
        <v>74</v>
      </c>
    </row>
    <row r="45" spans="1:13">
      <c r="A45" s="20" t="s">
        <v>52</v>
      </c>
      <c r="B45" s="21">
        <v>14</v>
      </c>
      <c r="C45" s="22">
        <v>8</v>
      </c>
      <c r="D45" s="22">
        <v>6</v>
      </c>
      <c r="E45" s="21">
        <v>2</v>
      </c>
      <c r="F45" s="22">
        <v>1</v>
      </c>
      <c r="G45" s="23">
        <v>1</v>
      </c>
      <c r="H45" s="22">
        <v>196</v>
      </c>
      <c r="I45" s="22">
        <v>108</v>
      </c>
      <c r="J45" s="22">
        <v>88</v>
      </c>
      <c r="K45" s="21">
        <v>180</v>
      </c>
      <c r="L45" s="53">
        <v>99</v>
      </c>
      <c r="M45" s="54">
        <v>81</v>
      </c>
    </row>
    <row r="46" spans="1:13">
      <c r="A46" s="20" t="s">
        <v>53</v>
      </c>
      <c r="B46" s="21">
        <v>67</v>
      </c>
      <c r="C46" s="22">
        <v>27</v>
      </c>
      <c r="D46" s="22">
        <v>40</v>
      </c>
      <c r="E46" s="21">
        <v>2</v>
      </c>
      <c r="F46" s="22">
        <v>2</v>
      </c>
      <c r="G46" s="23">
        <v>0</v>
      </c>
      <c r="H46" s="22">
        <v>200</v>
      </c>
      <c r="I46" s="22">
        <v>109</v>
      </c>
      <c r="J46" s="22">
        <v>91</v>
      </c>
      <c r="K46" s="21">
        <v>131</v>
      </c>
      <c r="L46" s="53">
        <v>80</v>
      </c>
      <c r="M46" s="54">
        <v>51</v>
      </c>
    </row>
    <row r="47" spans="1:13">
      <c r="A47" s="20" t="s">
        <v>54</v>
      </c>
      <c r="B47" s="21">
        <v>52</v>
      </c>
      <c r="C47" s="22">
        <v>35</v>
      </c>
      <c r="D47" s="22">
        <v>17</v>
      </c>
      <c r="E47" s="21">
        <v>1</v>
      </c>
      <c r="F47" s="22">
        <v>1</v>
      </c>
      <c r="G47" s="23">
        <v>0</v>
      </c>
      <c r="H47" s="22">
        <v>189</v>
      </c>
      <c r="I47" s="22">
        <v>112</v>
      </c>
      <c r="J47" s="22">
        <v>77</v>
      </c>
      <c r="K47" s="21">
        <v>136</v>
      </c>
      <c r="L47" s="53">
        <v>76</v>
      </c>
      <c r="M47" s="54">
        <v>60</v>
      </c>
    </row>
    <row r="48" spans="1:13" ht="20.100000000000001" customHeight="1">
      <c r="A48" s="16" t="s">
        <v>55</v>
      </c>
      <c r="B48" s="17">
        <v>62</v>
      </c>
      <c r="C48" s="18">
        <v>22</v>
      </c>
      <c r="D48" s="18">
        <v>40</v>
      </c>
      <c r="E48" s="17">
        <v>1</v>
      </c>
      <c r="F48" s="18">
        <v>1</v>
      </c>
      <c r="G48" s="19">
        <v>0</v>
      </c>
      <c r="H48" s="18">
        <v>663</v>
      </c>
      <c r="I48" s="18">
        <v>380</v>
      </c>
      <c r="J48" s="18">
        <v>283</v>
      </c>
      <c r="K48" s="17">
        <v>600</v>
      </c>
      <c r="L48" s="51">
        <v>357</v>
      </c>
      <c r="M48" s="52">
        <v>243</v>
      </c>
    </row>
    <row r="49" spans="1:13">
      <c r="A49" s="20" t="s">
        <v>56</v>
      </c>
      <c r="B49" s="21">
        <v>3</v>
      </c>
      <c r="C49" s="22">
        <v>5</v>
      </c>
      <c r="D49" s="22">
        <v>-2</v>
      </c>
      <c r="E49" s="21">
        <v>0</v>
      </c>
      <c r="F49" s="22">
        <v>0</v>
      </c>
      <c r="G49" s="23">
        <v>0</v>
      </c>
      <c r="H49" s="22">
        <v>146</v>
      </c>
      <c r="I49" s="22">
        <v>87</v>
      </c>
      <c r="J49" s="22">
        <v>59</v>
      </c>
      <c r="K49" s="21">
        <v>143</v>
      </c>
      <c r="L49" s="53">
        <v>82</v>
      </c>
      <c r="M49" s="54">
        <v>61</v>
      </c>
    </row>
    <row r="50" spans="1:13">
      <c r="A50" s="20" t="s">
        <v>57</v>
      </c>
      <c r="B50" s="21">
        <v>43</v>
      </c>
      <c r="C50" s="22">
        <v>18</v>
      </c>
      <c r="D50" s="22">
        <v>25</v>
      </c>
      <c r="E50" s="21">
        <v>0</v>
      </c>
      <c r="F50" s="22">
        <v>0</v>
      </c>
      <c r="G50" s="23">
        <v>0</v>
      </c>
      <c r="H50" s="22">
        <v>169</v>
      </c>
      <c r="I50" s="22">
        <v>95</v>
      </c>
      <c r="J50" s="22">
        <v>74</v>
      </c>
      <c r="K50" s="21">
        <v>126</v>
      </c>
      <c r="L50" s="53">
        <v>77</v>
      </c>
      <c r="M50" s="54">
        <v>49</v>
      </c>
    </row>
    <row r="51" spans="1:13">
      <c r="A51" s="20" t="s">
        <v>58</v>
      </c>
      <c r="B51" s="21">
        <v>0</v>
      </c>
      <c r="C51" s="22">
        <v>-1</v>
      </c>
      <c r="D51" s="22">
        <v>1</v>
      </c>
      <c r="E51" s="21">
        <v>0</v>
      </c>
      <c r="F51" s="22">
        <v>0</v>
      </c>
      <c r="G51" s="23">
        <v>0</v>
      </c>
      <c r="H51" s="22">
        <v>131</v>
      </c>
      <c r="I51" s="22">
        <v>77</v>
      </c>
      <c r="J51" s="22">
        <v>54</v>
      </c>
      <c r="K51" s="21">
        <v>131</v>
      </c>
      <c r="L51" s="53">
        <v>78</v>
      </c>
      <c r="M51" s="54">
        <v>53</v>
      </c>
    </row>
    <row r="52" spans="1:13">
      <c r="A52" s="20" t="s">
        <v>59</v>
      </c>
      <c r="B52" s="21">
        <v>23</v>
      </c>
      <c r="C52" s="22">
        <v>5</v>
      </c>
      <c r="D52" s="22">
        <v>18</v>
      </c>
      <c r="E52" s="21">
        <v>1</v>
      </c>
      <c r="F52" s="22">
        <v>1</v>
      </c>
      <c r="G52" s="23">
        <v>0</v>
      </c>
      <c r="H52" s="22">
        <v>114</v>
      </c>
      <c r="I52" s="22">
        <v>64</v>
      </c>
      <c r="J52" s="22">
        <v>50</v>
      </c>
      <c r="K52" s="21">
        <v>90</v>
      </c>
      <c r="L52" s="53">
        <v>58</v>
      </c>
      <c r="M52" s="54">
        <v>32</v>
      </c>
    </row>
    <row r="53" spans="1:13">
      <c r="A53" s="20" t="s">
        <v>60</v>
      </c>
      <c r="B53" s="21">
        <v>-7</v>
      </c>
      <c r="C53" s="22">
        <v>-5</v>
      </c>
      <c r="D53" s="22">
        <v>-2</v>
      </c>
      <c r="E53" s="21">
        <v>0</v>
      </c>
      <c r="F53" s="22">
        <v>0</v>
      </c>
      <c r="G53" s="23">
        <v>0</v>
      </c>
      <c r="H53" s="22">
        <v>103</v>
      </c>
      <c r="I53" s="22">
        <v>57</v>
      </c>
      <c r="J53" s="22">
        <v>46</v>
      </c>
      <c r="K53" s="21">
        <v>110</v>
      </c>
      <c r="L53" s="53">
        <v>62</v>
      </c>
      <c r="M53" s="54">
        <v>48</v>
      </c>
    </row>
    <row r="54" spans="1:13" ht="20.100000000000001" customHeight="1">
      <c r="A54" s="16" t="s">
        <v>61</v>
      </c>
      <c r="B54" s="17">
        <v>40</v>
      </c>
      <c r="C54" s="18">
        <v>19</v>
      </c>
      <c r="D54" s="18">
        <v>21</v>
      </c>
      <c r="E54" s="17">
        <v>7</v>
      </c>
      <c r="F54" s="18">
        <v>4</v>
      </c>
      <c r="G54" s="19">
        <v>3</v>
      </c>
      <c r="H54" s="18">
        <v>478</v>
      </c>
      <c r="I54" s="18">
        <v>273</v>
      </c>
      <c r="J54" s="18">
        <v>205</v>
      </c>
      <c r="K54" s="17">
        <v>431</v>
      </c>
      <c r="L54" s="51">
        <v>250</v>
      </c>
      <c r="M54" s="52">
        <v>181</v>
      </c>
    </row>
    <row r="55" spans="1:13">
      <c r="A55" s="20" t="s">
        <v>62</v>
      </c>
      <c r="B55" s="21">
        <v>6</v>
      </c>
      <c r="C55" s="22">
        <v>-3</v>
      </c>
      <c r="D55" s="22">
        <v>9</v>
      </c>
      <c r="E55" s="21">
        <v>2</v>
      </c>
      <c r="F55" s="22">
        <v>1</v>
      </c>
      <c r="G55" s="23">
        <v>1</v>
      </c>
      <c r="H55" s="22">
        <v>100</v>
      </c>
      <c r="I55" s="22">
        <v>45</v>
      </c>
      <c r="J55" s="22">
        <v>55</v>
      </c>
      <c r="K55" s="21">
        <v>92</v>
      </c>
      <c r="L55" s="53">
        <v>47</v>
      </c>
      <c r="M55" s="54">
        <v>45</v>
      </c>
    </row>
    <row r="56" spans="1:13">
      <c r="A56" s="20" t="s">
        <v>63</v>
      </c>
      <c r="B56" s="21">
        <v>0</v>
      </c>
      <c r="C56" s="22">
        <v>2</v>
      </c>
      <c r="D56" s="22">
        <v>-2</v>
      </c>
      <c r="E56" s="21">
        <v>1</v>
      </c>
      <c r="F56" s="22">
        <v>0</v>
      </c>
      <c r="G56" s="23">
        <v>1</v>
      </c>
      <c r="H56" s="22">
        <v>94</v>
      </c>
      <c r="I56" s="22">
        <v>54</v>
      </c>
      <c r="J56" s="22">
        <v>40</v>
      </c>
      <c r="K56" s="21">
        <v>93</v>
      </c>
      <c r="L56" s="53">
        <v>52</v>
      </c>
      <c r="M56" s="54">
        <v>41</v>
      </c>
    </row>
    <row r="57" spans="1:13">
      <c r="A57" s="20" t="s">
        <v>64</v>
      </c>
      <c r="B57" s="21">
        <v>31</v>
      </c>
      <c r="C57" s="22">
        <v>22</v>
      </c>
      <c r="D57" s="22">
        <v>9</v>
      </c>
      <c r="E57" s="21">
        <v>1</v>
      </c>
      <c r="F57" s="22">
        <v>1</v>
      </c>
      <c r="G57" s="23">
        <v>0</v>
      </c>
      <c r="H57" s="22">
        <v>118</v>
      </c>
      <c r="I57" s="22">
        <v>70</v>
      </c>
      <c r="J57" s="22">
        <v>48</v>
      </c>
      <c r="K57" s="21">
        <v>86</v>
      </c>
      <c r="L57" s="53">
        <v>47</v>
      </c>
      <c r="M57" s="54">
        <v>39</v>
      </c>
    </row>
    <row r="58" spans="1:13">
      <c r="A58" s="20" t="s">
        <v>65</v>
      </c>
      <c r="B58" s="21">
        <v>18</v>
      </c>
      <c r="C58" s="22">
        <v>14</v>
      </c>
      <c r="D58" s="22">
        <v>4</v>
      </c>
      <c r="E58" s="21">
        <v>2</v>
      </c>
      <c r="F58" s="22">
        <v>1</v>
      </c>
      <c r="G58" s="23">
        <v>1</v>
      </c>
      <c r="H58" s="22">
        <v>92</v>
      </c>
      <c r="I58" s="22">
        <v>62</v>
      </c>
      <c r="J58" s="22">
        <v>30</v>
      </c>
      <c r="K58" s="21">
        <v>72</v>
      </c>
      <c r="L58" s="53">
        <v>47</v>
      </c>
      <c r="M58" s="54">
        <v>25</v>
      </c>
    </row>
    <row r="59" spans="1:13">
      <c r="A59" s="20" t="s">
        <v>66</v>
      </c>
      <c r="B59" s="21">
        <v>-15</v>
      </c>
      <c r="C59" s="22">
        <v>-16</v>
      </c>
      <c r="D59" s="22">
        <v>1</v>
      </c>
      <c r="E59" s="21">
        <v>1</v>
      </c>
      <c r="F59" s="22">
        <v>1</v>
      </c>
      <c r="G59" s="23">
        <v>0</v>
      </c>
      <c r="H59" s="22">
        <v>74</v>
      </c>
      <c r="I59" s="22">
        <v>42</v>
      </c>
      <c r="J59" s="22">
        <v>32</v>
      </c>
      <c r="K59" s="21">
        <v>88</v>
      </c>
      <c r="L59" s="53">
        <v>57</v>
      </c>
      <c r="M59" s="54">
        <v>31</v>
      </c>
    </row>
    <row r="60" spans="1:13" ht="20.100000000000001" customHeight="1">
      <c r="A60" s="16" t="s">
        <v>67</v>
      </c>
      <c r="B60" s="17">
        <v>72</v>
      </c>
      <c r="C60" s="18">
        <v>33</v>
      </c>
      <c r="D60" s="18">
        <v>39</v>
      </c>
      <c r="E60" s="17">
        <v>23</v>
      </c>
      <c r="F60" s="18">
        <v>20</v>
      </c>
      <c r="G60" s="19">
        <v>3</v>
      </c>
      <c r="H60" s="18">
        <v>434</v>
      </c>
      <c r="I60" s="18">
        <v>228</v>
      </c>
      <c r="J60" s="18">
        <v>206</v>
      </c>
      <c r="K60" s="17">
        <v>339</v>
      </c>
      <c r="L60" s="51">
        <v>175</v>
      </c>
      <c r="M60" s="52">
        <v>164</v>
      </c>
    </row>
    <row r="61" spans="1:13">
      <c r="A61" s="20" t="s">
        <v>68</v>
      </c>
      <c r="B61" s="21">
        <v>17</v>
      </c>
      <c r="C61" s="22">
        <v>6</v>
      </c>
      <c r="D61" s="22">
        <v>11</v>
      </c>
      <c r="E61" s="21">
        <v>4</v>
      </c>
      <c r="F61" s="22">
        <v>2</v>
      </c>
      <c r="G61" s="23">
        <v>2</v>
      </c>
      <c r="H61" s="22">
        <v>91</v>
      </c>
      <c r="I61" s="22">
        <v>49</v>
      </c>
      <c r="J61" s="22">
        <v>42</v>
      </c>
      <c r="K61" s="21">
        <v>70</v>
      </c>
      <c r="L61" s="53">
        <v>41</v>
      </c>
      <c r="M61" s="54">
        <v>29</v>
      </c>
    </row>
    <row r="62" spans="1:13">
      <c r="A62" s="20" t="s">
        <v>69</v>
      </c>
      <c r="B62" s="21">
        <v>28</v>
      </c>
      <c r="C62" s="22">
        <v>25</v>
      </c>
      <c r="D62" s="22">
        <v>3</v>
      </c>
      <c r="E62" s="21">
        <v>3</v>
      </c>
      <c r="F62" s="22">
        <v>3</v>
      </c>
      <c r="G62" s="23">
        <v>0</v>
      </c>
      <c r="H62" s="22">
        <v>100</v>
      </c>
      <c r="I62" s="22">
        <v>55</v>
      </c>
      <c r="J62" s="22">
        <v>45</v>
      </c>
      <c r="K62" s="21">
        <v>69</v>
      </c>
      <c r="L62" s="53">
        <v>27</v>
      </c>
      <c r="M62" s="54">
        <v>42</v>
      </c>
    </row>
    <row r="63" spans="1:13">
      <c r="A63" s="20" t="s">
        <v>70</v>
      </c>
      <c r="B63" s="21">
        <v>7</v>
      </c>
      <c r="C63" s="22">
        <v>8</v>
      </c>
      <c r="D63" s="22">
        <v>-1</v>
      </c>
      <c r="E63" s="21">
        <v>2</v>
      </c>
      <c r="F63" s="22">
        <v>2</v>
      </c>
      <c r="G63" s="23">
        <v>0</v>
      </c>
      <c r="H63" s="22">
        <v>78</v>
      </c>
      <c r="I63" s="22">
        <v>42</v>
      </c>
      <c r="J63" s="22">
        <v>36</v>
      </c>
      <c r="K63" s="21">
        <v>69</v>
      </c>
      <c r="L63" s="53">
        <v>32</v>
      </c>
      <c r="M63" s="54">
        <v>37</v>
      </c>
    </row>
    <row r="64" spans="1:13">
      <c r="A64" s="20" t="s">
        <v>71</v>
      </c>
      <c r="B64" s="21">
        <v>17</v>
      </c>
      <c r="C64" s="22">
        <v>-3</v>
      </c>
      <c r="D64" s="22">
        <v>20</v>
      </c>
      <c r="E64" s="21">
        <v>7</v>
      </c>
      <c r="F64" s="22">
        <v>7</v>
      </c>
      <c r="G64" s="23">
        <v>0</v>
      </c>
      <c r="H64" s="22">
        <v>92</v>
      </c>
      <c r="I64" s="22">
        <v>45</v>
      </c>
      <c r="J64" s="22">
        <v>47</v>
      </c>
      <c r="K64" s="21">
        <v>68</v>
      </c>
      <c r="L64" s="53">
        <v>41</v>
      </c>
      <c r="M64" s="54">
        <v>27</v>
      </c>
    </row>
    <row r="65" spans="1:13">
      <c r="A65" s="24" t="s">
        <v>72</v>
      </c>
      <c r="B65" s="25">
        <v>3</v>
      </c>
      <c r="C65" s="26">
        <v>-3</v>
      </c>
      <c r="D65" s="26">
        <v>6</v>
      </c>
      <c r="E65" s="25">
        <v>7</v>
      </c>
      <c r="F65" s="26">
        <v>6</v>
      </c>
      <c r="G65" s="27">
        <v>1</v>
      </c>
      <c r="H65" s="26">
        <v>73</v>
      </c>
      <c r="I65" s="26">
        <v>37</v>
      </c>
      <c r="J65" s="26">
        <v>36</v>
      </c>
      <c r="K65" s="25">
        <v>63</v>
      </c>
      <c r="L65" s="55">
        <v>34</v>
      </c>
      <c r="M65" s="56">
        <v>2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826</v>
      </c>
      <c r="C69" s="58">
        <v>427</v>
      </c>
      <c r="D69" s="59">
        <v>39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826</v>
      </c>
      <c r="C70" s="61">
        <v>427</v>
      </c>
      <c r="D70" s="62">
        <v>399</v>
      </c>
    </row>
    <row r="71" spans="1:13">
      <c r="A71" s="24" t="s">
        <v>14</v>
      </c>
      <c r="B71" s="63">
        <v>826</v>
      </c>
      <c r="C71" s="64">
        <v>427</v>
      </c>
      <c r="D71" s="65">
        <v>399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99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4</v>
      </c>
      <c r="C77" s="18">
        <v>-1</v>
      </c>
      <c r="D77" s="18">
        <v>5</v>
      </c>
      <c r="E77" s="17">
        <v>23</v>
      </c>
      <c r="F77" s="18">
        <v>12</v>
      </c>
      <c r="G77" s="19">
        <v>11</v>
      </c>
      <c r="H77" s="18">
        <v>300</v>
      </c>
      <c r="I77" s="18">
        <v>173</v>
      </c>
      <c r="J77" s="18">
        <v>127</v>
      </c>
      <c r="K77" s="17">
        <v>273</v>
      </c>
      <c r="L77" s="51">
        <v>162</v>
      </c>
      <c r="M77" s="52">
        <v>111</v>
      </c>
    </row>
    <row r="78" spans="1:13">
      <c r="A78" s="40" t="s">
        <v>81</v>
      </c>
      <c r="B78" s="21">
        <v>0</v>
      </c>
      <c r="C78" s="22">
        <v>3</v>
      </c>
      <c r="D78" s="22">
        <v>-3</v>
      </c>
      <c r="E78" s="21">
        <v>6</v>
      </c>
      <c r="F78" s="22">
        <v>2</v>
      </c>
      <c r="G78" s="23">
        <v>4</v>
      </c>
      <c r="H78" s="22">
        <v>68</v>
      </c>
      <c r="I78" s="22">
        <v>41</v>
      </c>
      <c r="J78" s="22">
        <v>27</v>
      </c>
      <c r="K78" s="21">
        <v>62</v>
      </c>
      <c r="L78" s="53">
        <v>36</v>
      </c>
      <c r="M78" s="54">
        <v>26</v>
      </c>
    </row>
    <row r="79" spans="1:13">
      <c r="A79" s="40" t="s">
        <v>82</v>
      </c>
      <c r="B79" s="21">
        <v>4</v>
      </c>
      <c r="C79" s="22">
        <v>-7</v>
      </c>
      <c r="D79" s="22">
        <v>11</v>
      </c>
      <c r="E79" s="21">
        <v>4</v>
      </c>
      <c r="F79" s="22">
        <v>3</v>
      </c>
      <c r="G79" s="23">
        <v>1</v>
      </c>
      <c r="H79" s="22">
        <v>73</v>
      </c>
      <c r="I79" s="22">
        <v>39</v>
      </c>
      <c r="J79" s="22">
        <v>34</v>
      </c>
      <c r="K79" s="21">
        <v>65</v>
      </c>
      <c r="L79" s="53">
        <v>43</v>
      </c>
      <c r="M79" s="54">
        <v>22</v>
      </c>
    </row>
    <row r="80" spans="1:13">
      <c r="A80" s="40" t="s">
        <v>83</v>
      </c>
      <c r="B80" s="21">
        <v>10</v>
      </c>
      <c r="C80" s="22">
        <v>10</v>
      </c>
      <c r="D80" s="22">
        <v>0</v>
      </c>
      <c r="E80" s="21">
        <v>3</v>
      </c>
      <c r="F80" s="22">
        <v>2</v>
      </c>
      <c r="G80" s="23">
        <v>1</v>
      </c>
      <c r="H80" s="22">
        <v>67</v>
      </c>
      <c r="I80" s="22">
        <v>41</v>
      </c>
      <c r="J80" s="22">
        <v>26</v>
      </c>
      <c r="K80" s="21">
        <v>54</v>
      </c>
      <c r="L80" s="53">
        <v>29</v>
      </c>
      <c r="M80" s="54">
        <v>25</v>
      </c>
    </row>
    <row r="81" spans="1:13">
      <c r="A81" s="40" t="s">
        <v>84</v>
      </c>
      <c r="B81" s="21">
        <v>-6</v>
      </c>
      <c r="C81" s="22">
        <v>-3</v>
      </c>
      <c r="D81" s="22">
        <v>-3</v>
      </c>
      <c r="E81" s="21">
        <v>6</v>
      </c>
      <c r="F81" s="22">
        <v>3</v>
      </c>
      <c r="G81" s="23">
        <v>3</v>
      </c>
      <c r="H81" s="22">
        <v>48</v>
      </c>
      <c r="I81" s="22">
        <v>27</v>
      </c>
      <c r="J81" s="22">
        <v>21</v>
      </c>
      <c r="K81" s="21">
        <v>48</v>
      </c>
      <c r="L81" s="53">
        <v>27</v>
      </c>
      <c r="M81" s="54">
        <v>21</v>
      </c>
    </row>
    <row r="82" spans="1:13">
      <c r="A82" s="40" t="s">
        <v>85</v>
      </c>
      <c r="B82" s="21">
        <v>-4</v>
      </c>
      <c r="C82" s="22">
        <v>-4</v>
      </c>
      <c r="D82" s="22">
        <v>0</v>
      </c>
      <c r="E82" s="21">
        <v>4</v>
      </c>
      <c r="F82" s="22">
        <v>2</v>
      </c>
      <c r="G82" s="23">
        <v>2</v>
      </c>
      <c r="H82" s="22">
        <v>44</v>
      </c>
      <c r="I82" s="22">
        <v>25</v>
      </c>
      <c r="J82" s="22">
        <v>19</v>
      </c>
      <c r="K82" s="21">
        <v>44</v>
      </c>
      <c r="L82" s="53">
        <v>27</v>
      </c>
      <c r="M82" s="54">
        <v>17</v>
      </c>
    </row>
    <row r="83" spans="1:13" ht="19.5" customHeight="1">
      <c r="A83" s="34" t="s">
        <v>86</v>
      </c>
      <c r="B83" s="17">
        <v>1</v>
      </c>
      <c r="C83" s="18">
        <v>-11</v>
      </c>
      <c r="D83" s="18">
        <v>12</v>
      </c>
      <c r="E83" s="17">
        <v>36</v>
      </c>
      <c r="F83" s="18">
        <v>25</v>
      </c>
      <c r="G83" s="19">
        <v>11</v>
      </c>
      <c r="H83" s="18">
        <v>211</v>
      </c>
      <c r="I83" s="18">
        <v>118</v>
      </c>
      <c r="J83" s="18">
        <v>93</v>
      </c>
      <c r="K83" s="17">
        <v>174</v>
      </c>
      <c r="L83" s="51">
        <v>104</v>
      </c>
      <c r="M83" s="52">
        <v>70</v>
      </c>
    </row>
    <row r="84" spans="1:13">
      <c r="A84" s="40" t="s">
        <v>87</v>
      </c>
      <c r="B84" s="21">
        <v>4</v>
      </c>
      <c r="C84" s="22">
        <v>5</v>
      </c>
      <c r="D84" s="22">
        <v>-1</v>
      </c>
      <c r="E84" s="21">
        <v>5</v>
      </c>
      <c r="F84" s="22">
        <v>5</v>
      </c>
      <c r="G84" s="23">
        <v>0</v>
      </c>
      <c r="H84" s="22">
        <v>52</v>
      </c>
      <c r="I84" s="22">
        <v>33</v>
      </c>
      <c r="J84" s="22">
        <v>19</v>
      </c>
      <c r="K84" s="21">
        <v>43</v>
      </c>
      <c r="L84" s="53">
        <v>23</v>
      </c>
      <c r="M84" s="54">
        <v>20</v>
      </c>
    </row>
    <row r="85" spans="1:13">
      <c r="A85" s="40" t="s">
        <v>88</v>
      </c>
      <c r="B85" s="21">
        <v>-5</v>
      </c>
      <c r="C85" s="22">
        <v>-5</v>
      </c>
      <c r="D85" s="22">
        <v>0</v>
      </c>
      <c r="E85" s="21">
        <v>8</v>
      </c>
      <c r="F85" s="22">
        <v>3</v>
      </c>
      <c r="G85" s="23">
        <v>5</v>
      </c>
      <c r="H85" s="22">
        <v>42</v>
      </c>
      <c r="I85" s="22">
        <v>20</v>
      </c>
      <c r="J85" s="22">
        <v>22</v>
      </c>
      <c r="K85" s="21">
        <v>39</v>
      </c>
      <c r="L85" s="53">
        <v>22</v>
      </c>
      <c r="M85" s="54">
        <v>17</v>
      </c>
    </row>
    <row r="86" spans="1:13">
      <c r="A86" s="40" t="s">
        <v>89</v>
      </c>
      <c r="B86" s="21">
        <v>-23</v>
      </c>
      <c r="C86" s="22">
        <v>-15</v>
      </c>
      <c r="D86" s="22">
        <v>-8</v>
      </c>
      <c r="E86" s="21">
        <v>12</v>
      </c>
      <c r="F86" s="22">
        <v>10</v>
      </c>
      <c r="G86" s="23">
        <v>2</v>
      </c>
      <c r="H86" s="22">
        <v>26</v>
      </c>
      <c r="I86" s="22">
        <v>17</v>
      </c>
      <c r="J86" s="22">
        <v>9</v>
      </c>
      <c r="K86" s="21">
        <v>37</v>
      </c>
      <c r="L86" s="53">
        <v>22</v>
      </c>
      <c r="M86" s="54">
        <v>15</v>
      </c>
    </row>
    <row r="87" spans="1:13">
      <c r="A87" s="40" t="s">
        <v>90</v>
      </c>
      <c r="B87" s="21">
        <v>9</v>
      </c>
      <c r="C87" s="22">
        <v>2</v>
      </c>
      <c r="D87" s="22">
        <v>7</v>
      </c>
      <c r="E87" s="21">
        <v>7</v>
      </c>
      <c r="F87" s="22">
        <v>4</v>
      </c>
      <c r="G87" s="23">
        <v>3</v>
      </c>
      <c r="H87" s="22">
        <v>43</v>
      </c>
      <c r="I87" s="22">
        <v>24</v>
      </c>
      <c r="J87" s="22">
        <v>19</v>
      </c>
      <c r="K87" s="21">
        <v>27</v>
      </c>
      <c r="L87" s="53">
        <v>18</v>
      </c>
      <c r="M87" s="54">
        <v>9</v>
      </c>
    </row>
    <row r="88" spans="1:13">
      <c r="A88" s="40" t="s">
        <v>91</v>
      </c>
      <c r="B88" s="21">
        <v>16</v>
      </c>
      <c r="C88" s="22">
        <v>2</v>
      </c>
      <c r="D88" s="22">
        <v>14</v>
      </c>
      <c r="E88" s="21">
        <v>4</v>
      </c>
      <c r="F88" s="22">
        <v>3</v>
      </c>
      <c r="G88" s="23">
        <v>1</v>
      </c>
      <c r="H88" s="22">
        <v>48</v>
      </c>
      <c r="I88" s="22">
        <v>24</v>
      </c>
      <c r="J88" s="22">
        <v>24</v>
      </c>
      <c r="K88" s="21">
        <v>28</v>
      </c>
      <c r="L88" s="53">
        <v>19</v>
      </c>
      <c r="M88" s="54">
        <v>9</v>
      </c>
    </row>
    <row r="89" spans="1:13" ht="19.5" customHeight="1">
      <c r="A89" s="34" t="s">
        <v>92</v>
      </c>
      <c r="B89" s="17">
        <v>-17</v>
      </c>
      <c r="C89" s="18">
        <v>-13</v>
      </c>
      <c r="D89" s="18">
        <v>-4</v>
      </c>
      <c r="E89" s="17">
        <v>46</v>
      </c>
      <c r="F89" s="18">
        <v>29</v>
      </c>
      <c r="G89" s="19">
        <v>17</v>
      </c>
      <c r="H89" s="18">
        <v>169</v>
      </c>
      <c r="I89" s="18">
        <v>103</v>
      </c>
      <c r="J89" s="18">
        <v>66</v>
      </c>
      <c r="K89" s="17">
        <v>140</v>
      </c>
      <c r="L89" s="51">
        <v>87</v>
      </c>
      <c r="M89" s="52">
        <v>53</v>
      </c>
    </row>
    <row r="90" spans="1:13">
      <c r="A90" s="40" t="s">
        <v>93</v>
      </c>
      <c r="B90" s="21">
        <v>-3</v>
      </c>
      <c r="C90" s="22">
        <v>0</v>
      </c>
      <c r="D90" s="22">
        <v>-3</v>
      </c>
      <c r="E90" s="21">
        <v>9</v>
      </c>
      <c r="F90" s="22">
        <v>7</v>
      </c>
      <c r="G90" s="23">
        <v>2</v>
      </c>
      <c r="H90" s="22">
        <v>37</v>
      </c>
      <c r="I90" s="22">
        <v>28</v>
      </c>
      <c r="J90" s="22">
        <v>9</v>
      </c>
      <c r="K90" s="21">
        <v>31</v>
      </c>
      <c r="L90" s="53">
        <v>21</v>
      </c>
      <c r="M90" s="54">
        <v>10</v>
      </c>
    </row>
    <row r="91" spans="1:13">
      <c r="A91" s="40" t="s">
        <v>94</v>
      </c>
      <c r="B91" s="21">
        <v>5</v>
      </c>
      <c r="C91" s="22">
        <v>5</v>
      </c>
      <c r="D91" s="22">
        <v>0</v>
      </c>
      <c r="E91" s="21">
        <v>7</v>
      </c>
      <c r="F91" s="22">
        <v>4</v>
      </c>
      <c r="G91" s="23">
        <v>3</v>
      </c>
      <c r="H91" s="22">
        <v>34</v>
      </c>
      <c r="I91" s="22">
        <v>20</v>
      </c>
      <c r="J91" s="22">
        <v>14</v>
      </c>
      <c r="K91" s="21">
        <v>22</v>
      </c>
      <c r="L91" s="53">
        <v>11</v>
      </c>
      <c r="M91" s="54">
        <v>11</v>
      </c>
    </row>
    <row r="92" spans="1:13">
      <c r="A92" s="40" t="s">
        <v>95</v>
      </c>
      <c r="B92" s="21">
        <v>-11</v>
      </c>
      <c r="C92" s="22">
        <v>-13</v>
      </c>
      <c r="D92" s="22">
        <v>2</v>
      </c>
      <c r="E92" s="21">
        <v>10</v>
      </c>
      <c r="F92" s="22">
        <v>8</v>
      </c>
      <c r="G92" s="23">
        <v>2</v>
      </c>
      <c r="H92" s="22">
        <v>29</v>
      </c>
      <c r="I92" s="22">
        <v>15</v>
      </c>
      <c r="J92" s="22">
        <v>14</v>
      </c>
      <c r="K92" s="21">
        <v>30</v>
      </c>
      <c r="L92" s="53">
        <v>20</v>
      </c>
      <c r="M92" s="54">
        <v>10</v>
      </c>
    </row>
    <row r="93" spans="1:13">
      <c r="A93" s="40" t="s">
        <v>96</v>
      </c>
      <c r="B93" s="21">
        <v>4</v>
      </c>
      <c r="C93" s="22">
        <v>7</v>
      </c>
      <c r="D93" s="22">
        <v>-3</v>
      </c>
      <c r="E93" s="21">
        <v>7</v>
      </c>
      <c r="F93" s="22">
        <v>3</v>
      </c>
      <c r="G93" s="23">
        <v>4</v>
      </c>
      <c r="H93" s="22">
        <v>35</v>
      </c>
      <c r="I93" s="22">
        <v>23</v>
      </c>
      <c r="J93" s="22">
        <v>12</v>
      </c>
      <c r="K93" s="21">
        <v>24</v>
      </c>
      <c r="L93" s="53">
        <v>13</v>
      </c>
      <c r="M93" s="54">
        <v>11</v>
      </c>
    </row>
    <row r="94" spans="1:13">
      <c r="A94" s="40" t="s">
        <v>97</v>
      </c>
      <c r="B94" s="21">
        <v>-12</v>
      </c>
      <c r="C94" s="22">
        <v>-12</v>
      </c>
      <c r="D94" s="22">
        <v>0</v>
      </c>
      <c r="E94" s="21">
        <v>13</v>
      </c>
      <c r="F94" s="22">
        <v>7</v>
      </c>
      <c r="G94" s="23">
        <v>6</v>
      </c>
      <c r="H94" s="22">
        <v>34</v>
      </c>
      <c r="I94" s="22">
        <v>17</v>
      </c>
      <c r="J94" s="22">
        <v>17</v>
      </c>
      <c r="K94" s="21">
        <v>33</v>
      </c>
      <c r="L94" s="53">
        <v>22</v>
      </c>
      <c r="M94" s="54">
        <v>11</v>
      </c>
    </row>
    <row r="95" spans="1:13" ht="19.5" customHeight="1">
      <c r="A95" s="34" t="s">
        <v>98</v>
      </c>
      <c r="B95" s="17">
        <v>-54</v>
      </c>
      <c r="C95" s="18">
        <v>-45</v>
      </c>
      <c r="D95" s="18">
        <v>-9</v>
      </c>
      <c r="E95" s="17">
        <v>80</v>
      </c>
      <c r="F95" s="18">
        <v>58</v>
      </c>
      <c r="G95" s="19">
        <v>22</v>
      </c>
      <c r="H95" s="18">
        <v>149</v>
      </c>
      <c r="I95" s="18">
        <v>73</v>
      </c>
      <c r="J95" s="18">
        <v>76</v>
      </c>
      <c r="K95" s="17">
        <v>123</v>
      </c>
      <c r="L95" s="51">
        <v>60</v>
      </c>
      <c r="M95" s="52">
        <v>63</v>
      </c>
    </row>
    <row r="96" spans="1:13">
      <c r="A96" s="40" t="s">
        <v>99</v>
      </c>
      <c r="B96" s="21">
        <v>5</v>
      </c>
      <c r="C96" s="22">
        <v>-1</v>
      </c>
      <c r="D96" s="22">
        <v>6</v>
      </c>
      <c r="E96" s="21">
        <v>7</v>
      </c>
      <c r="F96" s="22">
        <v>5</v>
      </c>
      <c r="G96" s="23">
        <v>2</v>
      </c>
      <c r="H96" s="22">
        <v>32</v>
      </c>
      <c r="I96" s="22">
        <v>14</v>
      </c>
      <c r="J96" s="22">
        <v>18</v>
      </c>
      <c r="K96" s="21">
        <v>20</v>
      </c>
      <c r="L96" s="53">
        <v>10</v>
      </c>
      <c r="M96" s="54">
        <v>10</v>
      </c>
    </row>
    <row r="97" spans="1:13">
      <c r="A97" s="40" t="s">
        <v>100</v>
      </c>
      <c r="B97" s="21">
        <v>-11</v>
      </c>
      <c r="C97" s="22">
        <v>-4</v>
      </c>
      <c r="D97" s="22">
        <v>-7</v>
      </c>
      <c r="E97" s="21">
        <v>10</v>
      </c>
      <c r="F97" s="22">
        <v>7</v>
      </c>
      <c r="G97" s="23">
        <v>3</v>
      </c>
      <c r="H97" s="22">
        <v>19</v>
      </c>
      <c r="I97" s="22">
        <v>13</v>
      </c>
      <c r="J97" s="22">
        <v>6</v>
      </c>
      <c r="K97" s="21">
        <v>20</v>
      </c>
      <c r="L97" s="53">
        <v>10</v>
      </c>
      <c r="M97" s="54">
        <v>10</v>
      </c>
    </row>
    <row r="98" spans="1:13">
      <c r="A98" s="40" t="s">
        <v>101</v>
      </c>
      <c r="B98" s="21">
        <v>-11</v>
      </c>
      <c r="C98" s="22">
        <v>-14</v>
      </c>
      <c r="D98" s="22">
        <v>3</v>
      </c>
      <c r="E98" s="21">
        <v>20</v>
      </c>
      <c r="F98" s="22">
        <v>16</v>
      </c>
      <c r="G98" s="23">
        <v>4</v>
      </c>
      <c r="H98" s="22">
        <v>36</v>
      </c>
      <c r="I98" s="22">
        <v>17</v>
      </c>
      <c r="J98" s="22">
        <v>19</v>
      </c>
      <c r="K98" s="21">
        <v>27</v>
      </c>
      <c r="L98" s="53">
        <v>15</v>
      </c>
      <c r="M98" s="54">
        <v>12</v>
      </c>
    </row>
    <row r="99" spans="1:13">
      <c r="A99" s="40" t="s">
        <v>102</v>
      </c>
      <c r="B99" s="21">
        <v>-5</v>
      </c>
      <c r="C99" s="22">
        <v>-6</v>
      </c>
      <c r="D99" s="22">
        <v>1</v>
      </c>
      <c r="E99" s="21">
        <v>18</v>
      </c>
      <c r="F99" s="22">
        <v>14</v>
      </c>
      <c r="G99" s="23">
        <v>4</v>
      </c>
      <c r="H99" s="22">
        <v>35</v>
      </c>
      <c r="I99" s="22">
        <v>17</v>
      </c>
      <c r="J99" s="22">
        <v>18</v>
      </c>
      <c r="K99" s="21">
        <v>22</v>
      </c>
      <c r="L99" s="53">
        <v>9</v>
      </c>
      <c r="M99" s="54">
        <v>13</v>
      </c>
    </row>
    <row r="100" spans="1:13">
      <c r="A100" s="40" t="s">
        <v>103</v>
      </c>
      <c r="B100" s="21">
        <v>-32</v>
      </c>
      <c r="C100" s="22">
        <v>-20</v>
      </c>
      <c r="D100" s="22">
        <v>-12</v>
      </c>
      <c r="E100" s="21">
        <v>25</v>
      </c>
      <c r="F100" s="22">
        <v>16</v>
      </c>
      <c r="G100" s="23">
        <v>9</v>
      </c>
      <c r="H100" s="22">
        <v>27</v>
      </c>
      <c r="I100" s="22">
        <v>12</v>
      </c>
      <c r="J100" s="22">
        <v>15</v>
      </c>
      <c r="K100" s="21">
        <v>34</v>
      </c>
      <c r="L100" s="53">
        <v>16</v>
      </c>
      <c r="M100" s="54">
        <v>18</v>
      </c>
    </row>
    <row r="101" spans="1:13" ht="19.5" customHeight="1">
      <c r="A101" s="34" t="s">
        <v>104</v>
      </c>
      <c r="B101" s="17">
        <v>-56</v>
      </c>
      <c r="C101" s="18">
        <v>-56</v>
      </c>
      <c r="D101" s="18">
        <v>0</v>
      </c>
      <c r="E101" s="17">
        <v>114</v>
      </c>
      <c r="F101" s="18">
        <v>81</v>
      </c>
      <c r="G101" s="19">
        <v>33</v>
      </c>
      <c r="H101" s="18">
        <v>148</v>
      </c>
      <c r="I101" s="18">
        <v>69</v>
      </c>
      <c r="J101" s="18">
        <v>79</v>
      </c>
      <c r="K101" s="17">
        <v>90</v>
      </c>
      <c r="L101" s="51">
        <v>44</v>
      </c>
      <c r="M101" s="52">
        <v>46</v>
      </c>
    </row>
    <row r="102" spans="1:13">
      <c r="A102" s="40" t="s">
        <v>105</v>
      </c>
      <c r="B102" s="21">
        <v>-12</v>
      </c>
      <c r="C102" s="22">
        <v>-13</v>
      </c>
      <c r="D102" s="22">
        <v>1</v>
      </c>
      <c r="E102" s="21">
        <v>25</v>
      </c>
      <c r="F102" s="22">
        <v>19</v>
      </c>
      <c r="G102" s="23">
        <v>6</v>
      </c>
      <c r="H102" s="22">
        <v>35</v>
      </c>
      <c r="I102" s="22">
        <v>18</v>
      </c>
      <c r="J102" s="22">
        <v>17</v>
      </c>
      <c r="K102" s="21">
        <v>22</v>
      </c>
      <c r="L102" s="53">
        <v>12</v>
      </c>
      <c r="M102" s="54">
        <v>10</v>
      </c>
    </row>
    <row r="103" spans="1:13">
      <c r="A103" s="40" t="s">
        <v>106</v>
      </c>
      <c r="B103" s="21">
        <v>-2</v>
      </c>
      <c r="C103" s="22">
        <v>-5</v>
      </c>
      <c r="D103" s="22">
        <v>3</v>
      </c>
      <c r="E103" s="21">
        <v>19</v>
      </c>
      <c r="F103" s="22">
        <v>13</v>
      </c>
      <c r="G103" s="23">
        <v>6</v>
      </c>
      <c r="H103" s="22">
        <v>38</v>
      </c>
      <c r="I103" s="22">
        <v>17</v>
      </c>
      <c r="J103" s="22">
        <v>21</v>
      </c>
      <c r="K103" s="21">
        <v>21</v>
      </c>
      <c r="L103" s="53">
        <v>9</v>
      </c>
      <c r="M103" s="54">
        <v>12</v>
      </c>
    </row>
    <row r="104" spans="1:13">
      <c r="A104" s="40" t="s">
        <v>107</v>
      </c>
      <c r="B104" s="21">
        <v>-9</v>
      </c>
      <c r="C104" s="22">
        <v>-7</v>
      </c>
      <c r="D104" s="22">
        <v>-2</v>
      </c>
      <c r="E104" s="21">
        <v>25</v>
      </c>
      <c r="F104" s="22">
        <v>17</v>
      </c>
      <c r="G104" s="23">
        <v>8</v>
      </c>
      <c r="H104" s="22">
        <v>33</v>
      </c>
      <c r="I104" s="22">
        <v>18</v>
      </c>
      <c r="J104" s="22">
        <v>15</v>
      </c>
      <c r="K104" s="21">
        <v>17</v>
      </c>
      <c r="L104" s="53">
        <v>8</v>
      </c>
      <c r="M104" s="54">
        <v>9</v>
      </c>
    </row>
    <row r="105" spans="1:13">
      <c r="A105" s="40" t="s">
        <v>108</v>
      </c>
      <c r="B105" s="21">
        <v>-14</v>
      </c>
      <c r="C105" s="22">
        <v>-14</v>
      </c>
      <c r="D105" s="22">
        <v>0</v>
      </c>
      <c r="E105" s="21">
        <v>21</v>
      </c>
      <c r="F105" s="22">
        <v>12</v>
      </c>
      <c r="G105" s="23">
        <v>9</v>
      </c>
      <c r="H105" s="22">
        <v>20</v>
      </c>
      <c r="I105" s="22">
        <v>7</v>
      </c>
      <c r="J105" s="22">
        <v>13</v>
      </c>
      <c r="K105" s="21">
        <v>13</v>
      </c>
      <c r="L105" s="53">
        <v>9</v>
      </c>
      <c r="M105" s="54">
        <v>4</v>
      </c>
    </row>
    <row r="106" spans="1:13">
      <c r="A106" s="40" t="s">
        <v>109</v>
      </c>
      <c r="B106" s="21">
        <v>-19</v>
      </c>
      <c r="C106" s="22">
        <v>-17</v>
      </c>
      <c r="D106" s="22">
        <v>-2</v>
      </c>
      <c r="E106" s="21">
        <v>24</v>
      </c>
      <c r="F106" s="22">
        <v>20</v>
      </c>
      <c r="G106" s="23">
        <v>4</v>
      </c>
      <c r="H106" s="22">
        <v>22</v>
      </c>
      <c r="I106" s="22">
        <v>9</v>
      </c>
      <c r="J106" s="22">
        <v>13</v>
      </c>
      <c r="K106" s="21">
        <v>17</v>
      </c>
      <c r="L106" s="53">
        <v>6</v>
      </c>
      <c r="M106" s="54">
        <v>11</v>
      </c>
    </row>
    <row r="107" spans="1:13" ht="19.5" customHeight="1">
      <c r="A107" s="34" t="s">
        <v>110</v>
      </c>
      <c r="B107" s="17">
        <v>-161</v>
      </c>
      <c r="C107" s="18">
        <v>-101</v>
      </c>
      <c r="D107" s="18">
        <v>-60</v>
      </c>
      <c r="E107" s="17">
        <v>164</v>
      </c>
      <c r="F107" s="18">
        <v>105</v>
      </c>
      <c r="G107" s="19">
        <v>59</v>
      </c>
      <c r="H107" s="18">
        <v>77</v>
      </c>
      <c r="I107" s="18">
        <v>35</v>
      </c>
      <c r="J107" s="18">
        <v>42</v>
      </c>
      <c r="K107" s="17">
        <v>74</v>
      </c>
      <c r="L107" s="51">
        <v>31</v>
      </c>
      <c r="M107" s="52">
        <v>43</v>
      </c>
    </row>
    <row r="108" spans="1:13">
      <c r="A108" s="40" t="s">
        <v>111</v>
      </c>
      <c r="B108" s="21">
        <v>-35</v>
      </c>
      <c r="C108" s="22">
        <v>-18</v>
      </c>
      <c r="D108" s="22">
        <v>-17</v>
      </c>
      <c r="E108" s="21">
        <v>35</v>
      </c>
      <c r="F108" s="22">
        <v>20</v>
      </c>
      <c r="G108" s="23">
        <v>15</v>
      </c>
      <c r="H108" s="22">
        <v>15</v>
      </c>
      <c r="I108" s="22">
        <v>6</v>
      </c>
      <c r="J108" s="22">
        <v>9</v>
      </c>
      <c r="K108" s="21">
        <v>15</v>
      </c>
      <c r="L108" s="53">
        <v>4</v>
      </c>
      <c r="M108" s="54">
        <v>11</v>
      </c>
    </row>
    <row r="109" spans="1:13">
      <c r="A109" s="40" t="s">
        <v>112</v>
      </c>
      <c r="B109" s="21">
        <v>-26</v>
      </c>
      <c r="C109" s="22">
        <v>-18</v>
      </c>
      <c r="D109" s="22">
        <v>-8</v>
      </c>
      <c r="E109" s="21">
        <v>33</v>
      </c>
      <c r="F109" s="22">
        <v>22</v>
      </c>
      <c r="G109" s="23">
        <v>11</v>
      </c>
      <c r="H109" s="22">
        <v>20</v>
      </c>
      <c r="I109" s="22">
        <v>11</v>
      </c>
      <c r="J109" s="22">
        <v>9</v>
      </c>
      <c r="K109" s="21">
        <v>13</v>
      </c>
      <c r="L109" s="53">
        <v>7</v>
      </c>
      <c r="M109" s="54">
        <v>6</v>
      </c>
    </row>
    <row r="110" spans="1:13">
      <c r="A110" s="40" t="s">
        <v>113</v>
      </c>
      <c r="B110" s="21">
        <v>-32</v>
      </c>
      <c r="C110" s="22">
        <v>-18</v>
      </c>
      <c r="D110" s="22">
        <v>-14</v>
      </c>
      <c r="E110" s="21">
        <v>26</v>
      </c>
      <c r="F110" s="22">
        <v>15</v>
      </c>
      <c r="G110" s="23">
        <v>11</v>
      </c>
      <c r="H110" s="22">
        <v>8</v>
      </c>
      <c r="I110" s="22">
        <v>3</v>
      </c>
      <c r="J110" s="22">
        <v>5</v>
      </c>
      <c r="K110" s="21">
        <v>14</v>
      </c>
      <c r="L110" s="53">
        <v>6</v>
      </c>
      <c r="M110" s="54">
        <v>8</v>
      </c>
    </row>
    <row r="111" spans="1:13">
      <c r="A111" s="40" t="s">
        <v>114</v>
      </c>
      <c r="B111" s="21">
        <v>-35</v>
      </c>
      <c r="C111" s="22">
        <v>-26</v>
      </c>
      <c r="D111" s="22">
        <v>-9</v>
      </c>
      <c r="E111" s="21">
        <v>34</v>
      </c>
      <c r="F111" s="22">
        <v>23</v>
      </c>
      <c r="G111" s="23">
        <v>11</v>
      </c>
      <c r="H111" s="22">
        <v>16</v>
      </c>
      <c r="I111" s="22">
        <v>6</v>
      </c>
      <c r="J111" s="22">
        <v>10</v>
      </c>
      <c r="K111" s="21">
        <v>17</v>
      </c>
      <c r="L111" s="53">
        <v>9</v>
      </c>
      <c r="M111" s="54">
        <v>8</v>
      </c>
    </row>
    <row r="112" spans="1:13">
      <c r="A112" s="40" t="s">
        <v>115</v>
      </c>
      <c r="B112" s="21">
        <v>-33</v>
      </c>
      <c r="C112" s="22">
        <v>-21</v>
      </c>
      <c r="D112" s="22">
        <v>-12</v>
      </c>
      <c r="E112" s="21">
        <v>36</v>
      </c>
      <c r="F112" s="22">
        <v>25</v>
      </c>
      <c r="G112" s="23">
        <v>11</v>
      </c>
      <c r="H112" s="22">
        <v>18</v>
      </c>
      <c r="I112" s="22">
        <v>9</v>
      </c>
      <c r="J112" s="22">
        <v>9</v>
      </c>
      <c r="K112" s="21">
        <v>15</v>
      </c>
      <c r="L112" s="53">
        <v>5</v>
      </c>
      <c r="M112" s="54">
        <v>10</v>
      </c>
    </row>
    <row r="113" spans="1:13" ht="19.5" customHeight="1">
      <c r="A113" s="34" t="s">
        <v>116</v>
      </c>
      <c r="B113" s="17">
        <v>-228</v>
      </c>
      <c r="C113" s="18">
        <v>-145</v>
      </c>
      <c r="D113" s="18">
        <v>-83</v>
      </c>
      <c r="E113" s="17">
        <v>210</v>
      </c>
      <c r="F113" s="18">
        <v>137</v>
      </c>
      <c r="G113" s="19">
        <v>73</v>
      </c>
      <c r="H113" s="18">
        <v>55</v>
      </c>
      <c r="I113" s="18">
        <v>15</v>
      </c>
      <c r="J113" s="18">
        <v>40</v>
      </c>
      <c r="K113" s="17">
        <v>73</v>
      </c>
      <c r="L113" s="51">
        <v>23</v>
      </c>
      <c r="M113" s="52">
        <v>50</v>
      </c>
    </row>
    <row r="114" spans="1:13">
      <c r="A114" s="40" t="s">
        <v>117</v>
      </c>
      <c r="B114" s="21">
        <v>-31</v>
      </c>
      <c r="C114" s="22">
        <v>-14</v>
      </c>
      <c r="D114" s="22">
        <v>-17</v>
      </c>
      <c r="E114" s="21">
        <v>28</v>
      </c>
      <c r="F114" s="22">
        <v>16</v>
      </c>
      <c r="G114" s="23">
        <v>12</v>
      </c>
      <c r="H114" s="22">
        <v>13</v>
      </c>
      <c r="I114" s="22">
        <v>5</v>
      </c>
      <c r="J114" s="22">
        <v>8</v>
      </c>
      <c r="K114" s="21">
        <v>16</v>
      </c>
      <c r="L114" s="53">
        <v>3</v>
      </c>
      <c r="M114" s="54">
        <v>13</v>
      </c>
    </row>
    <row r="115" spans="1:13">
      <c r="A115" s="40" t="s">
        <v>118</v>
      </c>
      <c r="B115" s="21">
        <v>-55</v>
      </c>
      <c r="C115" s="22">
        <v>-32</v>
      </c>
      <c r="D115" s="22">
        <v>-23</v>
      </c>
      <c r="E115" s="21">
        <v>45</v>
      </c>
      <c r="F115" s="22">
        <v>29</v>
      </c>
      <c r="G115" s="23">
        <v>16</v>
      </c>
      <c r="H115" s="22">
        <v>11</v>
      </c>
      <c r="I115" s="22">
        <v>3</v>
      </c>
      <c r="J115" s="22">
        <v>8</v>
      </c>
      <c r="K115" s="21">
        <v>21</v>
      </c>
      <c r="L115" s="53">
        <v>6</v>
      </c>
      <c r="M115" s="54">
        <v>15</v>
      </c>
    </row>
    <row r="116" spans="1:13">
      <c r="A116" s="40" t="s">
        <v>119</v>
      </c>
      <c r="B116" s="21">
        <v>-54</v>
      </c>
      <c r="C116" s="22">
        <v>-36</v>
      </c>
      <c r="D116" s="22">
        <v>-18</v>
      </c>
      <c r="E116" s="21">
        <v>53</v>
      </c>
      <c r="F116" s="22">
        <v>34</v>
      </c>
      <c r="G116" s="23">
        <v>19</v>
      </c>
      <c r="H116" s="22">
        <v>10</v>
      </c>
      <c r="I116" s="22">
        <v>4</v>
      </c>
      <c r="J116" s="22">
        <v>6</v>
      </c>
      <c r="K116" s="21">
        <v>11</v>
      </c>
      <c r="L116" s="53">
        <v>6</v>
      </c>
      <c r="M116" s="54">
        <v>5</v>
      </c>
    </row>
    <row r="117" spans="1:13">
      <c r="A117" s="40" t="s">
        <v>120</v>
      </c>
      <c r="B117" s="21">
        <v>-47</v>
      </c>
      <c r="C117" s="22">
        <v>-33</v>
      </c>
      <c r="D117" s="22">
        <v>-14</v>
      </c>
      <c r="E117" s="21">
        <v>45</v>
      </c>
      <c r="F117" s="22">
        <v>34</v>
      </c>
      <c r="G117" s="23">
        <v>11</v>
      </c>
      <c r="H117" s="22">
        <v>11</v>
      </c>
      <c r="I117" s="22">
        <v>3</v>
      </c>
      <c r="J117" s="22">
        <v>8</v>
      </c>
      <c r="K117" s="21">
        <v>13</v>
      </c>
      <c r="L117" s="53">
        <v>2</v>
      </c>
      <c r="M117" s="54">
        <v>11</v>
      </c>
    </row>
    <row r="118" spans="1:13">
      <c r="A118" s="40" t="s">
        <v>121</v>
      </c>
      <c r="B118" s="21">
        <v>-41</v>
      </c>
      <c r="C118" s="22">
        <v>-30</v>
      </c>
      <c r="D118" s="22">
        <v>-11</v>
      </c>
      <c r="E118" s="21">
        <v>39</v>
      </c>
      <c r="F118" s="22">
        <v>24</v>
      </c>
      <c r="G118" s="23">
        <v>15</v>
      </c>
      <c r="H118" s="22">
        <v>10</v>
      </c>
      <c r="I118" s="22">
        <v>0</v>
      </c>
      <c r="J118" s="22">
        <v>10</v>
      </c>
      <c r="K118" s="21">
        <v>12</v>
      </c>
      <c r="L118" s="53">
        <v>6</v>
      </c>
      <c r="M118" s="54">
        <v>6</v>
      </c>
    </row>
    <row r="119" spans="1:13" ht="19.5" customHeight="1">
      <c r="A119" s="34" t="s">
        <v>122</v>
      </c>
      <c r="B119" s="17">
        <v>-196</v>
      </c>
      <c r="C119" s="18">
        <v>-106</v>
      </c>
      <c r="D119" s="18">
        <v>-90</v>
      </c>
      <c r="E119" s="17">
        <v>190</v>
      </c>
      <c r="F119" s="18">
        <v>95</v>
      </c>
      <c r="G119" s="19">
        <v>95</v>
      </c>
      <c r="H119" s="18">
        <v>44</v>
      </c>
      <c r="I119" s="18">
        <v>12</v>
      </c>
      <c r="J119" s="18">
        <v>32</v>
      </c>
      <c r="K119" s="17">
        <v>50</v>
      </c>
      <c r="L119" s="51">
        <v>23</v>
      </c>
      <c r="M119" s="52">
        <v>27</v>
      </c>
    </row>
    <row r="120" spans="1:13">
      <c r="A120" s="40" t="s">
        <v>123</v>
      </c>
      <c r="B120" s="21">
        <v>-53</v>
      </c>
      <c r="C120" s="22">
        <v>-31</v>
      </c>
      <c r="D120" s="22">
        <v>-22</v>
      </c>
      <c r="E120" s="21">
        <v>45</v>
      </c>
      <c r="F120" s="22">
        <v>26</v>
      </c>
      <c r="G120" s="23">
        <v>19</v>
      </c>
      <c r="H120" s="22">
        <v>8</v>
      </c>
      <c r="I120" s="22">
        <v>2</v>
      </c>
      <c r="J120" s="22">
        <v>6</v>
      </c>
      <c r="K120" s="21">
        <v>16</v>
      </c>
      <c r="L120" s="53">
        <v>7</v>
      </c>
      <c r="M120" s="54">
        <v>9</v>
      </c>
    </row>
    <row r="121" spans="1:13">
      <c r="A121" s="40" t="s">
        <v>124</v>
      </c>
      <c r="B121" s="21">
        <v>-40</v>
      </c>
      <c r="C121" s="22">
        <v>-23</v>
      </c>
      <c r="D121" s="22">
        <v>-17</v>
      </c>
      <c r="E121" s="21">
        <v>33</v>
      </c>
      <c r="F121" s="22">
        <v>17</v>
      </c>
      <c r="G121" s="23">
        <v>16</v>
      </c>
      <c r="H121" s="22">
        <v>4</v>
      </c>
      <c r="I121" s="22">
        <v>1</v>
      </c>
      <c r="J121" s="22">
        <v>3</v>
      </c>
      <c r="K121" s="21">
        <v>11</v>
      </c>
      <c r="L121" s="53">
        <v>7</v>
      </c>
      <c r="M121" s="54">
        <v>4</v>
      </c>
    </row>
    <row r="122" spans="1:13">
      <c r="A122" s="40" t="s">
        <v>125</v>
      </c>
      <c r="B122" s="21">
        <v>-42</v>
      </c>
      <c r="C122" s="22">
        <v>-23</v>
      </c>
      <c r="D122" s="22">
        <v>-19</v>
      </c>
      <c r="E122" s="21">
        <v>44</v>
      </c>
      <c r="F122" s="22">
        <v>23</v>
      </c>
      <c r="G122" s="23">
        <v>21</v>
      </c>
      <c r="H122" s="22">
        <v>14</v>
      </c>
      <c r="I122" s="22">
        <v>3</v>
      </c>
      <c r="J122" s="22">
        <v>11</v>
      </c>
      <c r="K122" s="21">
        <v>12</v>
      </c>
      <c r="L122" s="53">
        <v>3</v>
      </c>
      <c r="M122" s="54">
        <v>9</v>
      </c>
    </row>
    <row r="123" spans="1:13">
      <c r="A123" s="40" t="s">
        <v>126</v>
      </c>
      <c r="B123" s="21">
        <v>-34</v>
      </c>
      <c r="C123" s="22">
        <v>-19</v>
      </c>
      <c r="D123" s="22">
        <v>-15</v>
      </c>
      <c r="E123" s="21">
        <v>36</v>
      </c>
      <c r="F123" s="22">
        <v>16</v>
      </c>
      <c r="G123" s="23">
        <v>20</v>
      </c>
      <c r="H123" s="22">
        <v>9</v>
      </c>
      <c r="I123" s="22">
        <v>2</v>
      </c>
      <c r="J123" s="22">
        <v>7</v>
      </c>
      <c r="K123" s="21">
        <v>7</v>
      </c>
      <c r="L123" s="53">
        <v>5</v>
      </c>
      <c r="M123" s="54">
        <v>2</v>
      </c>
    </row>
    <row r="124" spans="1:13">
      <c r="A124" s="40" t="s">
        <v>127</v>
      </c>
      <c r="B124" s="21">
        <v>-27</v>
      </c>
      <c r="C124" s="22">
        <v>-10</v>
      </c>
      <c r="D124" s="22">
        <v>-17</v>
      </c>
      <c r="E124" s="21">
        <v>32</v>
      </c>
      <c r="F124" s="22">
        <v>13</v>
      </c>
      <c r="G124" s="23">
        <v>19</v>
      </c>
      <c r="H124" s="22">
        <v>9</v>
      </c>
      <c r="I124" s="22">
        <v>4</v>
      </c>
      <c r="J124" s="22">
        <v>5</v>
      </c>
      <c r="K124" s="21">
        <v>4</v>
      </c>
      <c r="L124" s="53">
        <v>1</v>
      </c>
      <c r="M124" s="54">
        <v>3</v>
      </c>
    </row>
    <row r="125" spans="1:13" ht="19.5" customHeight="1">
      <c r="A125" s="34" t="s">
        <v>128</v>
      </c>
      <c r="B125" s="17">
        <v>-123</v>
      </c>
      <c r="C125" s="18">
        <v>-49</v>
      </c>
      <c r="D125" s="18">
        <v>-74</v>
      </c>
      <c r="E125" s="17">
        <v>132</v>
      </c>
      <c r="F125" s="18">
        <v>50</v>
      </c>
      <c r="G125" s="19">
        <v>82</v>
      </c>
      <c r="H125" s="18">
        <v>27</v>
      </c>
      <c r="I125" s="18">
        <v>5</v>
      </c>
      <c r="J125" s="18">
        <v>22</v>
      </c>
      <c r="K125" s="17">
        <v>18</v>
      </c>
      <c r="L125" s="51">
        <v>4</v>
      </c>
      <c r="M125" s="52">
        <v>14</v>
      </c>
    </row>
    <row r="126" spans="1:13">
      <c r="A126" s="40" t="s">
        <v>129</v>
      </c>
      <c r="B126" s="21">
        <v>-33</v>
      </c>
      <c r="C126" s="22">
        <v>-14</v>
      </c>
      <c r="D126" s="22">
        <v>-19</v>
      </c>
      <c r="E126" s="21">
        <v>32</v>
      </c>
      <c r="F126" s="22">
        <v>14</v>
      </c>
      <c r="G126" s="23">
        <v>18</v>
      </c>
      <c r="H126" s="22">
        <v>5</v>
      </c>
      <c r="I126" s="22">
        <v>2</v>
      </c>
      <c r="J126" s="22">
        <v>3</v>
      </c>
      <c r="K126" s="21">
        <v>6</v>
      </c>
      <c r="L126" s="53">
        <v>2</v>
      </c>
      <c r="M126" s="54">
        <v>4</v>
      </c>
    </row>
    <row r="127" spans="1:13">
      <c r="A127" s="40" t="s">
        <v>130</v>
      </c>
      <c r="B127" s="21">
        <v>-25</v>
      </c>
      <c r="C127" s="22">
        <v>-5</v>
      </c>
      <c r="D127" s="22">
        <v>-20</v>
      </c>
      <c r="E127" s="21">
        <v>29</v>
      </c>
      <c r="F127" s="22">
        <v>6</v>
      </c>
      <c r="G127" s="23">
        <v>23</v>
      </c>
      <c r="H127" s="22">
        <v>9</v>
      </c>
      <c r="I127" s="22">
        <v>2</v>
      </c>
      <c r="J127" s="22">
        <v>7</v>
      </c>
      <c r="K127" s="21">
        <v>5</v>
      </c>
      <c r="L127" s="53">
        <v>1</v>
      </c>
      <c r="M127" s="54">
        <v>4</v>
      </c>
    </row>
    <row r="128" spans="1:13">
      <c r="A128" s="40" t="s">
        <v>131</v>
      </c>
      <c r="B128" s="21">
        <v>-31</v>
      </c>
      <c r="C128" s="22">
        <v>-18</v>
      </c>
      <c r="D128" s="22">
        <v>-13</v>
      </c>
      <c r="E128" s="21">
        <v>34</v>
      </c>
      <c r="F128" s="22">
        <v>18</v>
      </c>
      <c r="G128" s="23">
        <v>16</v>
      </c>
      <c r="H128" s="22">
        <v>4</v>
      </c>
      <c r="I128" s="22">
        <v>0</v>
      </c>
      <c r="J128" s="22">
        <v>4</v>
      </c>
      <c r="K128" s="21">
        <v>1</v>
      </c>
      <c r="L128" s="53">
        <v>0</v>
      </c>
      <c r="M128" s="54">
        <v>1</v>
      </c>
    </row>
    <row r="129" spans="1:13">
      <c r="A129" s="40" t="s">
        <v>132</v>
      </c>
      <c r="B129" s="21">
        <v>-20</v>
      </c>
      <c r="C129" s="22">
        <v>-9</v>
      </c>
      <c r="D129" s="22">
        <v>-11</v>
      </c>
      <c r="E129" s="21">
        <v>22</v>
      </c>
      <c r="F129" s="22">
        <v>8</v>
      </c>
      <c r="G129" s="23">
        <v>14</v>
      </c>
      <c r="H129" s="22">
        <v>4</v>
      </c>
      <c r="I129" s="22">
        <v>0</v>
      </c>
      <c r="J129" s="22">
        <v>4</v>
      </c>
      <c r="K129" s="21">
        <v>2</v>
      </c>
      <c r="L129" s="53">
        <v>1</v>
      </c>
      <c r="M129" s="54">
        <v>1</v>
      </c>
    </row>
    <row r="130" spans="1:13">
      <c r="A130" s="40" t="s">
        <v>133</v>
      </c>
      <c r="B130" s="21">
        <v>-14</v>
      </c>
      <c r="C130" s="22">
        <v>-3</v>
      </c>
      <c r="D130" s="22">
        <v>-11</v>
      </c>
      <c r="E130" s="21">
        <v>15</v>
      </c>
      <c r="F130" s="22">
        <v>4</v>
      </c>
      <c r="G130" s="23">
        <v>11</v>
      </c>
      <c r="H130" s="22">
        <v>5</v>
      </c>
      <c r="I130" s="22">
        <v>1</v>
      </c>
      <c r="J130" s="22">
        <v>4</v>
      </c>
      <c r="K130" s="21">
        <v>4</v>
      </c>
      <c r="L130" s="53">
        <v>0</v>
      </c>
      <c r="M130" s="54">
        <v>4</v>
      </c>
    </row>
    <row r="131" spans="1:13" ht="19.5" customHeight="1">
      <c r="A131" s="34" t="s">
        <v>134</v>
      </c>
      <c r="B131" s="17">
        <v>-80</v>
      </c>
      <c r="C131" s="18">
        <v>-17</v>
      </c>
      <c r="D131" s="18">
        <v>-63</v>
      </c>
      <c r="E131" s="17">
        <v>88</v>
      </c>
      <c r="F131" s="18">
        <v>18</v>
      </c>
      <c r="G131" s="19">
        <v>70</v>
      </c>
      <c r="H131" s="18">
        <v>14</v>
      </c>
      <c r="I131" s="18">
        <v>1</v>
      </c>
      <c r="J131" s="18">
        <v>13</v>
      </c>
      <c r="K131" s="17">
        <v>6</v>
      </c>
      <c r="L131" s="51">
        <v>0</v>
      </c>
      <c r="M131" s="52">
        <v>6</v>
      </c>
    </row>
    <row r="132" spans="1:13">
      <c r="A132" s="40" t="s">
        <v>135</v>
      </c>
      <c r="B132" s="21">
        <v>-22</v>
      </c>
      <c r="C132" s="22">
        <v>-4</v>
      </c>
      <c r="D132" s="22">
        <v>-18</v>
      </c>
      <c r="E132" s="21">
        <v>25</v>
      </c>
      <c r="F132" s="22">
        <v>4</v>
      </c>
      <c r="G132" s="23">
        <v>21</v>
      </c>
      <c r="H132" s="22">
        <v>4</v>
      </c>
      <c r="I132" s="22">
        <v>0</v>
      </c>
      <c r="J132" s="22">
        <v>4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16</v>
      </c>
      <c r="C133" s="22">
        <v>-2</v>
      </c>
      <c r="D133" s="22">
        <v>-14</v>
      </c>
      <c r="E133" s="21">
        <v>18</v>
      </c>
      <c r="F133" s="22">
        <v>2</v>
      </c>
      <c r="G133" s="23">
        <v>16</v>
      </c>
      <c r="H133" s="22">
        <v>3</v>
      </c>
      <c r="I133" s="22">
        <v>0</v>
      </c>
      <c r="J133" s="22">
        <v>3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15</v>
      </c>
      <c r="C134" s="22">
        <v>-3</v>
      </c>
      <c r="D134" s="22">
        <v>-12</v>
      </c>
      <c r="E134" s="21">
        <v>19</v>
      </c>
      <c r="F134" s="22">
        <v>4</v>
      </c>
      <c r="G134" s="23">
        <v>15</v>
      </c>
      <c r="H134" s="22">
        <v>5</v>
      </c>
      <c r="I134" s="22">
        <v>1</v>
      </c>
      <c r="J134" s="22">
        <v>4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13</v>
      </c>
      <c r="C135" s="22">
        <v>-4</v>
      </c>
      <c r="D135" s="22">
        <v>-9</v>
      </c>
      <c r="E135" s="21">
        <v>14</v>
      </c>
      <c r="F135" s="22">
        <v>4</v>
      </c>
      <c r="G135" s="23">
        <v>10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4</v>
      </c>
      <c r="C136" s="22">
        <v>-4</v>
      </c>
      <c r="D136" s="22">
        <v>-10</v>
      </c>
      <c r="E136" s="21">
        <v>12</v>
      </c>
      <c r="F136" s="22">
        <v>4</v>
      </c>
      <c r="G136" s="23">
        <v>8</v>
      </c>
      <c r="H136" s="22">
        <v>1</v>
      </c>
      <c r="I136" s="22">
        <v>0</v>
      </c>
      <c r="J136" s="22">
        <v>1</v>
      </c>
      <c r="K136" s="21">
        <v>3</v>
      </c>
      <c r="L136" s="53">
        <v>0</v>
      </c>
      <c r="M136" s="54">
        <v>3</v>
      </c>
    </row>
    <row r="137" spans="1:13" ht="19.5" customHeight="1">
      <c r="A137" s="41" t="s">
        <v>140</v>
      </c>
      <c r="B137" s="42">
        <v>-18</v>
      </c>
      <c r="C137" s="43">
        <v>-2</v>
      </c>
      <c r="D137" s="43">
        <v>-16</v>
      </c>
      <c r="E137" s="42">
        <v>18</v>
      </c>
      <c r="F137" s="43">
        <v>2</v>
      </c>
      <c r="G137" s="44">
        <v>16</v>
      </c>
      <c r="H137" s="43">
        <v>1</v>
      </c>
      <c r="I137" s="43">
        <v>0</v>
      </c>
      <c r="J137" s="43">
        <v>1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1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77</v>
      </c>
      <c r="C5" s="14">
        <v>197</v>
      </c>
      <c r="D5" s="14">
        <v>-20</v>
      </c>
      <c r="E5" s="13">
        <v>795</v>
      </c>
      <c r="F5" s="14">
        <v>446</v>
      </c>
      <c r="G5" s="15">
        <v>349</v>
      </c>
      <c r="H5" s="14">
        <v>4444</v>
      </c>
      <c r="I5" s="14">
        <v>2691</v>
      </c>
      <c r="J5" s="14">
        <v>1753</v>
      </c>
      <c r="K5" s="13">
        <v>4012</v>
      </c>
      <c r="L5" s="49">
        <v>2306</v>
      </c>
      <c r="M5" s="50">
        <v>1706</v>
      </c>
    </row>
    <row r="6" spans="1:13" ht="19.5" customHeight="1">
      <c r="A6" s="16" t="s">
        <v>13</v>
      </c>
      <c r="B6" s="17">
        <v>647</v>
      </c>
      <c r="C6" s="18">
        <v>312</v>
      </c>
      <c r="D6" s="18">
        <v>335</v>
      </c>
      <c r="E6" s="17">
        <v>0</v>
      </c>
      <c r="F6" s="18">
        <v>0</v>
      </c>
      <c r="G6" s="19">
        <v>0</v>
      </c>
      <c r="H6" s="18">
        <v>372</v>
      </c>
      <c r="I6" s="18">
        <v>207</v>
      </c>
      <c r="J6" s="18">
        <v>165</v>
      </c>
      <c r="K6" s="17">
        <v>265</v>
      </c>
      <c r="L6" s="51">
        <v>153</v>
      </c>
      <c r="M6" s="52">
        <v>112</v>
      </c>
    </row>
    <row r="7" spans="1:13">
      <c r="A7" s="20" t="s">
        <v>14</v>
      </c>
      <c r="B7" s="21">
        <v>574</v>
      </c>
      <c r="C7" s="22">
        <v>275</v>
      </c>
      <c r="D7" s="22">
        <v>299</v>
      </c>
      <c r="E7" s="21">
        <v>0</v>
      </c>
      <c r="F7" s="22">
        <v>0</v>
      </c>
      <c r="G7" s="23">
        <v>0</v>
      </c>
      <c r="H7" s="22">
        <v>133</v>
      </c>
      <c r="I7" s="22">
        <v>76</v>
      </c>
      <c r="J7" s="22">
        <v>57</v>
      </c>
      <c r="K7" s="21">
        <v>99</v>
      </c>
      <c r="L7" s="53">
        <v>59</v>
      </c>
      <c r="M7" s="54">
        <v>40</v>
      </c>
    </row>
    <row r="8" spans="1:13">
      <c r="A8" s="20" t="s">
        <v>15</v>
      </c>
      <c r="B8" s="21">
        <v>20</v>
      </c>
      <c r="C8" s="22">
        <v>10</v>
      </c>
      <c r="D8" s="22">
        <v>10</v>
      </c>
      <c r="E8" s="21">
        <v>0</v>
      </c>
      <c r="F8" s="22">
        <v>0</v>
      </c>
      <c r="G8" s="23">
        <v>0</v>
      </c>
      <c r="H8" s="22">
        <v>79</v>
      </c>
      <c r="I8" s="22">
        <v>47</v>
      </c>
      <c r="J8" s="22">
        <v>32</v>
      </c>
      <c r="K8" s="21">
        <v>59</v>
      </c>
      <c r="L8" s="53">
        <v>37</v>
      </c>
      <c r="M8" s="54">
        <v>22</v>
      </c>
    </row>
    <row r="9" spans="1:13">
      <c r="A9" s="20" t="s">
        <v>16</v>
      </c>
      <c r="B9" s="21">
        <v>31</v>
      </c>
      <c r="C9" s="22">
        <v>20</v>
      </c>
      <c r="D9" s="22">
        <v>11</v>
      </c>
      <c r="E9" s="21">
        <v>0</v>
      </c>
      <c r="F9" s="22">
        <v>0</v>
      </c>
      <c r="G9" s="23">
        <v>0</v>
      </c>
      <c r="H9" s="22">
        <v>68</v>
      </c>
      <c r="I9" s="22">
        <v>39</v>
      </c>
      <c r="J9" s="22">
        <v>29</v>
      </c>
      <c r="K9" s="21">
        <v>37</v>
      </c>
      <c r="L9" s="53">
        <v>19</v>
      </c>
      <c r="M9" s="54">
        <v>18</v>
      </c>
    </row>
    <row r="10" spans="1:13">
      <c r="A10" s="20" t="s">
        <v>17</v>
      </c>
      <c r="B10" s="21">
        <v>11</v>
      </c>
      <c r="C10" s="22">
        <v>3</v>
      </c>
      <c r="D10" s="22">
        <v>8</v>
      </c>
      <c r="E10" s="21">
        <v>0</v>
      </c>
      <c r="F10" s="22">
        <v>0</v>
      </c>
      <c r="G10" s="23">
        <v>0</v>
      </c>
      <c r="H10" s="22">
        <v>50</v>
      </c>
      <c r="I10" s="22">
        <v>27</v>
      </c>
      <c r="J10" s="22">
        <v>23</v>
      </c>
      <c r="K10" s="21">
        <v>39</v>
      </c>
      <c r="L10" s="53">
        <v>24</v>
      </c>
      <c r="M10" s="54">
        <v>15</v>
      </c>
    </row>
    <row r="11" spans="1:13">
      <c r="A11" s="20" t="s">
        <v>18</v>
      </c>
      <c r="B11" s="21">
        <v>11</v>
      </c>
      <c r="C11" s="22">
        <v>4</v>
      </c>
      <c r="D11" s="22">
        <v>7</v>
      </c>
      <c r="E11" s="21">
        <v>0</v>
      </c>
      <c r="F11" s="22">
        <v>0</v>
      </c>
      <c r="G11" s="23">
        <v>0</v>
      </c>
      <c r="H11" s="22">
        <v>42</v>
      </c>
      <c r="I11" s="22">
        <v>18</v>
      </c>
      <c r="J11" s="22">
        <v>24</v>
      </c>
      <c r="K11" s="21">
        <v>31</v>
      </c>
      <c r="L11" s="53">
        <v>14</v>
      </c>
      <c r="M11" s="54">
        <v>17</v>
      </c>
    </row>
    <row r="12" spans="1:13" ht="20.100000000000001" customHeight="1">
      <c r="A12" s="16" t="s">
        <v>19</v>
      </c>
      <c r="B12" s="17">
        <v>15</v>
      </c>
      <c r="C12" s="18">
        <v>9</v>
      </c>
      <c r="D12" s="18">
        <v>6</v>
      </c>
      <c r="E12" s="17">
        <v>0</v>
      </c>
      <c r="F12" s="18">
        <v>0</v>
      </c>
      <c r="G12" s="19">
        <v>0</v>
      </c>
      <c r="H12" s="18">
        <v>127</v>
      </c>
      <c r="I12" s="18">
        <v>73</v>
      </c>
      <c r="J12" s="18">
        <v>54</v>
      </c>
      <c r="K12" s="17">
        <v>112</v>
      </c>
      <c r="L12" s="51">
        <v>64</v>
      </c>
      <c r="M12" s="52">
        <v>48</v>
      </c>
    </row>
    <row r="13" spans="1:13">
      <c r="A13" s="20" t="s">
        <v>20</v>
      </c>
      <c r="B13" s="21">
        <v>2</v>
      </c>
      <c r="C13" s="22">
        <v>5</v>
      </c>
      <c r="D13" s="22">
        <v>-3</v>
      </c>
      <c r="E13" s="21">
        <v>0</v>
      </c>
      <c r="F13" s="22">
        <v>0</v>
      </c>
      <c r="G13" s="23">
        <v>0</v>
      </c>
      <c r="H13" s="22">
        <v>31</v>
      </c>
      <c r="I13" s="22">
        <v>19</v>
      </c>
      <c r="J13" s="22">
        <v>12</v>
      </c>
      <c r="K13" s="21">
        <v>29</v>
      </c>
      <c r="L13" s="53">
        <v>14</v>
      </c>
      <c r="M13" s="54">
        <v>15</v>
      </c>
    </row>
    <row r="14" spans="1:13">
      <c r="A14" s="20" t="s">
        <v>21</v>
      </c>
      <c r="B14" s="21">
        <v>1</v>
      </c>
      <c r="C14" s="22">
        <v>-1</v>
      </c>
      <c r="D14" s="22">
        <v>2</v>
      </c>
      <c r="E14" s="21">
        <v>0</v>
      </c>
      <c r="F14" s="22">
        <v>0</v>
      </c>
      <c r="G14" s="23">
        <v>0</v>
      </c>
      <c r="H14" s="22">
        <v>25</v>
      </c>
      <c r="I14" s="22">
        <v>14</v>
      </c>
      <c r="J14" s="22">
        <v>11</v>
      </c>
      <c r="K14" s="21">
        <v>24</v>
      </c>
      <c r="L14" s="53">
        <v>15</v>
      </c>
      <c r="M14" s="54">
        <v>9</v>
      </c>
    </row>
    <row r="15" spans="1:13">
      <c r="A15" s="20" t="s">
        <v>22</v>
      </c>
      <c r="B15" s="21">
        <v>9</v>
      </c>
      <c r="C15" s="22">
        <v>4</v>
      </c>
      <c r="D15" s="22">
        <v>5</v>
      </c>
      <c r="E15" s="21">
        <v>0</v>
      </c>
      <c r="F15" s="22">
        <v>0</v>
      </c>
      <c r="G15" s="23">
        <v>0</v>
      </c>
      <c r="H15" s="22">
        <v>29</v>
      </c>
      <c r="I15" s="22">
        <v>16</v>
      </c>
      <c r="J15" s="22">
        <v>13</v>
      </c>
      <c r="K15" s="21">
        <v>20</v>
      </c>
      <c r="L15" s="53">
        <v>12</v>
      </c>
      <c r="M15" s="54">
        <v>8</v>
      </c>
    </row>
    <row r="16" spans="1:13">
      <c r="A16" s="20" t="s">
        <v>23</v>
      </c>
      <c r="B16" s="21">
        <v>-1</v>
      </c>
      <c r="C16" s="22">
        <v>1</v>
      </c>
      <c r="D16" s="22">
        <v>-2</v>
      </c>
      <c r="E16" s="21">
        <v>0</v>
      </c>
      <c r="F16" s="22">
        <v>0</v>
      </c>
      <c r="G16" s="23">
        <v>0</v>
      </c>
      <c r="H16" s="22">
        <v>20</v>
      </c>
      <c r="I16" s="22">
        <v>12</v>
      </c>
      <c r="J16" s="22">
        <v>8</v>
      </c>
      <c r="K16" s="21">
        <v>21</v>
      </c>
      <c r="L16" s="53">
        <v>11</v>
      </c>
      <c r="M16" s="54">
        <v>10</v>
      </c>
    </row>
    <row r="17" spans="1:13">
      <c r="A17" s="20" t="s">
        <v>24</v>
      </c>
      <c r="B17" s="21">
        <v>4</v>
      </c>
      <c r="C17" s="22">
        <v>0</v>
      </c>
      <c r="D17" s="22">
        <v>4</v>
      </c>
      <c r="E17" s="21">
        <v>0</v>
      </c>
      <c r="F17" s="22">
        <v>0</v>
      </c>
      <c r="G17" s="23">
        <v>0</v>
      </c>
      <c r="H17" s="22">
        <v>22</v>
      </c>
      <c r="I17" s="22">
        <v>12</v>
      </c>
      <c r="J17" s="22">
        <v>10</v>
      </c>
      <c r="K17" s="21">
        <v>18</v>
      </c>
      <c r="L17" s="53">
        <v>12</v>
      </c>
      <c r="M17" s="54">
        <v>6</v>
      </c>
    </row>
    <row r="18" spans="1:13" ht="20.100000000000001" customHeight="1">
      <c r="A18" s="16" t="s">
        <v>25</v>
      </c>
      <c r="B18" s="17">
        <v>11</v>
      </c>
      <c r="C18" s="18">
        <v>7</v>
      </c>
      <c r="D18" s="18">
        <v>4</v>
      </c>
      <c r="E18" s="17">
        <v>0</v>
      </c>
      <c r="F18" s="18">
        <v>0</v>
      </c>
      <c r="G18" s="19">
        <v>0</v>
      </c>
      <c r="H18" s="18">
        <v>85</v>
      </c>
      <c r="I18" s="18">
        <v>46</v>
      </c>
      <c r="J18" s="18">
        <v>39</v>
      </c>
      <c r="K18" s="17">
        <v>74</v>
      </c>
      <c r="L18" s="51">
        <v>39</v>
      </c>
      <c r="M18" s="52">
        <v>35</v>
      </c>
    </row>
    <row r="19" spans="1:13">
      <c r="A19" s="20" t="s">
        <v>26</v>
      </c>
      <c r="B19" s="21">
        <v>20</v>
      </c>
      <c r="C19" s="22">
        <v>9</v>
      </c>
      <c r="D19" s="22">
        <v>11</v>
      </c>
      <c r="E19" s="21">
        <v>0</v>
      </c>
      <c r="F19" s="22">
        <v>0</v>
      </c>
      <c r="G19" s="23">
        <v>0</v>
      </c>
      <c r="H19" s="22">
        <v>30</v>
      </c>
      <c r="I19" s="22">
        <v>15</v>
      </c>
      <c r="J19" s="22">
        <v>15</v>
      </c>
      <c r="K19" s="21">
        <v>10</v>
      </c>
      <c r="L19" s="53">
        <v>6</v>
      </c>
      <c r="M19" s="54">
        <v>4</v>
      </c>
    </row>
    <row r="20" spans="1:13">
      <c r="A20" s="20" t="s">
        <v>27</v>
      </c>
      <c r="B20" s="21">
        <v>0</v>
      </c>
      <c r="C20" s="22">
        <v>4</v>
      </c>
      <c r="D20" s="22">
        <v>-4</v>
      </c>
      <c r="E20" s="21">
        <v>0</v>
      </c>
      <c r="F20" s="22">
        <v>0</v>
      </c>
      <c r="G20" s="23">
        <v>0</v>
      </c>
      <c r="H20" s="22">
        <v>15</v>
      </c>
      <c r="I20" s="22">
        <v>10</v>
      </c>
      <c r="J20" s="22">
        <v>5</v>
      </c>
      <c r="K20" s="21">
        <v>15</v>
      </c>
      <c r="L20" s="53">
        <v>6</v>
      </c>
      <c r="M20" s="54">
        <v>9</v>
      </c>
    </row>
    <row r="21" spans="1:13">
      <c r="A21" s="20" t="s">
        <v>28</v>
      </c>
      <c r="B21" s="21">
        <v>-5</v>
      </c>
      <c r="C21" s="22">
        <v>-3</v>
      </c>
      <c r="D21" s="22">
        <v>-2</v>
      </c>
      <c r="E21" s="21">
        <v>0</v>
      </c>
      <c r="F21" s="22">
        <v>0</v>
      </c>
      <c r="G21" s="23">
        <v>0</v>
      </c>
      <c r="H21" s="22">
        <v>13</v>
      </c>
      <c r="I21" s="22">
        <v>7</v>
      </c>
      <c r="J21" s="22">
        <v>6</v>
      </c>
      <c r="K21" s="21">
        <v>18</v>
      </c>
      <c r="L21" s="53">
        <v>10</v>
      </c>
      <c r="M21" s="54">
        <v>8</v>
      </c>
    </row>
    <row r="22" spans="1:13">
      <c r="A22" s="20" t="s">
        <v>29</v>
      </c>
      <c r="B22" s="21">
        <v>-6</v>
      </c>
      <c r="C22" s="22">
        <v>-2</v>
      </c>
      <c r="D22" s="22">
        <v>-4</v>
      </c>
      <c r="E22" s="21">
        <v>0</v>
      </c>
      <c r="F22" s="22">
        <v>0</v>
      </c>
      <c r="G22" s="23">
        <v>0</v>
      </c>
      <c r="H22" s="22">
        <v>11</v>
      </c>
      <c r="I22" s="22">
        <v>6</v>
      </c>
      <c r="J22" s="22">
        <v>5</v>
      </c>
      <c r="K22" s="21">
        <v>17</v>
      </c>
      <c r="L22" s="53">
        <v>8</v>
      </c>
      <c r="M22" s="54">
        <v>9</v>
      </c>
    </row>
    <row r="23" spans="1:13">
      <c r="A23" s="20" t="s">
        <v>30</v>
      </c>
      <c r="B23" s="21">
        <v>2</v>
      </c>
      <c r="C23" s="22">
        <v>-1</v>
      </c>
      <c r="D23" s="22">
        <v>3</v>
      </c>
      <c r="E23" s="21">
        <v>0</v>
      </c>
      <c r="F23" s="22">
        <v>0</v>
      </c>
      <c r="G23" s="23">
        <v>0</v>
      </c>
      <c r="H23" s="22">
        <v>16</v>
      </c>
      <c r="I23" s="22">
        <v>8</v>
      </c>
      <c r="J23" s="22">
        <v>8</v>
      </c>
      <c r="K23" s="21">
        <v>14</v>
      </c>
      <c r="L23" s="53">
        <v>9</v>
      </c>
      <c r="M23" s="54">
        <v>5</v>
      </c>
    </row>
    <row r="24" spans="1:13" ht="20.100000000000001" customHeight="1">
      <c r="A24" s="16" t="s">
        <v>31</v>
      </c>
      <c r="B24" s="17">
        <v>19</v>
      </c>
      <c r="C24" s="18">
        <v>8</v>
      </c>
      <c r="D24" s="18">
        <v>11</v>
      </c>
      <c r="E24" s="17">
        <v>1</v>
      </c>
      <c r="F24" s="18">
        <v>0</v>
      </c>
      <c r="G24" s="19">
        <v>1</v>
      </c>
      <c r="H24" s="18">
        <v>214</v>
      </c>
      <c r="I24" s="18">
        <v>112</v>
      </c>
      <c r="J24" s="18">
        <v>102</v>
      </c>
      <c r="K24" s="17">
        <v>194</v>
      </c>
      <c r="L24" s="51">
        <v>104</v>
      </c>
      <c r="M24" s="52">
        <v>90</v>
      </c>
    </row>
    <row r="25" spans="1:13">
      <c r="A25" s="20" t="s">
        <v>32</v>
      </c>
      <c r="B25" s="21">
        <v>0</v>
      </c>
      <c r="C25" s="22">
        <v>2</v>
      </c>
      <c r="D25" s="22">
        <v>-2</v>
      </c>
      <c r="E25" s="21">
        <v>0</v>
      </c>
      <c r="F25" s="22">
        <v>0</v>
      </c>
      <c r="G25" s="23">
        <v>0</v>
      </c>
      <c r="H25" s="22">
        <v>17</v>
      </c>
      <c r="I25" s="22">
        <v>10</v>
      </c>
      <c r="J25" s="22">
        <v>7</v>
      </c>
      <c r="K25" s="21">
        <v>17</v>
      </c>
      <c r="L25" s="53">
        <v>8</v>
      </c>
      <c r="M25" s="54">
        <v>9</v>
      </c>
    </row>
    <row r="26" spans="1:13">
      <c r="A26" s="20" t="s">
        <v>33</v>
      </c>
      <c r="B26" s="21">
        <v>6</v>
      </c>
      <c r="C26" s="22">
        <v>3</v>
      </c>
      <c r="D26" s="22">
        <v>3</v>
      </c>
      <c r="E26" s="21">
        <v>0</v>
      </c>
      <c r="F26" s="22">
        <v>0</v>
      </c>
      <c r="G26" s="23">
        <v>0</v>
      </c>
      <c r="H26" s="22">
        <v>20</v>
      </c>
      <c r="I26" s="22">
        <v>11</v>
      </c>
      <c r="J26" s="22">
        <v>9</v>
      </c>
      <c r="K26" s="21">
        <v>14</v>
      </c>
      <c r="L26" s="53">
        <v>8</v>
      </c>
      <c r="M26" s="54">
        <v>6</v>
      </c>
    </row>
    <row r="27" spans="1:13">
      <c r="A27" s="20" t="s">
        <v>34</v>
      </c>
      <c r="B27" s="21">
        <v>4</v>
      </c>
      <c r="C27" s="22">
        <v>3</v>
      </c>
      <c r="D27" s="22">
        <v>1</v>
      </c>
      <c r="E27" s="21">
        <v>1</v>
      </c>
      <c r="F27" s="22">
        <v>0</v>
      </c>
      <c r="G27" s="23">
        <v>1</v>
      </c>
      <c r="H27" s="22">
        <v>27</v>
      </c>
      <c r="I27" s="22">
        <v>13</v>
      </c>
      <c r="J27" s="22">
        <v>14</v>
      </c>
      <c r="K27" s="21">
        <v>22</v>
      </c>
      <c r="L27" s="53">
        <v>10</v>
      </c>
      <c r="M27" s="54">
        <v>12</v>
      </c>
    </row>
    <row r="28" spans="1:13">
      <c r="A28" s="20" t="s">
        <v>35</v>
      </c>
      <c r="B28" s="21">
        <v>14</v>
      </c>
      <c r="C28" s="22">
        <v>5</v>
      </c>
      <c r="D28" s="22">
        <v>9</v>
      </c>
      <c r="E28" s="21">
        <v>0</v>
      </c>
      <c r="F28" s="22">
        <v>0</v>
      </c>
      <c r="G28" s="23">
        <v>0</v>
      </c>
      <c r="H28" s="22">
        <v>86</v>
      </c>
      <c r="I28" s="22">
        <v>47</v>
      </c>
      <c r="J28" s="22">
        <v>39</v>
      </c>
      <c r="K28" s="21">
        <v>72</v>
      </c>
      <c r="L28" s="53">
        <v>42</v>
      </c>
      <c r="M28" s="54">
        <v>30</v>
      </c>
    </row>
    <row r="29" spans="1:13">
      <c r="A29" s="20" t="s">
        <v>36</v>
      </c>
      <c r="B29" s="21">
        <v>-5</v>
      </c>
      <c r="C29" s="22">
        <v>-5</v>
      </c>
      <c r="D29" s="22">
        <v>0</v>
      </c>
      <c r="E29" s="21">
        <v>0</v>
      </c>
      <c r="F29" s="22">
        <v>0</v>
      </c>
      <c r="G29" s="23">
        <v>0</v>
      </c>
      <c r="H29" s="22">
        <v>64</v>
      </c>
      <c r="I29" s="22">
        <v>31</v>
      </c>
      <c r="J29" s="22">
        <v>33</v>
      </c>
      <c r="K29" s="21">
        <v>69</v>
      </c>
      <c r="L29" s="53">
        <v>36</v>
      </c>
      <c r="M29" s="54">
        <v>33</v>
      </c>
    </row>
    <row r="30" spans="1:13" ht="20.100000000000001" customHeight="1">
      <c r="A30" s="16" t="s">
        <v>37</v>
      </c>
      <c r="B30" s="17">
        <v>33</v>
      </c>
      <c r="C30" s="18">
        <v>62</v>
      </c>
      <c r="D30" s="18">
        <v>-29</v>
      </c>
      <c r="E30" s="17">
        <v>0</v>
      </c>
      <c r="F30" s="18">
        <v>0</v>
      </c>
      <c r="G30" s="19">
        <v>0</v>
      </c>
      <c r="H30" s="18">
        <v>699</v>
      </c>
      <c r="I30" s="18">
        <v>423</v>
      </c>
      <c r="J30" s="18">
        <v>276</v>
      </c>
      <c r="K30" s="17">
        <v>666</v>
      </c>
      <c r="L30" s="51">
        <v>361</v>
      </c>
      <c r="M30" s="52">
        <v>305</v>
      </c>
    </row>
    <row r="31" spans="1:13">
      <c r="A31" s="20" t="s">
        <v>38</v>
      </c>
      <c r="B31" s="21">
        <v>6</v>
      </c>
      <c r="C31" s="22">
        <v>13</v>
      </c>
      <c r="D31" s="22">
        <v>-7</v>
      </c>
      <c r="E31" s="21">
        <v>0</v>
      </c>
      <c r="F31" s="22">
        <v>0</v>
      </c>
      <c r="G31" s="23">
        <v>0</v>
      </c>
      <c r="H31" s="22">
        <v>105</v>
      </c>
      <c r="I31" s="22">
        <v>58</v>
      </c>
      <c r="J31" s="22">
        <v>47</v>
      </c>
      <c r="K31" s="21">
        <v>99</v>
      </c>
      <c r="L31" s="53">
        <v>45</v>
      </c>
      <c r="M31" s="54">
        <v>54</v>
      </c>
    </row>
    <row r="32" spans="1:13">
      <c r="A32" s="20" t="s">
        <v>39</v>
      </c>
      <c r="B32" s="21">
        <v>18</v>
      </c>
      <c r="C32" s="22">
        <v>24</v>
      </c>
      <c r="D32" s="22">
        <v>-6</v>
      </c>
      <c r="E32" s="21">
        <v>0</v>
      </c>
      <c r="F32" s="22">
        <v>0</v>
      </c>
      <c r="G32" s="23">
        <v>0</v>
      </c>
      <c r="H32" s="22">
        <v>119</v>
      </c>
      <c r="I32" s="22">
        <v>75</v>
      </c>
      <c r="J32" s="22">
        <v>44</v>
      </c>
      <c r="K32" s="21">
        <v>101</v>
      </c>
      <c r="L32" s="53">
        <v>51</v>
      </c>
      <c r="M32" s="54">
        <v>50</v>
      </c>
    </row>
    <row r="33" spans="1:13">
      <c r="A33" s="20" t="s">
        <v>40</v>
      </c>
      <c r="B33" s="21">
        <v>-4</v>
      </c>
      <c r="C33" s="22">
        <v>5</v>
      </c>
      <c r="D33" s="22">
        <v>-9</v>
      </c>
      <c r="E33" s="21">
        <v>0</v>
      </c>
      <c r="F33" s="22">
        <v>0</v>
      </c>
      <c r="G33" s="23">
        <v>0</v>
      </c>
      <c r="H33" s="22">
        <v>177</v>
      </c>
      <c r="I33" s="22">
        <v>105</v>
      </c>
      <c r="J33" s="22">
        <v>72</v>
      </c>
      <c r="K33" s="21">
        <v>181</v>
      </c>
      <c r="L33" s="53">
        <v>100</v>
      </c>
      <c r="M33" s="54">
        <v>81</v>
      </c>
    </row>
    <row r="34" spans="1:13">
      <c r="A34" s="20" t="s">
        <v>41</v>
      </c>
      <c r="B34" s="21">
        <v>-4</v>
      </c>
      <c r="C34" s="22">
        <v>-4</v>
      </c>
      <c r="D34" s="22">
        <v>0</v>
      </c>
      <c r="E34" s="21">
        <v>0</v>
      </c>
      <c r="F34" s="22">
        <v>0</v>
      </c>
      <c r="G34" s="23">
        <v>0</v>
      </c>
      <c r="H34" s="22">
        <v>138</v>
      </c>
      <c r="I34" s="22">
        <v>84</v>
      </c>
      <c r="J34" s="22">
        <v>54</v>
      </c>
      <c r="K34" s="21">
        <v>142</v>
      </c>
      <c r="L34" s="53">
        <v>88</v>
      </c>
      <c r="M34" s="54">
        <v>54</v>
      </c>
    </row>
    <row r="35" spans="1:13">
      <c r="A35" s="20" t="s">
        <v>42</v>
      </c>
      <c r="B35" s="21">
        <v>17</v>
      </c>
      <c r="C35" s="22">
        <v>24</v>
      </c>
      <c r="D35" s="22">
        <v>-7</v>
      </c>
      <c r="E35" s="21">
        <v>0</v>
      </c>
      <c r="F35" s="22">
        <v>0</v>
      </c>
      <c r="G35" s="23">
        <v>0</v>
      </c>
      <c r="H35" s="22">
        <v>160</v>
      </c>
      <c r="I35" s="22">
        <v>101</v>
      </c>
      <c r="J35" s="22">
        <v>59</v>
      </c>
      <c r="K35" s="21">
        <v>143</v>
      </c>
      <c r="L35" s="53">
        <v>77</v>
      </c>
      <c r="M35" s="54">
        <v>66</v>
      </c>
    </row>
    <row r="36" spans="1:13" ht="20.100000000000001" customHeight="1">
      <c r="A36" s="16" t="s">
        <v>43</v>
      </c>
      <c r="B36" s="17">
        <v>86</v>
      </c>
      <c r="C36" s="18">
        <v>90</v>
      </c>
      <c r="D36" s="18">
        <v>-4</v>
      </c>
      <c r="E36" s="17">
        <v>1</v>
      </c>
      <c r="F36" s="18">
        <v>1</v>
      </c>
      <c r="G36" s="19">
        <v>0</v>
      </c>
      <c r="H36" s="18">
        <v>759</v>
      </c>
      <c r="I36" s="18">
        <v>466</v>
      </c>
      <c r="J36" s="18">
        <v>293</v>
      </c>
      <c r="K36" s="17">
        <v>672</v>
      </c>
      <c r="L36" s="51">
        <v>375</v>
      </c>
      <c r="M36" s="52">
        <v>297</v>
      </c>
    </row>
    <row r="37" spans="1:13">
      <c r="A37" s="20" t="s">
        <v>44</v>
      </c>
      <c r="B37" s="21">
        <v>-1</v>
      </c>
      <c r="C37" s="22">
        <v>6</v>
      </c>
      <c r="D37" s="22">
        <v>-7</v>
      </c>
      <c r="E37" s="21">
        <v>0</v>
      </c>
      <c r="F37" s="22">
        <v>0</v>
      </c>
      <c r="G37" s="23">
        <v>0</v>
      </c>
      <c r="H37" s="22">
        <v>165</v>
      </c>
      <c r="I37" s="22">
        <v>101</v>
      </c>
      <c r="J37" s="22">
        <v>64</v>
      </c>
      <c r="K37" s="21">
        <v>166</v>
      </c>
      <c r="L37" s="53">
        <v>95</v>
      </c>
      <c r="M37" s="54">
        <v>71</v>
      </c>
    </row>
    <row r="38" spans="1:13">
      <c r="A38" s="20" t="s">
        <v>45</v>
      </c>
      <c r="B38" s="21">
        <v>21</v>
      </c>
      <c r="C38" s="22">
        <v>21</v>
      </c>
      <c r="D38" s="22">
        <v>0</v>
      </c>
      <c r="E38" s="21">
        <v>0</v>
      </c>
      <c r="F38" s="22">
        <v>0</v>
      </c>
      <c r="G38" s="23">
        <v>0</v>
      </c>
      <c r="H38" s="22">
        <v>169</v>
      </c>
      <c r="I38" s="22">
        <v>97</v>
      </c>
      <c r="J38" s="22">
        <v>72</v>
      </c>
      <c r="K38" s="21">
        <v>148</v>
      </c>
      <c r="L38" s="53">
        <v>76</v>
      </c>
      <c r="M38" s="54">
        <v>72</v>
      </c>
    </row>
    <row r="39" spans="1:13">
      <c r="A39" s="20" t="s">
        <v>46</v>
      </c>
      <c r="B39" s="21">
        <v>18</v>
      </c>
      <c r="C39" s="22">
        <v>22</v>
      </c>
      <c r="D39" s="22">
        <v>-4</v>
      </c>
      <c r="E39" s="21">
        <v>0</v>
      </c>
      <c r="F39" s="22">
        <v>0</v>
      </c>
      <c r="G39" s="23">
        <v>0</v>
      </c>
      <c r="H39" s="22">
        <v>152</v>
      </c>
      <c r="I39" s="22">
        <v>96</v>
      </c>
      <c r="J39" s="22">
        <v>56</v>
      </c>
      <c r="K39" s="21">
        <v>134</v>
      </c>
      <c r="L39" s="53">
        <v>74</v>
      </c>
      <c r="M39" s="54">
        <v>60</v>
      </c>
    </row>
    <row r="40" spans="1:13">
      <c r="A40" s="20" t="s">
        <v>47</v>
      </c>
      <c r="B40" s="21">
        <v>31</v>
      </c>
      <c r="C40" s="22">
        <v>14</v>
      </c>
      <c r="D40" s="22">
        <v>17</v>
      </c>
      <c r="E40" s="21">
        <v>1</v>
      </c>
      <c r="F40" s="22">
        <v>1</v>
      </c>
      <c r="G40" s="23">
        <v>0</v>
      </c>
      <c r="H40" s="22">
        <v>146</v>
      </c>
      <c r="I40" s="22">
        <v>88</v>
      </c>
      <c r="J40" s="22">
        <v>58</v>
      </c>
      <c r="K40" s="21">
        <v>114</v>
      </c>
      <c r="L40" s="53">
        <v>73</v>
      </c>
      <c r="M40" s="54">
        <v>41</v>
      </c>
    </row>
    <row r="41" spans="1:13">
      <c r="A41" s="20" t="s">
        <v>48</v>
      </c>
      <c r="B41" s="21">
        <v>17</v>
      </c>
      <c r="C41" s="22">
        <v>27</v>
      </c>
      <c r="D41" s="22">
        <v>-10</v>
      </c>
      <c r="E41" s="21">
        <v>0</v>
      </c>
      <c r="F41" s="22">
        <v>0</v>
      </c>
      <c r="G41" s="23">
        <v>0</v>
      </c>
      <c r="H41" s="22">
        <v>127</v>
      </c>
      <c r="I41" s="22">
        <v>84</v>
      </c>
      <c r="J41" s="22">
        <v>43</v>
      </c>
      <c r="K41" s="21">
        <v>110</v>
      </c>
      <c r="L41" s="53">
        <v>57</v>
      </c>
      <c r="M41" s="54">
        <v>53</v>
      </c>
    </row>
    <row r="42" spans="1:13" ht="20.100000000000001" customHeight="1">
      <c r="A42" s="16" t="s">
        <v>49</v>
      </c>
      <c r="B42" s="17">
        <v>114</v>
      </c>
      <c r="C42" s="18">
        <v>89</v>
      </c>
      <c r="D42" s="18">
        <v>25</v>
      </c>
      <c r="E42" s="17">
        <v>6</v>
      </c>
      <c r="F42" s="18">
        <v>5</v>
      </c>
      <c r="G42" s="19">
        <v>1</v>
      </c>
      <c r="H42" s="18">
        <v>622</v>
      </c>
      <c r="I42" s="18">
        <v>385</v>
      </c>
      <c r="J42" s="18">
        <v>237</v>
      </c>
      <c r="K42" s="17">
        <v>502</v>
      </c>
      <c r="L42" s="51">
        <v>291</v>
      </c>
      <c r="M42" s="52">
        <v>211</v>
      </c>
    </row>
    <row r="43" spans="1:13">
      <c r="A43" s="20" t="s">
        <v>50</v>
      </c>
      <c r="B43" s="21">
        <v>38</v>
      </c>
      <c r="C43" s="22">
        <v>34</v>
      </c>
      <c r="D43" s="22">
        <v>4</v>
      </c>
      <c r="E43" s="21">
        <v>1</v>
      </c>
      <c r="F43" s="22">
        <v>1</v>
      </c>
      <c r="G43" s="23">
        <v>0</v>
      </c>
      <c r="H43" s="22">
        <v>150</v>
      </c>
      <c r="I43" s="22">
        <v>99</v>
      </c>
      <c r="J43" s="22">
        <v>51</v>
      </c>
      <c r="K43" s="21">
        <v>111</v>
      </c>
      <c r="L43" s="53">
        <v>64</v>
      </c>
      <c r="M43" s="54">
        <v>47</v>
      </c>
    </row>
    <row r="44" spans="1:13">
      <c r="A44" s="20" t="s">
        <v>51</v>
      </c>
      <c r="B44" s="21">
        <v>7</v>
      </c>
      <c r="C44" s="22">
        <v>3</v>
      </c>
      <c r="D44" s="22">
        <v>4</v>
      </c>
      <c r="E44" s="21">
        <v>3</v>
      </c>
      <c r="F44" s="22">
        <v>3</v>
      </c>
      <c r="G44" s="23">
        <v>0</v>
      </c>
      <c r="H44" s="22">
        <v>126</v>
      </c>
      <c r="I44" s="22">
        <v>73</v>
      </c>
      <c r="J44" s="22">
        <v>53</v>
      </c>
      <c r="K44" s="21">
        <v>116</v>
      </c>
      <c r="L44" s="53">
        <v>67</v>
      </c>
      <c r="M44" s="54">
        <v>49</v>
      </c>
    </row>
    <row r="45" spans="1:13">
      <c r="A45" s="20" t="s">
        <v>52</v>
      </c>
      <c r="B45" s="21">
        <v>25</v>
      </c>
      <c r="C45" s="22">
        <v>24</v>
      </c>
      <c r="D45" s="22">
        <v>1</v>
      </c>
      <c r="E45" s="21">
        <v>0</v>
      </c>
      <c r="F45" s="22">
        <v>0</v>
      </c>
      <c r="G45" s="23">
        <v>0</v>
      </c>
      <c r="H45" s="22">
        <v>120</v>
      </c>
      <c r="I45" s="22">
        <v>77</v>
      </c>
      <c r="J45" s="22">
        <v>43</v>
      </c>
      <c r="K45" s="21">
        <v>95</v>
      </c>
      <c r="L45" s="53">
        <v>53</v>
      </c>
      <c r="M45" s="54">
        <v>42</v>
      </c>
    </row>
    <row r="46" spans="1:13">
      <c r="A46" s="20" t="s">
        <v>53</v>
      </c>
      <c r="B46" s="21">
        <v>28</v>
      </c>
      <c r="C46" s="22">
        <v>16</v>
      </c>
      <c r="D46" s="22">
        <v>12</v>
      </c>
      <c r="E46" s="21">
        <v>1</v>
      </c>
      <c r="F46" s="22">
        <v>0</v>
      </c>
      <c r="G46" s="23">
        <v>1</v>
      </c>
      <c r="H46" s="22">
        <v>126</v>
      </c>
      <c r="I46" s="22">
        <v>72</v>
      </c>
      <c r="J46" s="22">
        <v>54</v>
      </c>
      <c r="K46" s="21">
        <v>97</v>
      </c>
      <c r="L46" s="53">
        <v>56</v>
      </c>
      <c r="M46" s="54">
        <v>41</v>
      </c>
    </row>
    <row r="47" spans="1:13">
      <c r="A47" s="20" t="s">
        <v>54</v>
      </c>
      <c r="B47" s="21">
        <v>16</v>
      </c>
      <c r="C47" s="22">
        <v>12</v>
      </c>
      <c r="D47" s="22">
        <v>4</v>
      </c>
      <c r="E47" s="21">
        <v>1</v>
      </c>
      <c r="F47" s="22">
        <v>1</v>
      </c>
      <c r="G47" s="23">
        <v>0</v>
      </c>
      <c r="H47" s="22">
        <v>100</v>
      </c>
      <c r="I47" s="22">
        <v>64</v>
      </c>
      <c r="J47" s="22">
        <v>36</v>
      </c>
      <c r="K47" s="21">
        <v>83</v>
      </c>
      <c r="L47" s="53">
        <v>51</v>
      </c>
      <c r="M47" s="54">
        <v>32</v>
      </c>
    </row>
    <row r="48" spans="1:13" ht="20.100000000000001" customHeight="1">
      <c r="A48" s="16" t="s">
        <v>55</v>
      </c>
      <c r="B48" s="17">
        <v>40</v>
      </c>
      <c r="C48" s="18">
        <v>53</v>
      </c>
      <c r="D48" s="18">
        <v>-13</v>
      </c>
      <c r="E48" s="17">
        <v>4</v>
      </c>
      <c r="F48" s="18">
        <v>4</v>
      </c>
      <c r="G48" s="19">
        <v>0</v>
      </c>
      <c r="H48" s="18">
        <v>439</v>
      </c>
      <c r="I48" s="18">
        <v>304</v>
      </c>
      <c r="J48" s="18">
        <v>135</v>
      </c>
      <c r="K48" s="17">
        <v>395</v>
      </c>
      <c r="L48" s="51">
        <v>247</v>
      </c>
      <c r="M48" s="52">
        <v>148</v>
      </c>
    </row>
    <row r="49" spans="1:13">
      <c r="A49" s="20" t="s">
        <v>56</v>
      </c>
      <c r="B49" s="21">
        <v>1</v>
      </c>
      <c r="C49" s="22">
        <v>-6</v>
      </c>
      <c r="D49" s="22">
        <v>7</v>
      </c>
      <c r="E49" s="21">
        <v>2</v>
      </c>
      <c r="F49" s="22">
        <v>2</v>
      </c>
      <c r="G49" s="23">
        <v>0</v>
      </c>
      <c r="H49" s="22">
        <v>94</v>
      </c>
      <c r="I49" s="22">
        <v>65</v>
      </c>
      <c r="J49" s="22">
        <v>29</v>
      </c>
      <c r="K49" s="21">
        <v>91</v>
      </c>
      <c r="L49" s="53">
        <v>69</v>
      </c>
      <c r="M49" s="54">
        <v>22</v>
      </c>
    </row>
    <row r="50" spans="1:13">
      <c r="A50" s="20" t="s">
        <v>57</v>
      </c>
      <c r="B50" s="21">
        <v>3</v>
      </c>
      <c r="C50" s="22">
        <v>4</v>
      </c>
      <c r="D50" s="22">
        <v>-1</v>
      </c>
      <c r="E50" s="21">
        <v>2</v>
      </c>
      <c r="F50" s="22">
        <v>2</v>
      </c>
      <c r="G50" s="23">
        <v>0</v>
      </c>
      <c r="H50" s="22">
        <v>92</v>
      </c>
      <c r="I50" s="22">
        <v>60</v>
      </c>
      <c r="J50" s="22">
        <v>32</v>
      </c>
      <c r="K50" s="21">
        <v>87</v>
      </c>
      <c r="L50" s="53">
        <v>54</v>
      </c>
      <c r="M50" s="54">
        <v>33</v>
      </c>
    </row>
    <row r="51" spans="1:13">
      <c r="A51" s="20" t="s">
        <v>58</v>
      </c>
      <c r="B51" s="21">
        <v>3</v>
      </c>
      <c r="C51" s="22">
        <v>18</v>
      </c>
      <c r="D51" s="22">
        <v>-15</v>
      </c>
      <c r="E51" s="21">
        <v>0</v>
      </c>
      <c r="F51" s="22">
        <v>0</v>
      </c>
      <c r="G51" s="23">
        <v>0</v>
      </c>
      <c r="H51" s="22">
        <v>84</v>
      </c>
      <c r="I51" s="22">
        <v>63</v>
      </c>
      <c r="J51" s="22">
        <v>21</v>
      </c>
      <c r="K51" s="21">
        <v>81</v>
      </c>
      <c r="L51" s="53">
        <v>45</v>
      </c>
      <c r="M51" s="54">
        <v>36</v>
      </c>
    </row>
    <row r="52" spans="1:13">
      <c r="A52" s="20" t="s">
        <v>59</v>
      </c>
      <c r="B52" s="21">
        <v>23</v>
      </c>
      <c r="C52" s="22">
        <v>27</v>
      </c>
      <c r="D52" s="22">
        <v>-4</v>
      </c>
      <c r="E52" s="21">
        <v>0</v>
      </c>
      <c r="F52" s="22">
        <v>0</v>
      </c>
      <c r="G52" s="23">
        <v>0</v>
      </c>
      <c r="H52" s="22">
        <v>88</v>
      </c>
      <c r="I52" s="22">
        <v>64</v>
      </c>
      <c r="J52" s="22">
        <v>24</v>
      </c>
      <c r="K52" s="21">
        <v>65</v>
      </c>
      <c r="L52" s="53">
        <v>37</v>
      </c>
      <c r="M52" s="54">
        <v>28</v>
      </c>
    </row>
    <row r="53" spans="1:13">
      <c r="A53" s="20" t="s">
        <v>60</v>
      </c>
      <c r="B53" s="21">
        <v>10</v>
      </c>
      <c r="C53" s="22">
        <v>10</v>
      </c>
      <c r="D53" s="22">
        <v>0</v>
      </c>
      <c r="E53" s="21">
        <v>0</v>
      </c>
      <c r="F53" s="22">
        <v>0</v>
      </c>
      <c r="G53" s="23">
        <v>0</v>
      </c>
      <c r="H53" s="22">
        <v>81</v>
      </c>
      <c r="I53" s="22">
        <v>52</v>
      </c>
      <c r="J53" s="22">
        <v>29</v>
      </c>
      <c r="K53" s="21">
        <v>71</v>
      </c>
      <c r="L53" s="53">
        <v>42</v>
      </c>
      <c r="M53" s="54">
        <v>29</v>
      </c>
    </row>
    <row r="54" spans="1:13" ht="20.100000000000001" customHeight="1">
      <c r="A54" s="16" t="s">
        <v>61</v>
      </c>
      <c r="B54" s="17">
        <v>42</v>
      </c>
      <c r="C54" s="18">
        <v>48</v>
      </c>
      <c r="D54" s="18">
        <v>-6</v>
      </c>
      <c r="E54" s="17">
        <v>10</v>
      </c>
      <c r="F54" s="18">
        <v>7</v>
      </c>
      <c r="G54" s="19">
        <v>3</v>
      </c>
      <c r="H54" s="18">
        <v>303</v>
      </c>
      <c r="I54" s="18">
        <v>213</v>
      </c>
      <c r="J54" s="18">
        <v>90</v>
      </c>
      <c r="K54" s="17">
        <v>251</v>
      </c>
      <c r="L54" s="51">
        <v>158</v>
      </c>
      <c r="M54" s="52">
        <v>93</v>
      </c>
    </row>
    <row r="55" spans="1:13">
      <c r="A55" s="20" t="s">
        <v>62</v>
      </c>
      <c r="B55" s="21">
        <v>20</v>
      </c>
      <c r="C55" s="22">
        <v>24</v>
      </c>
      <c r="D55" s="22">
        <v>-4</v>
      </c>
      <c r="E55" s="21">
        <v>1</v>
      </c>
      <c r="F55" s="22">
        <v>0</v>
      </c>
      <c r="G55" s="23">
        <v>1</v>
      </c>
      <c r="H55" s="22">
        <v>70</v>
      </c>
      <c r="I55" s="22">
        <v>51</v>
      </c>
      <c r="J55" s="22">
        <v>19</v>
      </c>
      <c r="K55" s="21">
        <v>49</v>
      </c>
      <c r="L55" s="53">
        <v>27</v>
      </c>
      <c r="M55" s="54">
        <v>22</v>
      </c>
    </row>
    <row r="56" spans="1:13">
      <c r="A56" s="20" t="s">
        <v>63</v>
      </c>
      <c r="B56" s="21">
        <v>14</v>
      </c>
      <c r="C56" s="22">
        <v>9</v>
      </c>
      <c r="D56" s="22">
        <v>5</v>
      </c>
      <c r="E56" s="21">
        <v>2</v>
      </c>
      <c r="F56" s="22">
        <v>2</v>
      </c>
      <c r="G56" s="23">
        <v>0</v>
      </c>
      <c r="H56" s="22">
        <v>74</v>
      </c>
      <c r="I56" s="22">
        <v>48</v>
      </c>
      <c r="J56" s="22">
        <v>26</v>
      </c>
      <c r="K56" s="21">
        <v>58</v>
      </c>
      <c r="L56" s="53">
        <v>37</v>
      </c>
      <c r="M56" s="54">
        <v>21</v>
      </c>
    </row>
    <row r="57" spans="1:13">
      <c r="A57" s="20" t="s">
        <v>64</v>
      </c>
      <c r="B57" s="21">
        <v>3</v>
      </c>
      <c r="C57" s="22">
        <v>-1</v>
      </c>
      <c r="D57" s="22">
        <v>4</v>
      </c>
      <c r="E57" s="21">
        <v>1</v>
      </c>
      <c r="F57" s="22">
        <v>0</v>
      </c>
      <c r="G57" s="23">
        <v>1</v>
      </c>
      <c r="H57" s="22">
        <v>51</v>
      </c>
      <c r="I57" s="22">
        <v>32</v>
      </c>
      <c r="J57" s="22">
        <v>19</v>
      </c>
      <c r="K57" s="21">
        <v>47</v>
      </c>
      <c r="L57" s="53">
        <v>33</v>
      </c>
      <c r="M57" s="54">
        <v>14</v>
      </c>
    </row>
    <row r="58" spans="1:13">
      <c r="A58" s="20" t="s">
        <v>65</v>
      </c>
      <c r="B58" s="21">
        <v>19</v>
      </c>
      <c r="C58" s="22">
        <v>22</v>
      </c>
      <c r="D58" s="22">
        <v>-3</v>
      </c>
      <c r="E58" s="21">
        <v>4</v>
      </c>
      <c r="F58" s="22">
        <v>3</v>
      </c>
      <c r="G58" s="23">
        <v>1</v>
      </c>
      <c r="H58" s="22">
        <v>64</v>
      </c>
      <c r="I58" s="22">
        <v>50</v>
      </c>
      <c r="J58" s="22">
        <v>14</v>
      </c>
      <c r="K58" s="21">
        <v>41</v>
      </c>
      <c r="L58" s="53">
        <v>25</v>
      </c>
      <c r="M58" s="54">
        <v>16</v>
      </c>
    </row>
    <row r="59" spans="1:13">
      <c r="A59" s="20" t="s">
        <v>66</v>
      </c>
      <c r="B59" s="21">
        <v>-14</v>
      </c>
      <c r="C59" s="22">
        <v>-6</v>
      </c>
      <c r="D59" s="22">
        <v>-8</v>
      </c>
      <c r="E59" s="21">
        <v>2</v>
      </c>
      <c r="F59" s="22">
        <v>2</v>
      </c>
      <c r="G59" s="23">
        <v>0</v>
      </c>
      <c r="H59" s="22">
        <v>44</v>
      </c>
      <c r="I59" s="22">
        <v>32</v>
      </c>
      <c r="J59" s="22">
        <v>12</v>
      </c>
      <c r="K59" s="21">
        <v>56</v>
      </c>
      <c r="L59" s="53">
        <v>36</v>
      </c>
      <c r="M59" s="54">
        <v>20</v>
      </c>
    </row>
    <row r="60" spans="1:13" ht="20.100000000000001" customHeight="1">
      <c r="A60" s="16" t="s">
        <v>67</v>
      </c>
      <c r="B60" s="17">
        <v>-8</v>
      </c>
      <c r="C60" s="18">
        <v>-15</v>
      </c>
      <c r="D60" s="18">
        <v>7</v>
      </c>
      <c r="E60" s="17">
        <v>8</v>
      </c>
      <c r="F60" s="18">
        <v>6</v>
      </c>
      <c r="G60" s="19">
        <v>2</v>
      </c>
      <c r="H60" s="18">
        <v>265</v>
      </c>
      <c r="I60" s="18">
        <v>164</v>
      </c>
      <c r="J60" s="18">
        <v>101</v>
      </c>
      <c r="K60" s="17">
        <v>265</v>
      </c>
      <c r="L60" s="51">
        <v>173</v>
      </c>
      <c r="M60" s="52">
        <v>92</v>
      </c>
    </row>
    <row r="61" spans="1:13">
      <c r="A61" s="20" t="s">
        <v>68</v>
      </c>
      <c r="B61" s="21">
        <v>-2</v>
      </c>
      <c r="C61" s="22">
        <v>-6</v>
      </c>
      <c r="D61" s="22">
        <v>4</v>
      </c>
      <c r="E61" s="21">
        <v>4</v>
      </c>
      <c r="F61" s="22">
        <v>2</v>
      </c>
      <c r="G61" s="23">
        <v>2</v>
      </c>
      <c r="H61" s="22">
        <v>46</v>
      </c>
      <c r="I61" s="22">
        <v>25</v>
      </c>
      <c r="J61" s="22">
        <v>21</v>
      </c>
      <c r="K61" s="21">
        <v>44</v>
      </c>
      <c r="L61" s="53">
        <v>29</v>
      </c>
      <c r="M61" s="54">
        <v>15</v>
      </c>
    </row>
    <row r="62" spans="1:13">
      <c r="A62" s="20" t="s">
        <v>69</v>
      </c>
      <c r="B62" s="21">
        <v>5</v>
      </c>
      <c r="C62" s="22">
        <v>5</v>
      </c>
      <c r="D62" s="22">
        <v>0</v>
      </c>
      <c r="E62" s="21">
        <v>1</v>
      </c>
      <c r="F62" s="22">
        <v>1</v>
      </c>
      <c r="G62" s="23">
        <v>0</v>
      </c>
      <c r="H62" s="22">
        <v>58</v>
      </c>
      <c r="I62" s="22">
        <v>39</v>
      </c>
      <c r="J62" s="22">
        <v>19</v>
      </c>
      <c r="K62" s="21">
        <v>52</v>
      </c>
      <c r="L62" s="53">
        <v>33</v>
      </c>
      <c r="M62" s="54">
        <v>19</v>
      </c>
    </row>
    <row r="63" spans="1:13">
      <c r="A63" s="20" t="s">
        <v>70</v>
      </c>
      <c r="B63" s="21">
        <v>4</v>
      </c>
      <c r="C63" s="22">
        <v>5</v>
      </c>
      <c r="D63" s="22">
        <v>-1</v>
      </c>
      <c r="E63" s="21">
        <v>1</v>
      </c>
      <c r="F63" s="22">
        <v>1</v>
      </c>
      <c r="G63" s="23">
        <v>0</v>
      </c>
      <c r="H63" s="22">
        <v>68</v>
      </c>
      <c r="I63" s="22">
        <v>39</v>
      </c>
      <c r="J63" s="22">
        <v>29</v>
      </c>
      <c r="K63" s="21">
        <v>63</v>
      </c>
      <c r="L63" s="53">
        <v>33</v>
      </c>
      <c r="M63" s="54">
        <v>30</v>
      </c>
    </row>
    <row r="64" spans="1:13">
      <c r="A64" s="20" t="s">
        <v>71</v>
      </c>
      <c r="B64" s="21">
        <v>-11</v>
      </c>
      <c r="C64" s="22">
        <v>-11</v>
      </c>
      <c r="D64" s="22">
        <v>0</v>
      </c>
      <c r="E64" s="21">
        <v>0</v>
      </c>
      <c r="F64" s="22">
        <v>0</v>
      </c>
      <c r="G64" s="23">
        <v>0</v>
      </c>
      <c r="H64" s="22">
        <v>44</v>
      </c>
      <c r="I64" s="22">
        <v>29</v>
      </c>
      <c r="J64" s="22">
        <v>15</v>
      </c>
      <c r="K64" s="21">
        <v>55</v>
      </c>
      <c r="L64" s="53">
        <v>40</v>
      </c>
      <c r="M64" s="54">
        <v>15</v>
      </c>
    </row>
    <row r="65" spans="1:13">
      <c r="A65" s="24" t="s">
        <v>72</v>
      </c>
      <c r="B65" s="25">
        <v>-4</v>
      </c>
      <c r="C65" s="26">
        <v>-8</v>
      </c>
      <c r="D65" s="26">
        <v>4</v>
      </c>
      <c r="E65" s="25">
        <v>2</v>
      </c>
      <c r="F65" s="26">
        <v>2</v>
      </c>
      <c r="G65" s="27">
        <v>0</v>
      </c>
      <c r="H65" s="26">
        <v>49</v>
      </c>
      <c r="I65" s="26">
        <v>32</v>
      </c>
      <c r="J65" s="26">
        <v>17</v>
      </c>
      <c r="K65" s="25">
        <v>51</v>
      </c>
      <c r="L65" s="55">
        <v>38</v>
      </c>
      <c r="M65" s="56">
        <v>1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540</v>
      </c>
      <c r="C69" s="58">
        <v>258</v>
      </c>
      <c r="D69" s="59">
        <v>282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540</v>
      </c>
      <c r="C70" s="61">
        <v>258</v>
      </c>
      <c r="D70" s="62">
        <v>282</v>
      </c>
    </row>
    <row r="71" spans="1:13">
      <c r="A71" s="24" t="s">
        <v>14</v>
      </c>
      <c r="B71" s="63">
        <v>540</v>
      </c>
      <c r="C71" s="64">
        <v>258</v>
      </c>
      <c r="D71" s="65">
        <v>282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0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33</v>
      </c>
      <c r="C77" s="18">
        <v>-26</v>
      </c>
      <c r="D77" s="18">
        <v>-7</v>
      </c>
      <c r="E77" s="17">
        <v>17</v>
      </c>
      <c r="F77" s="18">
        <v>14</v>
      </c>
      <c r="G77" s="19">
        <v>3</v>
      </c>
      <c r="H77" s="18">
        <v>164</v>
      </c>
      <c r="I77" s="18">
        <v>110</v>
      </c>
      <c r="J77" s="18">
        <v>54</v>
      </c>
      <c r="K77" s="17">
        <v>180</v>
      </c>
      <c r="L77" s="51">
        <v>122</v>
      </c>
      <c r="M77" s="52">
        <v>58</v>
      </c>
    </row>
    <row r="78" spans="1:13">
      <c r="A78" s="40" t="s">
        <v>81</v>
      </c>
      <c r="B78" s="21">
        <v>5</v>
      </c>
      <c r="C78" s="22">
        <v>0</v>
      </c>
      <c r="D78" s="22">
        <v>5</v>
      </c>
      <c r="E78" s="21">
        <v>3</v>
      </c>
      <c r="F78" s="22">
        <v>3</v>
      </c>
      <c r="G78" s="23">
        <v>0</v>
      </c>
      <c r="H78" s="22">
        <v>51</v>
      </c>
      <c r="I78" s="22">
        <v>31</v>
      </c>
      <c r="J78" s="22">
        <v>20</v>
      </c>
      <c r="K78" s="21">
        <v>43</v>
      </c>
      <c r="L78" s="53">
        <v>28</v>
      </c>
      <c r="M78" s="54">
        <v>15</v>
      </c>
    </row>
    <row r="79" spans="1:13">
      <c r="A79" s="40" t="s">
        <v>82</v>
      </c>
      <c r="B79" s="21">
        <v>-22</v>
      </c>
      <c r="C79" s="22">
        <v>-16</v>
      </c>
      <c r="D79" s="22">
        <v>-6</v>
      </c>
      <c r="E79" s="21">
        <v>7</v>
      </c>
      <c r="F79" s="22">
        <v>6</v>
      </c>
      <c r="G79" s="23">
        <v>1</v>
      </c>
      <c r="H79" s="22">
        <v>40</v>
      </c>
      <c r="I79" s="22">
        <v>28</v>
      </c>
      <c r="J79" s="22">
        <v>12</v>
      </c>
      <c r="K79" s="21">
        <v>55</v>
      </c>
      <c r="L79" s="53">
        <v>38</v>
      </c>
      <c r="M79" s="54">
        <v>17</v>
      </c>
    </row>
    <row r="80" spans="1:13">
      <c r="A80" s="40" t="s">
        <v>83</v>
      </c>
      <c r="B80" s="21">
        <v>-8</v>
      </c>
      <c r="C80" s="22">
        <v>-4</v>
      </c>
      <c r="D80" s="22">
        <v>-4</v>
      </c>
      <c r="E80" s="21">
        <v>4</v>
      </c>
      <c r="F80" s="22">
        <v>2</v>
      </c>
      <c r="G80" s="23">
        <v>2</v>
      </c>
      <c r="H80" s="22">
        <v>20</v>
      </c>
      <c r="I80" s="22">
        <v>16</v>
      </c>
      <c r="J80" s="22">
        <v>4</v>
      </c>
      <c r="K80" s="21">
        <v>24</v>
      </c>
      <c r="L80" s="53">
        <v>18</v>
      </c>
      <c r="M80" s="54">
        <v>6</v>
      </c>
    </row>
    <row r="81" spans="1:13">
      <c r="A81" s="40" t="s">
        <v>84</v>
      </c>
      <c r="B81" s="21">
        <v>-16</v>
      </c>
      <c r="C81" s="22">
        <v>-11</v>
      </c>
      <c r="D81" s="22">
        <v>-5</v>
      </c>
      <c r="E81" s="21">
        <v>2</v>
      </c>
      <c r="F81" s="22">
        <v>2</v>
      </c>
      <c r="G81" s="23">
        <v>0</v>
      </c>
      <c r="H81" s="22">
        <v>25</v>
      </c>
      <c r="I81" s="22">
        <v>17</v>
      </c>
      <c r="J81" s="22">
        <v>8</v>
      </c>
      <c r="K81" s="21">
        <v>39</v>
      </c>
      <c r="L81" s="53">
        <v>26</v>
      </c>
      <c r="M81" s="54">
        <v>13</v>
      </c>
    </row>
    <row r="82" spans="1:13">
      <c r="A82" s="40" t="s">
        <v>85</v>
      </c>
      <c r="B82" s="21">
        <v>8</v>
      </c>
      <c r="C82" s="22">
        <v>5</v>
      </c>
      <c r="D82" s="22">
        <v>3</v>
      </c>
      <c r="E82" s="21">
        <v>1</v>
      </c>
      <c r="F82" s="22">
        <v>1</v>
      </c>
      <c r="G82" s="23">
        <v>0</v>
      </c>
      <c r="H82" s="22">
        <v>28</v>
      </c>
      <c r="I82" s="22">
        <v>18</v>
      </c>
      <c r="J82" s="22">
        <v>10</v>
      </c>
      <c r="K82" s="21">
        <v>19</v>
      </c>
      <c r="L82" s="53">
        <v>12</v>
      </c>
      <c r="M82" s="54">
        <v>7</v>
      </c>
    </row>
    <row r="83" spans="1:13" ht="19.5" customHeight="1">
      <c r="A83" s="34" t="s">
        <v>86</v>
      </c>
      <c r="B83" s="17">
        <v>-29</v>
      </c>
      <c r="C83" s="18">
        <v>-14</v>
      </c>
      <c r="D83" s="18">
        <v>-15</v>
      </c>
      <c r="E83" s="17">
        <v>17</v>
      </c>
      <c r="F83" s="18">
        <v>11</v>
      </c>
      <c r="G83" s="19">
        <v>6</v>
      </c>
      <c r="H83" s="18">
        <v>89</v>
      </c>
      <c r="I83" s="18">
        <v>53</v>
      </c>
      <c r="J83" s="18">
        <v>36</v>
      </c>
      <c r="K83" s="17">
        <v>101</v>
      </c>
      <c r="L83" s="51">
        <v>56</v>
      </c>
      <c r="M83" s="52">
        <v>45</v>
      </c>
    </row>
    <row r="84" spans="1:13">
      <c r="A84" s="40" t="s">
        <v>87</v>
      </c>
      <c r="B84" s="21">
        <v>2</v>
      </c>
      <c r="C84" s="22">
        <v>-2</v>
      </c>
      <c r="D84" s="22">
        <v>4</v>
      </c>
      <c r="E84" s="21">
        <v>3</v>
      </c>
      <c r="F84" s="22">
        <v>2</v>
      </c>
      <c r="G84" s="23">
        <v>1</v>
      </c>
      <c r="H84" s="22">
        <v>22</v>
      </c>
      <c r="I84" s="22">
        <v>11</v>
      </c>
      <c r="J84" s="22">
        <v>11</v>
      </c>
      <c r="K84" s="21">
        <v>17</v>
      </c>
      <c r="L84" s="53">
        <v>11</v>
      </c>
      <c r="M84" s="54">
        <v>6</v>
      </c>
    </row>
    <row r="85" spans="1:13">
      <c r="A85" s="40" t="s">
        <v>88</v>
      </c>
      <c r="B85" s="21">
        <v>-7</v>
      </c>
      <c r="C85" s="22">
        <v>-7</v>
      </c>
      <c r="D85" s="22">
        <v>0</v>
      </c>
      <c r="E85" s="21">
        <v>5</v>
      </c>
      <c r="F85" s="22">
        <v>4</v>
      </c>
      <c r="G85" s="23">
        <v>1</v>
      </c>
      <c r="H85" s="22">
        <v>21</v>
      </c>
      <c r="I85" s="22">
        <v>11</v>
      </c>
      <c r="J85" s="22">
        <v>10</v>
      </c>
      <c r="K85" s="21">
        <v>23</v>
      </c>
      <c r="L85" s="53">
        <v>14</v>
      </c>
      <c r="M85" s="54">
        <v>9</v>
      </c>
    </row>
    <row r="86" spans="1:13">
      <c r="A86" s="40" t="s">
        <v>89</v>
      </c>
      <c r="B86" s="21">
        <v>-5</v>
      </c>
      <c r="C86" s="22">
        <v>-1</v>
      </c>
      <c r="D86" s="22">
        <v>-4</v>
      </c>
      <c r="E86" s="21">
        <v>1</v>
      </c>
      <c r="F86" s="22">
        <v>0</v>
      </c>
      <c r="G86" s="23">
        <v>1</v>
      </c>
      <c r="H86" s="22">
        <v>10</v>
      </c>
      <c r="I86" s="22">
        <v>4</v>
      </c>
      <c r="J86" s="22">
        <v>6</v>
      </c>
      <c r="K86" s="21">
        <v>14</v>
      </c>
      <c r="L86" s="53">
        <v>5</v>
      </c>
      <c r="M86" s="54">
        <v>9</v>
      </c>
    </row>
    <row r="87" spans="1:13">
      <c r="A87" s="40" t="s">
        <v>90</v>
      </c>
      <c r="B87" s="21">
        <v>-3</v>
      </c>
      <c r="C87" s="22">
        <v>1</v>
      </c>
      <c r="D87" s="22">
        <v>-4</v>
      </c>
      <c r="E87" s="21">
        <v>3</v>
      </c>
      <c r="F87" s="22">
        <v>3</v>
      </c>
      <c r="G87" s="23">
        <v>0</v>
      </c>
      <c r="H87" s="22">
        <v>18</v>
      </c>
      <c r="I87" s="22">
        <v>13</v>
      </c>
      <c r="J87" s="22">
        <v>5</v>
      </c>
      <c r="K87" s="21">
        <v>18</v>
      </c>
      <c r="L87" s="53">
        <v>9</v>
      </c>
      <c r="M87" s="54">
        <v>9</v>
      </c>
    </row>
    <row r="88" spans="1:13">
      <c r="A88" s="40" t="s">
        <v>91</v>
      </c>
      <c r="B88" s="21">
        <v>-16</v>
      </c>
      <c r="C88" s="22">
        <v>-5</v>
      </c>
      <c r="D88" s="22">
        <v>-11</v>
      </c>
      <c r="E88" s="21">
        <v>5</v>
      </c>
      <c r="F88" s="22">
        <v>2</v>
      </c>
      <c r="G88" s="23">
        <v>3</v>
      </c>
      <c r="H88" s="22">
        <v>18</v>
      </c>
      <c r="I88" s="22">
        <v>14</v>
      </c>
      <c r="J88" s="22">
        <v>4</v>
      </c>
      <c r="K88" s="21">
        <v>29</v>
      </c>
      <c r="L88" s="53">
        <v>17</v>
      </c>
      <c r="M88" s="54">
        <v>12</v>
      </c>
    </row>
    <row r="89" spans="1:13" ht="19.5" customHeight="1">
      <c r="A89" s="34" t="s">
        <v>92</v>
      </c>
      <c r="B89" s="17">
        <v>-49</v>
      </c>
      <c r="C89" s="18">
        <v>-35</v>
      </c>
      <c r="D89" s="18">
        <v>-14</v>
      </c>
      <c r="E89" s="17">
        <v>38</v>
      </c>
      <c r="F89" s="18">
        <v>29</v>
      </c>
      <c r="G89" s="19">
        <v>9</v>
      </c>
      <c r="H89" s="18">
        <v>65</v>
      </c>
      <c r="I89" s="18">
        <v>39</v>
      </c>
      <c r="J89" s="18">
        <v>26</v>
      </c>
      <c r="K89" s="17">
        <v>76</v>
      </c>
      <c r="L89" s="51">
        <v>45</v>
      </c>
      <c r="M89" s="52">
        <v>31</v>
      </c>
    </row>
    <row r="90" spans="1:13">
      <c r="A90" s="40" t="s">
        <v>93</v>
      </c>
      <c r="B90" s="21">
        <v>-7</v>
      </c>
      <c r="C90" s="22">
        <v>0</v>
      </c>
      <c r="D90" s="22">
        <v>-7</v>
      </c>
      <c r="E90" s="21">
        <v>6</v>
      </c>
      <c r="F90" s="22">
        <v>5</v>
      </c>
      <c r="G90" s="23">
        <v>1</v>
      </c>
      <c r="H90" s="22">
        <v>17</v>
      </c>
      <c r="I90" s="22">
        <v>12</v>
      </c>
      <c r="J90" s="22">
        <v>5</v>
      </c>
      <c r="K90" s="21">
        <v>18</v>
      </c>
      <c r="L90" s="53">
        <v>7</v>
      </c>
      <c r="M90" s="54">
        <v>11</v>
      </c>
    </row>
    <row r="91" spans="1:13">
      <c r="A91" s="40" t="s">
        <v>94</v>
      </c>
      <c r="B91" s="21">
        <v>-11</v>
      </c>
      <c r="C91" s="22">
        <v>-5</v>
      </c>
      <c r="D91" s="22">
        <v>-6</v>
      </c>
      <c r="E91" s="21">
        <v>7</v>
      </c>
      <c r="F91" s="22">
        <v>4</v>
      </c>
      <c r="G91" s="23">
        <v>3</v>
      </c>
      <c r="H91" s="22">
        <v>9</v>
      </c>
      <c r="I91" s="22">
        <v>7</v>
      </c>
      <c r="J91" s="22">
        <v>2</v>
      </c>
      <c r="K91" s="21">
        <v>13</v>
      </c>
      <c r="L91" s="53">
        <v>8</v>
      </c>
      <c r="M91" s="54">
        <v>5</v>
      </c>
    </row>
    <row r="92" spans="1:13">
      <c r="A92" s="40" t="s">
        <v>95</v>
      </c>
      <c r="B92" s="21">
        <v>-7</v>
      </c>
      <c r="C92" s="22">
        <v>-6</v>
      </c>
      <c r="D92" s="22">
        <v>-1</v>
      </c>
      <c r="E92" s="21">
        <v>5</v>
      </c>
      <c r="F92" s="22">
        <v>3</v>
      </c>
      <c r="G92" s="23">
        <v>2</v>
      </c>
      <c r="H92" s="22">
        <v>10</v>
      </c>
      <c r="I92" s="22">
        <v>5</v>
      </c>
      <c r="J92" s="22">
        <v>5</v>
      </c>
      <c r="K92" s="21">
        <v>12</v>
      </c>
      <c r="L92" s="53">
        <v>8</v>
      </c>
      <c r="M92" s="54">
        <v>4</v>
      </c>
    </row>
    <row r="93" spans="1:13">
      <c r="A93" s="40" t="s">
        <v>96</v>
      </c>
      <c r="B93" s="21">
        <v>-14</v>
      </c>
      <c r="C93" s="22">
        <v>-15</v>
      </c>
      <c r="D93" s="22">
        <v>1</v>
      </c>
      <c r="E93" s="21">
        <v>13</v>
      </c>
      <c r="F93" s="22">
        <v>12</v>
      </c>
      <c r="G93" s="23">
        <v>1</v>
      </c>
      <c r="H93" s="22">
        <v>11</v>
      </c>
      <c r="I93" s="22">
        <v>6</v>
      </c>
      <c r="J93" s="22">
        <v>5</v>
      </c>
      <c r="K93" s="21">
        <v>12</v>
      </c>
      <c r="L93" s="53">
        <v>9</v>
      </c>
      <c r="M93" s="54">
        <v>3</v>
      </c>
    </row>
    <row r="94" spans="1:13">
      <c r="A94" s="40" t="s">
        <v>97</v>
      </c>
      <c r="B94" s="21">
        <v>-10</v>
      </c>
      <c r="C94" s="22">
        <v>-9</v>
      </c>
      <c r="D94" s="22">
        <v>-1</v>
      </c>
      <c r="E94" s="21">
        <v>7</v>
      </c>
      <c r="F94" s="22">
        <v>5</v>
      </c>
      <c r="G94" s="23">
        <v>2</v>
      </c>
      <c r="H94" s="22">
        <v>18</v>
      </c>
      <c r="I94" s="22">
        <v>9</v>
      </c>
      <c r="J94" s="22">
        <v>9</v>
      </c>
      <c r="K94" s="21">
        <v>21</v>
      </c>
      <c r="L94" s="53">
        <v>13</v>
      </c>
      <c r="M94" s="54">
        <v>8</v>
      </c>
    </row>
    <row r="95" spans="1:13" ht="19.5" customHeight="1">
      <c r="A95" s="34" t="s">
        <v>98</v>
      </c>
      <c r="B95" s="17">
        <v>-71</v>
      </c>
      <c r="C95" s="18">
        <v>-51</v>
      </c>
      <c r="D95" s="18">
        <v>-20</v>
      </c>
      <c r="E95" s="17">
        <v>61</v>
      </c>
      <c r="F95" s="18">
        <v>41</v>
      </c>
      <c r="G95" s="19">
        <v>20</v>
      </c>
      <c r="H95" s="18">
        <v>63</v>
      </c>
      <c r="I95" s="18">
        <v>32</v>
      </c>
      <c r="J95" s="18">
        <v>31</v>
      </c>
      <c r="K95" s="17">
        <v>73</v>
      </c>
      <c r="L95" s="51">
        <v>42</v>
      </c>
      <c r="M95" s="52">
        <v>31</v>
      </c>
    </row>
    <row r="96" spans="1:13">
      <c r="A96" s="40" t="s">
        <v>99</v>
      </c>
      <c r="B96" s="21">
        <v>-4</v>
      </c>
      <c r="C96" s="22">
        <v>-1</v>
      </c>
      <c r="D96" s="22">
        <v>-3</v>
      </c>
      <c r="E96" s="21">
        <v>6</v>
      </c>
      <c r="F96" s="22">
        <v>2</v>
      </c>
      <c r="G96" s="23">
        <v>4</v>
      </c>
      <c r="H96" s="22">
        <v>13</v>
      </c>
      <c r="I96" s="22">
        <v>7</v>
      </c>
      <c r="J96" s="22">
        <v>6</v>
      </c>
      <c r="K96" s="21">
        <v>11</v>
      </c>
      <c r="L96" s="53">
        <v>6</v>
      </c>
      <c r="M96" s="54">
        <v>5</v>
      </c>
    </row>
    <row r="97" spans="1:13">
      <c r="A97" s="40" t="s">
        <v>100</v>
      </c>
      <c r="B97" s="21">
        <v>0</v>
      </c>
      <c r="C97" s="22">
        <v>-1</v>
      </c>
      <c r="D97" s="22">
        <v>1</v>
      </c>
      <c r="E97" s="21">
        <v>5</v>
      </c>
      <c r="F97" s="22">
        <v>5</v>
      </c>
      <c r="G97" s="23">
        <v>0</v>
      </c>
      <c r="H97" s="22">
        <v>13</v>
      </c>
      <c r="I97" s="22">
        <v>8</v>
      </c>
      <c r="J97" s="22">
        <v>5</v>
      </c>
      <c r="K97" s="21">
        <v>8</v>
      </c>
      <c r="L97" s="53">
        <v>4</v>
      </c>
      <c r="M97" s="54">
        <v>4</v>
      </c>
    </row>
    <row r="98" spans="1:13">
      <c r="A98" s="40" t="s">
        <v>101</v>
      </c>
      <c r="B98" s="21">
        <v>-22</v>
      </c>
      <c r="C98" s="22">
        <v>-15</v>
      </c>
      <c r="D98" s="22">
        <v>-7</v>
      </c>
      <c r="E98" s="21">
        <v>16</v>
      </c>
      <c r="F98" s="22">
        <v>11</v>
      </c>
      <c r="G98" s="23">
        <v>5</v>
      </c>
      <c r="H98" s="22">
        <v>10</v>
      </c>
      <c r="I98" s="22">
        <v>7</v>
      </c>
      <c r="J98" s="22">
        <v>3</v>
      </c>
      <c r="K98" s="21">
        <v>16</v>
      </c>
      <c r="L98" s="53">
        <v>11</v>
      </c>
      <c r="M98" s="54">
        <v>5</v>
      </c>
    </row>
    <row r="99" spans="1:13">
      <c r="A99" s="40" t="s">
        <v>102</v>
      </c>
      <c r="B99" s="21">
        <v>-17</v>
      </c>
      <c r="C99" s="22">
        <v>-14</v>
      </c>
      <c r="D99" s="22">
        <v>-3</v>
      </c>
      <c r="E99" s="21">
        <v>17</v>
      </c>
      <c r="F99" s="22">
        <v>13</v>
      </c>
      <c r="G99" s="23">
        <v>4</v>
      </c>
      <c r="H99" s="22">
        <v>16</v>
      </c>
      <c r="I99" s="22">
        <v>7</v>
      </c>
      <c r="J99" s="22">
        <v>9</v>
      </c>
      <c r="K99" s="21">
        <v>16</v>
      </c>
      <c r="L99" s="53">
        <v>8</v>
      </c>
      <c r="M99" s="54">
        <v>8</v>
      </c>
    </row>
    <row r="100" spans="1:13">
      <c r="A100" s="40" t="s">
        <v>103</v>
      </c>
      <c r="B100" s="21">
        <v>-28</v>
      </c>
      <c r="C100" s="22">
        <v>-20</v>
      </c>
      <c r="D100" s="22">
        <v>-8</v>
      </c>
      <c r="E100" s="21">
        <v>17</v>
      </c>
      <c r="F100" s="22">
        <v>10</v>
      </c>
      <c r="G100" s="23">
        <v>7</v>
      </c>
      <c r="H100" s="22">
        <v>11</v>
      </c>
      <c r="I100" s="22">
        <v>3</v>
      </c>
      <c r="J100" s="22">
        <v>8</v>
      </c>
      <c r="K100" s="21">
        <v>22</v>
      </c>
      <c r="L100" s="53">
        <v>13</v>
      </c>
      <c r="M100" s="54">
        <v>9</v>
      </c>
    </row>
    <row r="101" spans="1:13" ht="19.5" customHeight="1">
      <c r="A101" s="34" t="s">
        <v>104</v>
      </c>
      <c r="B101" s="17">
        <v>-117</v>
      </c>
      <c r="C101" s="18">
        <v>-67</v>
      </c>
      <c r="D101" s="18">
        <v>-50</v>
      </c>
      <c r="E101" s="17">
        <v>95</v>
      </c>
      <c r="F101" s="18">
        <v>60</v>
      </c>
      <c r="G101" s="19">
        <v>35</v>
      </c>
      <c r="H101" s="18">
        <v>50</v>
      </c>
      <c r="I101" s="18">
        <v>23</v>
      </c>
      <c r="J101" s="18">
        <v>27</v>
      </c>
      <c r="K101" s="17">
        <v>72</v>
      </c>
      <c r="L101" s="51">
        <v>30</v>
      </c>
      <c r="M101" s="52">
        <v>42</v>
      </c>
    </row>
    <row r="102" spans="1:13">
      <c r="A102" s="40" t="s">
        <v>105</v>
      </c>
      <c r="B102" s="21">
        <v>-22</v>
      </c>
      <c r="C102" s="22">
        <v>-9</v>
      </c>
      <c r="D102" s="22">
        <v>-13</v>
      </c>
      <c r="E102" s="21">
        <v>17</v>
      </c>
      <c r="F102" s="22">
        <v>11</v>
      </c>
      <c r="G102" s="23">
        <v>6</v>
      </c>
      <c r="H102" s="22">
        <v>16</v>
      </c>
      <c r="I102" s="22">
        <v>9</v>
      </c>
      <c r="J102" s="22">
        <v>7</v>
      </c>
      <c r="K102" s="21">
        <v>21</v>
      </c>
      <c r="L102" s="53">
        <v>7</v>
      </c>
      <c r="M102" s="54">
        <v>14</v>
      </c>
    </row>
    <row r="103" spans="1:13">
      <c r="A103" s="40" t="s">
        <v>106</v>
      </c>
      <c r="B103" s="21">
        <v>-35</v>
      </c>
      <c r="C103" s="22">
        <v>-15</v>
      </c>
      <c r="D103" s="22">
        <v>-20</v>
      </c>
      <c r="E103" s="21">
        <v>28</v>
      </c>
      <c r="F103" s="22">
        <v>16</v>
      </c>
      <c r="G103" s="23">
        <v>12</v>
      </c>
      <c r="H103" s="22">
        <v>14</v>
      </c>
      <c r="I103" s="22">
        <v>6</v>
      </c>
      <c r="J103" s="22">
        <v>8</v>
      </c>
      <c r="K103" s="21">
        <v>21</v>
      </c>
      <c r="L103" s="53">
        <v>5</v>
      </c>
      <c r="M103" s="54">
        <v>16</v>
      </c>
    </row>
    <row r="104" spans="1:13">
      <c r="A104" s="40" t="s">
        <v>107</v>
      </c>
      <c r="B104" s="21">
        <v>-21</v>
      </c>
      <c r="C104" s="22">
        <v>-17</v>
      </c>
      <c r="D104" s="22">
        <v>-4</v>
      </c>
      <c r="E104" s="21">
        <v>13</v>
      </c>
      <c r="F104" s="22">
        <v>11</v>
      </c>
      <c r="G104" s="23">
        <v>2</v>
      </c>
      <c r="H104" s="22">
        <v>8</v>
      </c>
      <c r="I104" s="22">
        <v>3</v>
      </c>
      <c r="J104" s="22">
        <v>5</v>
      </c>
      <c r="K104" s="21">
        <v>16</v>
      </c>
      <c r="L104" s="53">
        <v>9</v>
      </c>
      <c r="M104" s="54">
        <v>7</v>
      </c>
    </row>
    <row r="105" spans="1:13">
      <c r="A105" s="40" t="s">
        <v>108</v>
      </c>
      <c r="B105" s="21">
        <v>-21</v>
      </c>
      <c r="C105" s="22">
        <v>-15</v>
      </c>
      <c r="D105" s="22">
        <v>-6</v>
      </c>
      <c r="E105" s="21">
        <v>17</v>
      </c>
      <c r="F105" s="22">
        <v>10</v>
      </c>
      <c r="G105" s="23">
        <v>7</v>
      </c>
      <c r="H105" s="22">
        <v>4</v>
      </c>
      <c r="I105" s="22">
        <v>1</v>
      </c>
      <c r="J105" s="22">
        <v>3</v>
      </c>
      <c r="K105" s="21">
        <v>8</v>
      </c>
      <c r="L105" s="53">
        <v>6</v>
      </c>
      <c r="M105" s="54">
        <v>2</v>
      </c>
    </row>
    <row r="106" spans="1:13">
      <c r="A106" s="40" t="s">
        <v>109</v>
      </c>
      <c r="B106" s="21">
        <v>-18</v>
      </c>
      <c r="C106" s="22">
        <v>-11</v>
      </c>
      <c r="D106" s="22">
        <v>-7</v>
      </c>
      <c r="E106" s="21">
        <v>20</v>
      </c>
      <c r="F106" s="22">
        <v>12</v>
      </c>
      <c r="G106" s="23">
        <v>8</v>
      </c>
      <c r="H106" s="22">
        <v>8</v>
      </c>
      <c r="I106" s="22">
        <v>4</v>
      </c>
      <c r="J106" s="22">
        <v>4</v>
      </c>
      <c r="K106" s="21">
        <v>6</v>
      </c>
      <c r="L106" s="53">
        <v>3</v>
      </c>
      <c r="M106" s="54">
        <v>3</v>
      </c>
    </row>
    <row r="107" spans="1:13" ht="19.5" customHeight="1">
      <c r="A107" s="34" t="s">
        <v>110</v>
      </c>
      <c r="B107" s="17">
        <v>-134</v>
      </c>
      <c r="C107" s="18">
        <v>-86</v>
      </c>
      <c r="D107" s="18">
        <v>-48</v>
      </c>
      <c r="E107" s="17">
        <v>138</v>
      </c>
      <c r="F107" s="18">
        <v>85</v>
      </c>
      <c r="G107" s="19">
        <v>53</v>
      </c>
      <c r="H107" s="18">
        <v>45</v>
      </c>
      <c r="I107" s="18">
        <v>18</v>
      </c>
      <c r="J107" s="18">
        <v>27</v>
      </c>
      <c r="K107" s="17">
        <v>41</v>
      </c>
      <c r="L107" s="51">
        <v>19</v>
      </c>
      <c r="M107" s="52">
        <v>22</v>
      </c>
    </row>
    <row r="108" spans="1:13">
      <c r="A108" s="40" t="s">
        <v>111</v>
      </c>
      <c r="B108" s="21">
        <v>-35</v>
      </c>
      <c r="C108" s="22">
        <v>-21</v>
      </c>
      <c r="D108" s="22">
        <v>-14</v>
      </c>
      <c r="E108" s="21">
        <v>30</v>
      </c>
      <c r="F108" s="22">
        <v>18</v>
      </c>
      <c r="G108" s="23">
        <v>12</v>
      </c>
      <c r="H108" s="22">
        <v>8</v>
      </c>
      <c r="I108" s="22">
        <v>4</v>
      </c>
      <c r="J108" s="22">
        <v>4</v>
      </c>
      <c r="K108" s="21">
        <v>13</v>
      </c>
      <c r="L108" s="53">
        <v>7</v>
      </c>
      <c r="M108" s="54">
        <v>6</v>
      </c>
    </row>
    <row r="109" spans="1:13">
      <c r="A109" s="40" t="s">
        <v>112</v>
      </c>
      <c r="B109" s="21">
        <v>-26</v>
      </c>
      <c r="C109" s="22">
        <v>-20</v>
      </c>
      <c r="D109" s="22">
        <v>-6</v>
      </c>
      <c r="E109" s="21">
        <v>24</v>
      </c>
      <c r="F109" s="22">
        <v>18</v>
      </c>
      <c r="G109" s="23">
        <v>6</v>
      </c>
      <c r="H109" s="22">
        <v>8</v>
      </c>
      <c r="I109" s="22">
        <v>2</v>
      </c>
      <c r="J109" s="22">
        <v>6</v>
      </c>
      <c r="K109" s="21">
        <v>10</v>
      </c>
      <c r="L109" s="53">
        <v>4</v>
      </c>
      <c r="M109" s="54">
        <v>6</v>
      </c>
    </row>
    <row r="110" spans="1:13">
      <c r="A110" s="40" t="s">
        <v>113</v>
      </c>
      <c r="B110" s="21">
        <v>-23</v>
      </c>
      <c r="C110" s="22">
        <v>-17</v>
      </c>
      <c r="D110" s="22">
        <v>-6</v>
      </c>
      <c r="E110" s="21">
        <v>30</v>
      </c>
      <c r="F110" s="22">
        <v>18</v>
      </c>
      <c r="G110" s="23">
        <v>12</v>
      </c>
      <c r="H110" s="22">
        <v>15</v>
      </c>
      <c r="I110" s="22">
        <v>5</v>
      </c>
      <c r="J110" s="22">
        <v>10</v>
      </c>
      <c r="K110" s="21">
        <v>8</v>
      </c>
      <c r="L110" s="53">
        <v>4</v>
      </c>
      <c r="M110" s="54">
        <v>4</v>
      </c>
    </row>
    <row r="111" spans="1:13">
      <c r="A111" s="40" t="s">
        <v>114</v>
      </c>
      <c r="B111" s="21">
        <v>-19</v>
      </c>
      <c r="C111" s="22">
        <v>-12</v>
      </c>
      <c r="D111" s="22">
        <v>-7</v>
      </c>
      <c r="E111" s="21">
        <v>21</v>
      </c>
      <c r="F111" s="22">
        <v>14</v>
      </c>
      <c r="G111" s="23">
        <v>7</v>
      </c>
      <c r="H111" s="22">
        <v>6</v>
      </c>
      <c r="I111" s="22">
        <v>3</v>
      </c>
      <c r="J111" s="22">
        <v>3</v>
      </c>
      <c r="K111" s="21">
        <v>4</v>
      </c>
      <c r="L111" s="53">
        <v>1</v>
      </c>
      <c r="M111" s="54">
        <v>3</v>
      </c>
    </row>
    <row r="112" spans="1:13">
      <c r="A112" s="40" t="s">
        <v>115</v>
      </c>
      <c r="B112" s="21">
        <v>-31</v>
      </c>
      <c r="C112" s="22">
        <v>-16</v>
      </c>
      <c r="D112" s="22">
        <v>-15</v>
      </c>
      <c r="E112" s="21">
        <v>33</v>
      </c>
      <c r="F112" s="22">
        <v>17</v>
      </c>
      <c r="G112" s="23">
        <v>16</v>
      </c>
      <c r="H112" s="22">
        <v>8</v>
      </c>
      <c r="I112" s="22">
        <v>4</v>
      </c>
      <c r="J112" s="22">
        <v>4</v>
      </c>
      <c r="K112" s="21">
        <v>6</v>
      </c>
      <c r="L112" s="53">
        <v>3</v>
      </c>
      <c r="M112" s="54">
        <v>3</v>
      </c>
    </row>
    <row r="113" spans="1:13" ht="19.5" customHeight="1">
      <c r="A113" s="34" t="s">
        <v>116</v>
      </c>
      <c r="B113" s="17">
        <v>-132</v>
      </c>
      <c r="C113" s="18">
        <v>-88</v>
      </c>
      <c r="D113" s="18">
        <v>-44</v>
      </c>
      <c r="E113" s="17">
        <v>143</v>
      </c>
      <c r="F113" s="18">
        <v>88</v>
      </c>
      <c r="G113" s="19">
        <v>55</v>
      </c>
      <c r="H113" s="18">
        <v>43</v>
      </c>
      <c r="I113" s="18">
        <v>13</v>
      </c>
      <c r="J113" s="18">
        <v>30</v>
      </c>
      <c r="K113" s="17">
        <v>32</v>
      </c>
      <c r="L113" s="51">
        <v>13</v>
      </c>
      <c r="M113" s="52">
        <v>19</v>
      </c>
    </row>
    <row r="114" spans="1:13">
      <c r="A114" s="40" t="s">
        <v>117</v>
      </c>
      <c r="B114" s="21">
        <v>-28</v>
      </c>
      <c r="C114" s="22">
        <v>-20</v>
      </c>
      <c r="D114" s="22">
        <v>-8</v>
      </c>
      <c r="E114" s="21">
        <v>25</v>
      </c>
      <c r="F114" s="22">
        <v>19</v>
      </c>
      <c r="G114" s="23">
        <v>6</v>
      </c>
      <c r="H114" s="22">
        <v>8</v>
      </c>
      <c r="I114" s="22">
        <v>2</v>
      </c>
      <c r="J114" s="22">
        <v>6</v>
      </c>
      <c r="K114" s="21">
        <v>11</v>
      </c>
      <c r="L114" s="53">
        <v>3</v>
      </c>
      <c r="M114" s="54">
        <v>8</v>
      </c>
    </row>
    <row r="115" spans="1:13">
      <c r="A115" s="40" t="s">
        <v>118</v>
      </c>
      <c r="B115" s="21">
        <v>-28</v>
      </c>
      <c r="C115" s="22">
        <v>-20</v>
      </c>
      <c r="D115" s="22">
        <v>-8</v>
      </c>
      <c r="E115" s="21">
        <v>30</v>
      </c>
      <c r="F115" s="22">
        <v>21</v>
      </c>
      <c r="G115" s="23">
        <v>9</v>
      </c>
      <c r="H115" s="22">
        <v>8</v>
      </c>
      <c r="I115" s="22">
        <v>4</v>
      </c>
      <c r="J115" s="22">
        <v>4</v>
      </c>
      <c r="K115" s="21">
        <v>6</v>
      </c>
      <c r="L115" s="53">
        <v>3</v>
      </c>
      <c r="M115" s="54">
        <v>3</v>
      </c>
    </row>
    <row r="116" spans="1:13">
      <c r="A116" s="40" t="s">
        <v>119</v>
      </c>
      <c r="B116" s="21">
        <v>-29</v>
      </c>
      <c r="C116" s="22">
        <v>-21</v>
      </c>
      <c r="D116" s="22">
        <v>-8</v>
      </c>
      <c r="E116" s="21">
        <v>32</v>
      </c>
      <c r="F116" s="22">
        <v>20</v>
      </c>
      <c r="G116" s="23">
        <v>12</v>
      </c>
      <c r="H116" s="22">
        <v>9</v>
      </c>
      <c r="I116" s="22">
        <v>3</v>
      </c>
      <c r="J116" s="22">
        <v>6</v>
      </c>
      <c r="K116" s="21">
        <v>6</v>
      </c>
      <c r="L116" s="53">
        <v>4</v>
      </c>
      <c r="M116" s="54">
        <v>2</v>
      </c>
    </row>
    <row r="117" spans="1:13">
      <c r="A117" s="40" t="s">
        <v>120</v>
      </c>
      <c r="B117" s="21">
        <v>-25</v>
      </c>
      <c r="C117" s="22">
        <v>-15</v>
      </c>
      <c r="D117" s="22">
        <v>-10</v>
      </c>
      <c r="E117" s="21">
        <v>29</v>
      </c>
      <c r="F117" s="22">
        <v>16</v>
      </c>
      <c r="G117" s="23">
        <v>13</v>
      </c>
      <c r="H117" s="22">
        <v>8</v>
      </c>
      <c r="I117" s="22">
        <v>2</v>
      </c>
      <c r="J117" s="22">
        <v>6</v>
      </c>
      <c r="K117" s="21">
        <v>4</v>
      </c>
      <c r="L117" s="53">
        <v>1</v>
      </c>
      <c r="M117" s="54">
        <v>3</v>
      </c>
    </row>
    <row r="118" spans="1:13">
      <c r="A118" s="40" t="s">
        <v>121</v>
      </c>
      <c r="B118" s="21">
        <v>-22</v>
      </c>
      <c r="C118" s="22">
        <v>-12</v>
      </c>
      <c r="D118" s="22">
        <v>-10</v>
      </c>
      <c r="E118" s="21">
        <v>27</v>
      </c>
      <c r="F118" s="22">
        <v>12</v>
      </c>
      <c r="G118" s="23">
        <v>15</v>
      </c>
      <c r="H118" s="22">
        <v>10</v>
      </c>
      <c r="I118" s="22">
        <v>2</v>
      </c>
      <c r="J118" s="22">
        <v>8</v>
      </c>
      <c r="K118" s="21">
        <v>5</v>
      </c>
      <c r="L118" s="53">
        <v>2</v>
      </c>
      <c r="M118" s="54">
        <v>3</v>
      </c>
    </row>
    <row r="119" spans="1:13" ht="19.5" customHeight="1">
      <c r="A119" s="34" t="s">
        <v>122</v>
      </c>
      <c r="B119" s="17">
        <v>-117</v>
      </c>
      <c r="C119" s="18">
        <v>-59</v>
      </c>
      <c r="D119" s="18">
        <v>-58</v>
      </c>
      <c r="E119" s="17">
        <v>117</v>
      </c>
      <c r="F119" s="18">
        <v>56</v>
      </c>
      <c r="G119" s="19">
        <v>61</v>
      </c>
      <c r="H119" s="18">
        <v>25</v>
      </c>
      <c r="I119" s="18">
        <v>7</v>
      </c>
      <c r="J119" s="18">
        <v>18</v>
      </c>
      <c r="K119" s="17">
        <v>25</v>
      </c>
      <c r="L119" s="51">
        <v>10</v>
      </c>
      <c r="M119" s="52">
        <v>15</v>
      </c>
    </row>
    <row r="120" spans="1:13">
      <c r="A120" s="40" t="s">
        <v>123</v>
      </c>
      <c r="B120" s="21">
        <v>-20</v>
      </c>
      <c r="C120" s="22">
        <v>-11</v>
      </c>
      <c r="D120" s="22">
        <v>-9</v>
      </c>
      <c r="E120" s="21">
        <v>23</v>
      </c>
      <c r="F120" s="22">
        <v>10</v>
      </c>
      <c r="G120" s="23">
        <v>13</v>
      </c>
      <c r="H120" s="22">
        <v>9</v>
      </c>
      <c r="I120" s="22">
        <v>4</v>
      </c>
      <c r="J120" s="22">
        <v>5</v>
      </c>
      <c r="K120" s="21">
        <v>6</v>
      </c>
      <c r="L120" s="53">
        <v>5</v>
      </c>
      <c r="M120" s="54">
        <v>1</v>
      </c>
    </row>
    <row r="121" spans="1:13">
      <c r="A121" s="40" t="s">
        <v>124</v>
      </c>
      <c r="B121" s="21">
        <v>-29</v>
      </c>
      <c r="C121" s="22">
        <v>-17</v>
      </c>
      <c r="D121" s="22">
        <v>-12</v>
      </c>
      <c r="E121" s="21">
        <v>29</v>
      </c>
      <c r="F121" s="22">
        <v>16</v>
      </c>
      <c r="G121" s="23">
        <v>13</v>
      </c>
      <c r="H121" s="22">
        <v>4</v>
      </c>
      <c r="I121" s="22">
        <v>1</v>
      </c>
      <c r="J121" s="22">
        <v>3</v>
      </c>
      <c r="K121" s="21">
        <v>4</v>
      </c>
      <c r="L121" s="53">
        <v>2</v>
      </c>
      <c r="M121" s="54">
        <v>2</v>
      </c>
    </row>
    <row r="122" spans="1:13">
      <c r="A122" s="40" t="s">
        <v>125</v>
      </c>
      <c r="B122" s="21">
        <v>-28</v>
      </c>
      <c r="C122" s="22">
        <v>-12</v>
      </c>
      <c r="D122" s="22">
        <v>-16</v>
      </c>
      <c r="E122" s="21">
        <v>25</v>
      </c>
      <c r="F122" s="22">
        <v>12</v>
      </c>
      <c r="G122" s="23">
        <v>13</v>
      </c>
      <c r="H122" s="22">
        <v>7</v>
      </c>
      <c r="I122" s="22">
        <v>2</v>
      </c>
      <c r="J122" s="22">
        <v>5</v>
      </c>
      <c r="K122" s="21">
        <v>10</v>
      </c>
      <c r="L122" s="53">
        <v>2</v>
      </c>
      <c r="M122" s="54">
        <v>8</v>
      </c>
    </row>
    <row r="123" spans="1:13">
      <c r="A123" s="40" t="s">
        <v>126</v>
      </c>
      <c r="B123" s="21">
        <v>-20</v>
      </c>
      <c r="C123" s="22">
        <v>-8</v>
      </c>
      <c r="D123" s="22">
        <v>-12</v>
      </c>
      <c r="E123" s="21">
        <v>19</v>
      </c>
      <c r="F123" s="22">
        <v>7</v>
      </c>
      <c r="G123" s="23">
        <v>12</v>
      </c>
      <c r="H123" s="22">
        <v>3</v>
      </c>
      <c r="I123" s="22">
        <v>0</v>
      </c>
      <c r="J123" s="22">
        <v>3</v>
      </c>
      <c r="K123" s="21">
        <v>4</v>
      </c>
      <c r="L123" s="53">
        <v>1</v>
      </c>
      <c r="M123" s="54">
        <v>3</v>
      </c>
    </row>
    <row r="124" spans="1:13">
      <c r="A124" s="40" t="s">
        <v>127</v>
      </c>
      <c r="B124" s="21">
        <v>-20</v>
      </c>
      <c r="C124" s="22">
        <v>-11</v>
      </c>
      <c r="D124" s="22">
        <v>-9</v>
      </c>
      <c r="E124" s="21">
        <v>21</v>
      </c>
      <c r="F124" s="22">
        <v>11</v>
      </c>
      <c r="G124" s="23">
        <v>10</v>
      </c>
      <c r="H124" s="22">
        <v>2</v>
      </c>
      <c r="I124" s="22">
        <v>0</v>
      </c>
      <c r="J124" s="22">
        <v>2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84</v>
      </c>
      <c r="C125" s="18">
        <v>-34</v>
      </c>
      <c r="D125" s="18">
        <v>-50</v>
      </c>
      <c r="E125" s="17">
        <v>88</v>
      </c>
      <c r="F125" s="18">
        <v>34</v>
      </c>
      <c r="G125" s="19">
        <v>54</v>
      </c>
      <c r="H125" s="18">
        <v>15</v>
      </c>
      <c r="I125" s="18">
        <v>3</v>
      </c>
      <c r="J125" s="18">
        <v>12</v>
      </c>
      <c r="K125" s="17">
        <v>11</v>
      </c>
      <c r="L125" s="51">
        <v>3</v>
      </c>
      <c r="M125" s="52">
        <v>8</v>
      </c>
    </row>
    <row r="126" spans="1:13">
      <c r="A126" s="40" t="s">
        <v>129</v>
      </c>
      <c r="B126" s="21">
        <v>-25</v>
      </c>
      <c r="C126" s="22">
        <v>-12</v>
      </c>
      <c r="D126" s="22">
        <v>-13</v>
      </c>
      <c r="E126" s="21">
        <v>24</v>
      </c>
      <c r="F126" s="22">
        <v>11</v>
      </c>
      <c r="G126" s="23">
        <v>13</v>
      </c>
      <c r="H126" s="22">
        <v>4</v>
      </c>
      <c r="I126" s="22">
        <v>1</v>
      </c>
      <c r="J126" s="22">
        <v>3</v>
      </c>
      <c r="K126" s="21">
        <v>5</v>
      </c>
      <c r="L126" s="53">
        <v>2</v>
      </c>
      <c r="M126" s="54">
        <v>3</v>
      </c>
    </row>
    <row r="127" spans="1:13">
      <c r="A127" s="40" t="s">
        <v>130</v>
      </c>
      <c r="B127" s="21">
        <v>-22</v>
      </c>
      <c r="C127" s="22">
        <v>-8</v>
      </c>
      <c r="D127" s="22">
        <v>-14</v>
      </c>
      <c r="E127" s="21">
        <v>22</v>
      </c>
      <c r="F127" s="22">
        <v>9</v>
      </c>
      <c r="G127" s="23">
        <v>13</v>
      </c>
      <c r="H127" s="22">
        <v>2</v>
      </c>
      <c r="I127" s="22">
        <v>1</v>
      </c>
      <c r="J127" s="22">
        <v>1</v>
      </c>
      <c r="K127" s="21">
        <v>2</v>
      </c>
      <c r="L127" s="53">
        <v>0</v>
      </c>
      <c r="M127" s="54">
        <v>2</v>
      </c>
    </row>
    <row r="128" spans="1:13">
      <c r="A128" s="40" t="s">
        <v>131</v>
      </c>
      <c r="B128" s="21">
        <v>-12</v>
      </c>
      <c r="C128" s="22">
        <v>-1</v>
      </c>
      <c r="D128" s="22">
        <v>-11</v>
      </c>
      <c r="E128" s="21">
        <v>11</v>
      </c>
      <c r="F128" s="22">
        <v>1</v>
      </c>
      <c r="G128" s="23">
        <v>10</v>
      </c>
      <c r="H128" s="22">
        <v>0</v>
      </c>
      <c r="I128" s="22">
        <v>0</v>
      </c>
      <c r="J128" s="22">
        <v>0</v>
      </c>
      <c r="K128" s="21">
        <v>1</v>
      </c>
      <c r="L128" s="53">
        <v>0</v>
      </c>
      <c r="M128" s="54">
        <v>1</v>
      </c>
    </row>
    <row r="129" spans="1:13">
      <c r="A129" s="40" t="s">
        <v>132</v>
      </c>
      <c r="B129" s="21">
        <v>-13</v>
      </c>
      <c r="C129" s="22">
        <v>-7</v>
      </c>
      <c r="D129" s="22">
        <v>-6</v>
      </c>
      <c r="E129" s="21">
        <v>17</v>
      </c>
      <c r="F129" s="22">
        <v>6</v>
      </c>
      <c r="G129" s="23">
        <v>11</v>
      </c>
      <c r="H129" s="22">
        <v>6</v>
      </c>
      <c r="I129" s="22">
        <v>0</v>
      </c>
      <c r="J129" s="22">
        <v>6</v>
      </c>
      <c r="K129" s="21">
        <v>2</v>
      </c>
      <c r="L129" s="53">
        <v>1</v>
      </c>
      <c r="M129" s="54">
        <v>1</v>
      </c>
    </row>
    <row r="130" spans="1:13">
      <c r="A130" s="40" t="s">
        <v>133</v>
      </c>
      <c r="B130" s="21">
        <v>-12</v>
      </c>
      <c r="C130" s="22">
        <v>-6</v>
      </c>
      <c r="D130" s="22">
        <v>-6</v>
      </c>
      <c r="E130" s="21">
        <v>14</v>
      </c>
      <c r="F130" s="22">
        <v>7</v>
      </c>
      <c r="G130" s="23">
        <v>7</v>
      </c>
      <c r="H130" s="22">
        <v>3</v>
      </c>
      <c r="I130" s="22">
        <v>1</v>
      </c>
      <c r="J130" s="22">
        <v>2</v>
      </c>
      <c r="K130" s="21">
        <v>1</v>
      </c>
      <c r="L130" s="53">
        <v>0</v>
      </c>
      <c r="M130" s="54">
        <v>1</v>
      </c>
    </row>
    <row r="131" spans="1:13" ht="19.5" customHeight="1">
      <c r="A131" s="34" t="s">
        <v>134</v>
      </c>
      <c r="B131" s="17">
        <v>-45</v>
      </c>
      <c r="C131" s="18">
        <v>-6</v>
      </c>
      <c r="D131" s="18">
        <v>-39</v>
      </c>
      <c r="E131" s="17">
        <v>40</v>
      </c>
      <c r="F131" s="18">
        <v>5</v>
      </c>
      <c r="G131" s="19">
        <v>35</v>
      </c>
      <c r="H131" s="18">
        <v>0</v>
      </c>
      <c r="I131" s="18">
        <v>0</v>
      </c>
      <c r="J131" s="18">
        <v>0</v>
      </c>
      <c r="K131" s="17">
        <v>5</v>
      </c>
      <c r="L131" s="51">
        <v>1</v>
      </c>
      <c r="M131" s="52">
        <v>4</v>
      </c>
    </row>
    <row r="132" spans="1:13">
      <c r="A132" s="40" t="s">
        <v>135</v>
      </c>
      <c r="B132" s="21">
        <v>-13</v>
      </c>
      <c r="C132" s="22">
        <v>-2</v>
      </c>
      <c r="D132" s="22">
        <v>-11</v>
      </c>
      <c r="E132" s="21">
        <v>11</v>
      </c>
      <c r="F132" s="22">
        <v>1</v>
      </c>
      <c r="G132" s="23">
        <v>10</v>
      </c>
      <c r="H132" s="22">
        <v>0</v>
      </c>
      <c r="I132" s="22">
        <v>0</v>
      </c>
      <c r="J132" s="22">
        <v>0</v>
      </c>
      <c r="K132" s="21">
        <v>2</v>
      </c>
      <c r="L132" s="53">
        <v>1</v>
      </c>
      <c r="M132" s="54">
        <v>1</v>
      </c>
    </row>
    <row r="133" spans="1:13">
      <c r="A133" s="40" t="s">
        <v>136</v>
      </c>
      <c r="B133" s="21">
        <v>-11</v>
      </c>
      <c r="C133" s="22">
        <v>-1</v>
      </c>
      <c r="D133" s="22">
        <v>-10</v>
      </c>
      <c r="E133" s="21">
        <v>11</v>
      </c>
      <c r="F133" s="22">
        <v>1</v>
      </c>
      <c r="G133" s="23">
        <v>10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8</v>
      </c>
      <c r="C134" s="22">
        <v>-2</v>
      </c>
      <c r="D134" s="22">
        <v>-6</v>
      </c>
      <c r="E134" s="21">
        <v>8</v>
      </c>
      <c r="F134" s="22">
        <v>2</v>
      </c>
      <c r="G134" s="23">
        <v>6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9</v>
      </c>
      <c r="C135" s="22">
        <v>-1</v>
      </c>
      <c r="D135" s="22">
        <v>-8</v>
      </c>
      <c r="E135" s="21">
        <v>7</v>
      </c>
      <c r="F135" s="22">
        <v>1</v>
      </c>
      <c r="G135" s="23">
        <v>6</v>
      </c>
      <c r="H135" s="22">
        <v>0</v>
      </c>
      <c r="I135" s="22">
        <v>0</v>
      </c>
      <c r="J135" s="22">
        <v>0</v>
      </c>
      <c r="K135" s="21">
        <v>2</v>
      </c>
      <c r="L135" s="53">
        <v>0</v>
      </c>
      <c r="M135" s="54">
        <v>2</v>
      </c>
    </row>
    <row r="136" spans="1:13">
      <c r="A136" s="40" t="s">
        <v>139</v>
      </c>
      <c r="B136" s="21">
        <v>-4</v>
      </c>
      <c r="C136" s="22">
        <v>0</v>
      </c>
      <c r="D136" s="22">
        <v>-4</v>
      </c>
      <c r="E136" s="21">
        <v>3</v>
      </c>
      <c r="F136" s="22">
        <v>0</v>
      </c>
      <c r="G136" s="23">
        <v>3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11</v>
      </c>
      <c r="C137" s="43">
        <v>0</v>
      </c>
      <c r="D137" s="43">
        <v>-11</v>
      </c>
      <c r="E137" s="42">
        <v>11</v>
      </c>
      <c r="F137" s="43">
        <v>0</v>
      </c>
      <c r="G137" s="44">
        <v>11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1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1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252</v>
      </c>
      <c r="C5" s="14">
        <v>-111</v>
      </c>
      <c r="D5" s="14">
        <v>-141</v>
      </c>
      <c r="E5" s="13">
        <v>425</v>
      </c>
      <c r="F5" s="14">
        <v>245</v>
      </c>
      <c r="G5" s="15">
        <v>180</v>
      </c>
      <c r="H5" s="14">
        <v>1879</v>
      </c>
      <c r="I5" s="14">
        <v>1138</v>
      </c>
      <c r="J5" s="14">
        <v>741</v>
      </c>
      <c r="K5" s="13">
        <v>1903</v>
      </c>
      <c r="L5" s="49">
        <v>1102</v>
      </c>
      <c r="M5" s="50">
        <v>801</v>
      </c>
    </row>
    <row r="6" spans="1:13" ht="19.5" customHeight="1">
      <c r="A6" s="16" t="s">
        <v>13</v>
      </c>
      <c r="B6" s="17">
        <v>204</v>
      </c>
      <c r="C6" s="18">
        <v>100</v>
      </c>
      <c r="D6" s="18">
        <v>104</v>
      </c>
      <c r="E6" s="17">
        <v>0</v>
      </c>
      <c r="F6" s="18">
        <v>0</v>
      </c>
      <c r="G6" s="19">
        <v>0</v>
      </c>
      <c r="H6" s="18">
        <v>112</v>
      </c>
      <c r="I6" s="18">
        <v>56</v>
      </c>
      <c r="J6" s="18">
        <v>56</v>
      </c>
      <c r="K6" s="17">
        <v>105</v>
      </c>
      <c r="L6" s="51">
        <v>54</v>
      </c>
      <c r="M6" s="52">
        <v>51</v>
      </c>
    </row>
    <row r="7" spans="1:13">
      <c r="A7" s="20" t="s">
        <v>14</v>
      </c>
      <c r="B7" s="21">
        <v>196</v>
      </c>
      <c r="C7" s="22">
        <v>100</v>
      </c>
      <c r="D7" s="22">
        <v>96</v>
      </c>
      <c r="E7" s="21">
        <v>0</v>
      </c>
      <c r="F7" s="22">
        <v>0</v>
      </c>
      <c r="G7" s="23">
        <v>0</v>
      </c>
      <c r="H7" s="22">
        <v>16</v>
      </c>
      <c r="I7" s="22">
        <v>8</v>
      </c>
      <c r="J7" s="22">
        <v>8</v>
      </c>
      <c r="K7" s="21">
        <v>17</v>
      </c>
      <c r="L7" s="53">
        <v>6</v>
      </c>
      <c r="M7" s="54">
        <v>11</v>
      </c>
    </row>
    <row r="8" spans="1:13">
      <c r="A8" s="20" t="s">
        <v>15</v>
      </c>
      <c r="B8" s="21">
        <v>8</v>
      </c>
      <c r="C8" s="22">
        <v>3</v>
      </c>
      <c r="D8" s="22">
        <v>5</v>
      </c>
      <c r="E8" s="21">
        <v>0</v>
      </c>
      <c r="F8" s="22">
        <v>0</v>
      </c>
      <c r="G8" s="23">
        <v>0</v>
      </c>
      <c r="H8" s="22">
        <v>30</v>
      </c>
      <c r="I8" s="22">
        <v>15</v>
      </c>
      <c r="J8" s="22">
        <v>15</v>
      </c>
      <c r="K8" s="21">
        <v>22</v>
      </c>
      <c r="L8" s="53">
        <v>12</v>
      </c>
      <c r="M8" s="54">
        <v>10</v>
      </c>
    </row>
    <row r="9" spans="1:13">
      <c r="A9" s="20" t="s">
        <v>16</v>
      </c>
      <c r="B9" s="21">
        <v>5</v>
      </c>
      <c r="C9" s="22">
        <v>8</v>
      </c>
      <c r="D9" s="22">
        <v>-3</v>
      </c>
      <c r="E9" s="21">
        <v>0</v>
      </c>
      <c r="F9" s="22">
        <v>0</v>
      </c>
      <c r="G9" s="23">
        <v>0</v>
      </c>
      <c r="H9" s="22">
        <v>25</v>
      </c>
      <c r="I9" s="22">
        <v>15</v>
      </c>
      <c r="J9" s="22">
        <v>10</v>
      </c>
      <c r="K9" s="21">
        <v>20</v>
      </c>
      <c r="L9" s="53">
        <v>7</v>
      </c>
      <c r="M9" s="54">
        <v>13</v>
      </c>
    </row>
    <row r="10" spans="1:13">
      <c r="A10" s="20" t="s">
        <v>17</v>
      </c>
      <c r="B10" s="21">
        <v>0</v>
      </c>
      <c r="C10" s="22">
        <v>-8</v>
      </c>
      <c r="D10" s="22">
        <v>8</v>
      </c>
      <c r="E10" s="21">
        <v>0</v>
      </c>
      <c r="F10" s="22">
        <v>0</v>
      </c>
      <c r="G10" s="23">
        <v>0</v>
      </c>
      <c r="H10" s="22">
        <v>29</v>
      </c>
      <c r="I10" s="22">
        <v>13</v>
      </c>
      <c r="J10" s="22">
        <v>16</v>
      </c>
      <c r="K10" s="21">
        <v>29</v>
      </c>
      <c r="L10" s="53">
        <v>21</v>
      </c>
      <c r="M10" s="54">
        <v>8</v>
      </c>
    </row>
    <row r="11" spans="1:13">
      <c r="A11" s="20" t="s">
        <v>18</v>
      </c>
      <c r="B11" s="21">
        <v>-5</v>
      </c>
      <c r="C11" s="22">
        <v>-3</v>
      </c>
      <c r="D11" s="22">
        <v>-2</v>
      </c>
      <c r="E11" s="21">
        <v>0</v>
      </c>
      <c r="F11" s="22">
        <v>0</v>
      </c>
      <c r="G11" s="23">
        <v>0</v>
      </c>
      <c r="H11" s="22">
        <v>12</v>
      </c>
      <c r="I11" s="22">
        <v>5</v>
      </c>
      <c r="J11" s="22">
        <v>7</v>
      </c>
      <c r="K11" s="21">
        <v>17</v>
      </c>
      <c r="L11" s="53">
        <v>8</v>
      </c>
      <c r="M11" s="54">
        <v>9</v>
      </c>
    </row>
    <row r="12" spans="1:13" ht="20.100000000000001" customHeight="1">
      <c r="A12" s="16" t="s">
        <v>19</v>
      </c>
      <c r="B12" s="17">
        <v>-7</v>
      </c>
      <c r="C12" s="18">
        <v>-3</v>
      </c>
      <c r="D12" s="18">
        <v>-4</v>
      </c>
      <c r="E12" s="17">
        <v>0</v>
      </c>
      <c r="F12" s="18">
        <v>0</v>
      </c>
      <c r="G12" s="19">
        <v>0</v>
      </c>
      <c r="H12" s="18">
        <v>62</v>
      </c>
      <c r="I12" s="18">
        <v>38</v>
      </c>
      <c r="J12" s="18">
        <v>24</v>
      </c>
      <c r="K12" s="17">
        <v>69</v>
      </c>
      <c r="L12" s="51">
        <v>41</v>
      </c>
      <c r="M12" s="52">
        <v>28</v>
      </c>
    </row>
    <row r="13" spans="1:13">
      <c r="A13" s="20" t="s">
        <v>20</v>
      </c>
      <c r="B13" s="21">
        <v>-4</v>
      </c>
      <c r="C13" s="22">
        <v>1</v>
      </c>
      <c r="D13" s="22">
        <v>-5</v>
      </c>
      <c r="E13" s="21">
        <v>0</v>
      </c>
      <c r="F13" s="22">
        <v>0</v>
      </c>
      <c r="G13" s="23">
        <v>0</v>
      </c>
      <c r="H13" s="22">
        <v>16</v>
      </c>
      <c r="I13" s="22">
        <v>10</v>
      </c>
      <c r="J13" s="22">
        <v>6</v>
      </c>
      <c r="K13" s="21">
        <v>20</v>
      </c>
      <c r="L13" s="53">
        <v>9</v>
      </c>
      <c r="M13" s="54">
        <v>11</v>
      </c>
    </row>
    <row r="14" spans="1:13">
      <c r="A14" s="20" t="s">
        <v>21</v>
      </c>
      <c r="B14" s="21">
        <v>1</v>
      </c>
      <c r="C14" s="22">
        <v>-1</v>
      </c>
      <c r="D14" s="22">
        <v>2</v>
      </c>
      <c r="E14" s="21">
        <v>0</v>
      </c>
      <c r="F14" s="22">
        <v>0</v>
      </c>
      <c r="G14" s="23">
        <v>0</v>
      </c>
      <c r="H14" s="22">
        <v>11</v>
      </c>
      <c r="I14" s="22">
        <v>7</v>
      </c>
      <c r="J14" s="22">
        <v>4</v>
      </c>
      <c r="K14" s="21">
        <v>10</v>
      </c>
      <c r="L14" s="53">
        <v>8</v>
      </c>
      <c r="M14" s="54">
        <v>2</v>
      </c>
    </row>
    <row r="15" spans="1:13">
      <c r="A15" s="20" t="s">
        <v>22</v>
      </c>
      <c r="B15" s="21">
        <v>-3</v>
      </c>
      <c r="C15" s="22">
        <v>-1</v>
      </c>
      <c r="D15" s="22">
        <v>-2</v>
      </c>
      <c r="E15" s="21">
        <v>0</v>
      </c>
      <c r="F15" s="22">
        <v>0</v>
      </c>
      <c r="G15" s="23">
        <v>0</v>
      </c>
      <c r="H15" s="22">
        <v>16</v>
      </c>
      <c r="I15" s="22">
        <v>8</v>
      </c>
      <c r="J15" s="22">
        <v>8</v>
      </c>
      <c r="K15" s="21">
        <v>19</v>
      </c>
      <c r="L15" s="53">
        <v>9</v>
      </c>
      <c r="M15" s="54">
        <v>10</v>
      </c>
    </row>
    <row r="16" spans="1:13">
      <c r="A16" s="20" t="s">
        <v>23</v>
      </c>
      <c r="B16" s="21">
        <v>-2</v>
      </c>
      <c r="C16" s="22">
        <v>-2</v>
      </c>
      <c r="D16" s="22">
        <v>0</v>
      </c>
      <c r="E16" s="21">
        <v>0</v>
      </c>
      <c r="F16" s="22">
        <v>0</v>
      </c>
      <c r="G16" s="23">
        <v>0</v>
      </c>
      <c r="H16" s="22">
        <v>11</v>
      </c>
      <c r="I16" s="22">
        <v>7</v>
      </c>
      <c r="J16" s="22">
        <v>4</v>
      </c>
      <c r="K16" s="21">
        <v>13</v>
      </c>
      <c r="L16" s="53">
        <v>9</v>
      </c>
      <c r="M16" s="54">
        <v>4</v>
      </c>
    </row>
    <row r="17" spans="1:13">
      <c r="A17" s="20" t="s">
        <v>24</v>
      </c>
      <c r="B17" s="21">
        <v>1</v>
      </c>
      <c r="C17" s="22">
        <v>0</v>
      </c>
      <c r="D17" s="22">
        <v>1</v>
      </c>
      <c r="E17" s="21">
        <v>0</v>
      </c>
      <c r="F17" s="22">
        <v>0</v>
      </c>
      <c r="G17" s="23">
        <v>0</v>
      </c>
      <c r="H17" s="22">
        <v>8</v>
      </c>
      <c r="I17" s="22">
        <v>6</v>
      </c>
      <c r="J17" s="22">
        <v>2</v>
      </c>
      <c r="K17" s="21">
        <v>7</v>
      </c>
      <c r="L17" s="53">
        <v>6</v>
      </c>
      <c r="M17" s="54">
        <v>1</v>
      </c>
    </row>
    <row r="18" spans="1:13" ht="20.100000000000001" customHeight="1">
      <c r="A18" s="16" t="s">
        <v>25</v>
      </c>
      <c r="B18" s="17">
        <v>3</v>
      </c>
      <c r="C18" s="18">
        <v>1</v>
      </c>
      <c r="D18" s="18">
        <v>2</v>
      </c>
      <c r="E18" s="17">
        <v>0</v>
      </c>
      <c r="F18" s="18">
        <v>0</v>
      </c>
      <c r="G18" s="19">
        <v>0</v>
      </c>
      <c r="H18" s="18">
        <v>36</v>
      </c>
      <c r="I18" s="18">
        <v>19</v>
      </c>
      <c r="J18" s="18">
        <v>17</v>
      </c>
      <c r="K18" s="17">
        <v>33</v>
      </c>
      <c r="L18" s="51">
        <v>18</v>
      </c>
      <c r="M18" s="52">
        <v>15</v>
      </c>
    </row>
    <row r="19" spans="1:13">
      <c r="A19" s="20" t="s">
        <v>26</v>
      </c>
      <c r="B19" s="21">
        <v>1</v>
      </c>
      <c r="C19" s="22">
        <v>-1</v>
      </c>
      <c r="D19" s="22">
        <v>2</v>
      </c>
      <c r="E19" s="21">
        <v>0</v>
      </c>
      <c r="F19" s="22">
        <v>0</v>
      </c>
      <c r="G19" s="23">
        <v>0</v>
      </c>
      <c r="H19" s="22">
        <v>6</v>
      </c>
      <c r="I19" s="22">
        <v>2</v>
      </c>
      <c r="J19" s="22">
        <v>4</v>
      </c>
      <c r="K19" s="21">
        <v>5</v>
      </c>
      <c r="L19" s="53">
        <v>3</v>
      </c>
      <c r="M19" s="54">
        <v>2</v>
      </c>
    </row>
    <row r="20" spans="1:13">
      <c r="A20" s="20" t="s">
        <v>27</v>
      </c>
      <c r="B20" s="21">
        <v>4</v>
      </c>
      <c r="C20" s="22">
        <v>1</v>
      </c>
      <c r="D20" s="22">
        <v>3</v>
      </c>
      <c r="E20" s="21">
        <v>0</v>
      </c>
      <c r="F20" s="22">
        <v>0</v>
      </c>
      <c r="G20" s="23">
        <v>0</v>
      </c>
      <c r="H20" s="22">
        <v>10</v>
      </c>
      <c r="I20" s="22">
        <v>3</v>
      </c>
      <c r="J20" s="22">
        <v>7</v>
      </c>
      <c r="K20" s="21">
        <v>6</v>
      </c>
      <c r="L20" s="53">
        <v>2</v>
      </c>
      <c r="M20" s="54">
        <v>4</v>
      </c>
    </row>
    <row r="21" spans="1:13">
      <c r="A21" s="20" t="s">
        <v>28</v>
      </c>
      <c r="B21" s="21">
        <v>0</v>
      </c>
      <c r="C21" s="22">
        <v>0</v>
      </c>
      <c r="D21" s="22">
        <v>0</v>
      </c>
      <c r="E21" s="21">
        <v>0</v>
      </c>
      <c r="F21" s="22">
        <v>0</v>
      </c>
      <c r="G21" s="23">
        <v>0</v>
      </c>
      <c r="H21" s="22">
        <v>6</v>
      </c>
      <c r="I21" s="22">
        <v>5</v>
      </c>
      <c r="J21" s="22">
        <v>1</v>
      </c>
      <c r="K21" s="21">
        <v>6</v>
      </c>
      <c r="L21" s="53">
        <v>5</v>
      </c>
      <c r="M21" s="54">
        <v>1</v>
      </c>
    </row>
    <row r="22" spans="1:13">
      <c r="A22" s="20" t="s">
        <v>29</v>
      </c>
      <c r="B22" s="21">
        <v>-5</v>
      </c>
      <c r="C22" s="22">
        <v>-1</v>
      </c>
      <c r="D22" s="22">
        <v>-4</v>
      </c>
      <c r="E22" s="21">
        <v>0</v>
      </c>
      <c r="F22" s="22">
        <v>0</v>
      </c>
      <c r="G22" s="23">
        <v>0</v>
      </c>
      <c r="H22" s="22">
        <v>8</v>
      </c>
      <c r="I22" s="22">
        <v>4</v>
      </c>
      <c r="J22" s="22">
        <v>4</v>
      </c>
      <c r="K22" s="21">
        <v>13</v>
      </c>
      <c r="L22" s="53">
        <v>5</v>
      </c>
      <c r="M22" s="54">
        <v>8</v>
      </c>
    </row>
    <row r="23" spans="1:13">
      <c r="A23" s="20" t="s">
        <v>30</v>
      </c>
      <c r="B23" s="21">
        <v>3</v>
      </c>
      <c r="C23" s="22">
        <v>2</v>
      </c>
      <c r="D23" s="22">
        <v>1</v>
      </c>
      <c r="E23" s="21">
        <v>0</v>
      </c>
      <c r="F23" s="22">
        <v>0</v>
      </c>
      <c r="G23" s="23">
        <v>0</v>
      </c>
      <c r="H23" s="22">
        <v>6</v>
      </c>
      <c r="I23" s="22">
        <v>5</v>
      </c>
      <c r="J23" s="22">
        <v>1</v>
      </c>
      <c r="K23" s="21">
        <v>3</v>
      </c>
      <c r="L23" s="53">
        <v>3</v>
      </c>
      <c r="M23" s="54">
        <v>0</v>
      </c>
    </row>
    <row r="24" spans="1:13" ht="20.100000000000001" customHeight="1">
      <c r="A24" s="16" t="s">
        <v>31</v>
      </c>
      <c r="B24" s="17">
        <v>5</v>
      </c>
      <c r="C24" s="18">
        <v>16</v>
      </c>
      <c r="D24" s="18">
        <v>-11</v>
      </c>
      <c r="E24" s="17">
        <v>1</v>
      </c>
      <c r="F24" s="18">
        <v>0</v>
      </c>
      <c r="G24" s="19">
        <v>1</v>
      </c>
      <c r="H24" s="18">
        <v>91</v>
      </c>
      <c r="I24" s="18">
        <v>62</v>
      </c>
      <c r="J24" s="18">
        <v>29</v>
      </c>
      <c r="K24" s="17">
        <v>85</v>
      </c>
      <c r="L24" s="51">
        <v>46</v>
      </c>
      <c r="M24" s="52">
        <v>39</v>
      </c>
    </row>
    <row r="25" spans="1:13">
      <c r="A25" s="20" t="s">
        <v>32</v>
      </c>
      <c r="B25" s="21">
        <v>-4</v>
      </c>
      <c r="C25" s="22">
        <v>-1</v>
      </c>
      <c r="D25" s="22">
        <v>-3</v>
      </c>
      <c r="E25" s="21">
        <v>0</v>
      </c>
      <c r="F25" s="22">
        <v>0</v>
      </c>
      <c r="G25" s="23">
        <v>0</v>
      </c>
      <c r="H25" s="22">
        <v>9</v>
      </c>
      <c r="I25" s="22">
        <v>7</v>
      </c>
      <c r="J25" s="22">
        <v>2</v>
      </c>
      <c r="K25" s="21">
        <v>13</v>
      </c>
      <c r="L25" s="53">
        <v>8</v>
      </c>
      <c r="M25" s="54">
        <v>5</v>
      </c>
    </row>
    <row r="26" spans="1:13">
      <c r="A26" s="20" t="s">
        <v>33</v>
      </c>
      <c r="B26" s="21">
        <v>-4</v>
      </c>
      <c r="C26" s="22">
        <v>-2</v>
      </c>
      <c r="D26" s="22">
        <v>-2</v>
      </c>
      <c r="E26" s="21">
        <v>0</v>
      </c>
      <c r="F26" s="22">
        <v>0</v>
      </c>
      <c r="G26" s="23">
        <v>0</v>
      </c>
      <c r="H26" s="22">
        <v>11</v>
      </c>
      <c r="I26" s="22">
        <v>5</v>
      </c>
      <c r="J26" s="22">
        <v>6</v>
      </c>
      <c r="K26" s="21">
        <v>15</v>
      </c>
      <c r="L26" s="53">
        <v>7</v>
      </c>
      <c r="M26" s="54">
        <v>8</v>
      </c>
    </row>
    <row r="27" spans="1:13">
      <c r="A27" s="20" t="s">
        <v>34</v>
      </c>
      <c r="B27" s="21">
        <v>-3</v>
      </c>
      <c r="C27" s="22">
        <v>0</v>
      </c>
      <c r="D27" s="22">
        <v>-3</v>
      </c>
      <c r="E27" s="21">
        <v>0</v>
      </c>
      <c r="F27" s="22">
        <v>0</v>
      </c>
      <c r="G27" s="23">
        <v>0</v>
      </c>
      <c r="H27" s="22">
        <v>4</v>
      </c>
      <c r="I27" s="22">
        <v>4</v>
      </c>
      <c r="J27" s="22">
        <v>0</v>
      </c>
      <c r="K27" s="21">
        <v>7</v>
      </c>
      <c r="L27" s="53">
        <v>4</v>
      </c>
      <c r="M27" s="54">
        <v>3</v>
      </c>
    </row>
    <row r="28" spans="1:13">
      <c r="A28" s="20" t="s">
        <v>35</v>
      </c>
      <c r="B28" s="21">
        <v>-4</v>
      </c>
      <c r="C28" s="22">
        <v>2</v>
      </c>
      <c r="D28" s="22">
        <v>-6</v>
      </c>
      <c r="E28" s="21">
        <v>0</v>
      </c>
      <c r="F28" s="22">
        <v>0</v>
      </c>
      <c r="G28" s="23">
        <v>0</v>
      </c>
      <c r="H28" s="22">
        <v>16</v>
      </c>
      <c r="I28" s="22">
        <v>9</v>
      </c>
      <c r="J28" s="22">
        <v>7</v>
      </c>
      <c r="K28" s="21">
        <v>20</v>
      </c>
      <c r="L28" s="53">
        <v>7</v>
      </c>
      <c r="M28" s="54">
        <v>13</v>
      </c>
    </row>
    <row r="29" spans="1:13">
      <c r="A29" s="20" t="s">
        <v>36</v>
      </c>
      <c r="B29" s="21">
        <v>20</v>
      </c>
      <c r="C29" s="22">
        <v>17</v>
      </c>
      <c r="D29" s="22">
        <v>3</v>
      </c>
      <c r="E29" s="21">
        <v>1</v>
      </c>
      <c r="F29" s="22">
        <v>0</v>
      </c>
      <c r="G29" s="23">
        <v>1</v>
      </c>
      <c r="H29" s="22">
        <v>51</v>
      </c>
      <c r="I29" s="22">
        <v>37</v>
      </c>
      <c r="J29" s="22">
        <v>14</v>
      </c>
      <c r="K29" s="21">
        <v>30</v>
      </c>
      <c r="L29" s="53">
        <v>20</v>
      </c>
      <c r="M29" s="54">
        <v>10</v>
      </c>
    </row>
    <row r="30" spans="1:13" ht="20.100000000000001" customHeight="1">
      <c r="A30" s="16" t="s">
        <v>37</v>
      </c>
      <c r="B30" s="17">
        <v>-53</v>
      </c>
      <c r="C30" s="18">
        <v>-24</v>
      </c>
      <c r="D30" s="18">
        <v>-29</v>
      </c>
      <c r="E30" s="17">
        <v>0</v>
      </c>
      <c r="F30" s="18">
        <v>0</v>
      </c>
      <c r="G30" s="19">
        <v>0</v>
      </c>
      <c r="H30" s="18">
        <v>304</v>
      </c>
      <c r="I30" s="18">
        <v>177</v>
      </c>
      <c r="J30" s="18">
        <v>127</v>
      </c>
      <c r="K30" s="17">
        <v>357</v>
      </c>
      <c r="L30" s="51">
        <v>201</v>
      </c>
      <c r="M30" s="52">
        <v>156</v>
      </c>
    </row>
    <row r="31" spans="1:13">
      <c r="A31" s="20" t="s">
        <v>38</v>
      </c>
      <c r="B31" s="21">
        <v>-4</v>
      </c>
      <c r="C31" s="22">
        <v>-3</v>
      </c>
      <c r="D31" s="22">
        <v>-1</v>
      </c>
      <c r="E31" s="21">
        <v>0</v>
      </c>
      <c r="F31" s="22">
        <v>0</v>
      </c>
      <c r="G31" s="23">
        <v>0</v>
      </c>
      <c r="H31" s="22">
        <v>42</v>
      </c>
      <c r="I31" s="22">
        <v>20</v>
      </c>
      <c r="J31" s="22">
        <v>22</v>
      </c>
      <c r="K31" s="21">
        <v>46</v>
      </c>
      <c r="L31" s="53">
        <v>23</v>
      </c>
      <c r="M31" s="54">
        <v>23</v>
      </c>
    </row>
    <row r="32" spans="1:13">
      <c r="A32" s="20" t="s">
        <v>39</v>
      </c>
      <c r="B32" s="21">
        <v>-18</v>
      </c>
      <c r="C32" s="22">
        <v>-10</v>
      </c>
      <c r="D32" s="22">
        <v>-8</v>
      </c>
      <c r="E32" s="21">
        <v>0</v>
      </c>
      <c r="F32" s="22">
        <v>0</v>
      </c>
      <c r="G32" s="23">
        <v>0</v>
      </c>
      <c r="H32" s="22">
        <v>50</v>
      </c>
      <c r="I32" s="22">
        <v>29</v>
      </c>
      <c r="J32" s="22">
        <v>21</v>
      </c>
      <c r="K32" s="21">
        <v>68</v>
      </c>
      <c r="L32" s="53">
        <v>39</v>
      </c>
      <c r="M32" s="54">
        <v>29</v>
      </c>
    </row>
    <row r="33" spans="1:13">
      <c r="A33" s="20" t="s">
        <v>40</v>
      </c>
      <c r="B33" s="21">
        <v>-13</v>
      </c>
      <c r="C33" s="22">
        <v>-13</v>
      </c>
      <c r="D33" s="22">
        <v>0</v>
      </c>
      <c r="E33" s="21">
        <v>0</v>
      </c>
      <c r="F33" s="22">
        <v>0</v>
      </c>
      <c r="G33" s="23">
        <v>0</v>
      </c>
      <c r="H33" s="22">
        <v>53</v>
      </c>
      <c r="I33" s="22">
        <v>25</v>
      </c>
      <c r="J33" s="22">
        <v>28</v>
      </c>
      <c r="K33" s="21">
        <v>66</v>
      </c>
      <c r="L33" s="53">
        <v>38</v>
      </c>
      <c r="M33" s="54">
        <v>28</v>
      </c>
    </row>
    <row r="34" spans="1:13">
      <c r="A34" s="20" t="s">
        <v>41</v>
      </c>
      <c r="B34" s="21">
        <v>-19</v>
      </c>
      <c r="C34" s="22">
        <v>-4</v>
      </c>
      <c r="D34" s="22">
        <v>-15</v>
      </c>
      <c r="E34" s="21">
        <v>0</v>
      </c>
      <c r="F34" s="22">
        <v>0</v>
      </c>
      <c r="G34" s="23">
        <v>0</v>
      </c>
      <c r="H34" s="22">
        <v>88</v>
      </c>
      <c r="I34" s="22">
        <v>59</v>
      </c>
      <c r="J34" s="22">
        <v>29</v>
      </c>
      <c r="K34" s="21">
        <v>107</v>
      </c>
      <c r="L34" s="53">
        <v>63</v>
      </c>
      <c r="M34" s="54">
        <v>44</v>
      </c>
    </row>
    <row r="35" spans="1:13">
      <c r="A35" s="20" t="s">
        <v>42</v>
      </c>
      <c r="B35" s="21">
        <v>1</v>
      </c>
      <c r="C35" s="22">
        <v>6</v>
      </c>
      <c r="D35" s="22">
        <v>-5</v>
      </c>
      <c r="E35" s="21">
        <v>0</v>
      </c>
      <c r="F35" s="22">
        <v>0</v>
      </c>
      <c r="G35" s="23">
        <v>0</v>
      </c>
      <c r="H35" s="22">
        <v>71</v>
      </c>
      <c r="I35" s="22">
        <v>44</v>
      </c>
      <c r="J35" s="22">
        <v>27</v>
      </c>
      <c r="K35" s="21">
        <v>70</v>
      </c>
      <c r="L35" s="53">
        <v>38</v>
      </c>
      <c r="M35" s="54">
        <v>32</v>
      </c>
    </row>
    <row r="36" spans="1:13" ht="20.100000000000001" customHeight="1">
      <c r="A36" s="16" t="s">
        <v>43</v>
      </c>
      <c r="B36" s="17">
        <v>-10</v>
      </c>
      <c r="C36" s="18">
        <v>-7</v>
      </c>
      <c r="D36" s="18">
        <v>-3</v>
      </c>
      <c r="E36" s="17">
        <v>4</v>
      </c>
      <c r="F36" s="18">
        <v>4</v>
      </c>
      <c r="G36" s="19">
        <v>0</v>
      </c>
      <c r="H36" s="18">
        <v>345</v>
      </c>
      <c r="I36" s="18">
        <v>229</v>
      </c>
      <c r="J36" s="18">
        <v>116</v>
      </c>
      <c r="K36" s="17">
        <v>351</v>
      </c>
      <c r="L36" s="51">
        <v>232</v>
      </c>
      <c r="M36" s="52">
        <v>119</v>
      </c>
    </row>
    <row r="37" spans="1:13">
      <c r="A37" s="20" t="s">
        <v>44</v>
      </c>
      <c r="B37" s="21">
        <v>11</v>
      </c>
      <c r="C37" s="22">
        <v>2</v>
      </c>
      <c r="D37" s="22">
        <v>9</v>
      </c>
      <c r="E37" s="21">
        <v>0</v>
      </c>
      <c r="F37" s="22">
        <v>0</v>
      </c>
      <c r="G37" s="23">
        <v>0</v>
      </c>
      <c r="H37" s="22">
        <v>85</v>
      </c>
      <c r="I37" s="22">
        <v>53</v>
      </c>
      <c r="J37" s="22">
        <v>32</v>
      </c>
      <c r="K37" s="21">
        <v>74</v>
      </c>
      <c r="L37" s="53">
        <v>51</v>
      </c>
      <c r="M37" s="54">
        <v>23</v>
      </c>
    </row>
    <row r="38" spans="1:13">
      <c r="A38" s="20" t="s">
        <v>45</v>
      </c>
      <c r="B38" s="21">
        <v>-4</v>
      </c>
      <c r="C38" s="22">
        <v>-11</v>
      </c>
      <c r="D38" s="22">
        <v>7</v>
      </c>
      <c r="E38" s="21">
        <v>0</v>
      </c>
      <c r="F38" s="22">
        <v>0</v>
      </c>
      <c r="G38" s="23">
        <v>0</v>
      </c>
      <c r="H38" s="22">
        <v>84</v>
      </c>
      <c r="I38" s="22">
        <v>53</v>
      </c>
      <c r="J38" s="22">
        <v>31</v>
      </c>
      <c r="K38" s="21">
        <v>88</v>
      </c>
      <c r="L38" s="53">
        <v>64</v>
      </c>
      <c r="M38" s="54">
        <v>24</v>
      </c>
    </row>
    <row r="39" spans="1:13">
      <c r="A39" s="20" t="s">
        <v>46</v>
      </c>
      <c r="B39" s="21">
        <v>-15</v>
      </c>
      <c r="C39" s="22">
        <v>-5</v>
      </c>
      <c r="D39" s="22">
        <v>-10</v>
      </c>
      <c r="E39" s="21">
        <v>3</v>
      </c>
      <c r="F39" s="22">
        <v>3</v>
      </c>
      <c r="G39" s="23">
        <v>0</v>
      </c>
      <c r="H39" s="22">
        <v>62</v>
      </c>
      <c r="I39" s="22">
        <v>40</v>
      </c>
      <c r="J39" s="22">
        <v>22</v>
      </c>
      <c r="K39" s="21">
        <v>74</v>
      </c>
      <c r="L39" s="53">
        <v>42</v>
      </c>
      <c r="M39" s="54">
        <v>32</v>
      </c>
    </row>
    <row r="40" spans="1:13">
      <c r="A40" s="20" t="s">
        <v>47</v>
      </c>
      <c r="B40" s="21">
        <v>12</v>
      </c>
      <c r="C40" s="22">
        <v>12</v>
      </c>
      <c r="D40" s="22">
        <v>0</v>
      </c>
      <c r="E40" s="21">
        <v>0</v>
      </c>
      <c r="F40" s="22">
        <v>0</v>
      </c>
      <c r="G40" s="23">
        <v>0</v>
      </c>
      <c r="H40" s="22">
        <v>67</v>
      </c>
      <c r="I40" s="22">
        <v>46</v>
      </c>
      <c r="J40" s="22">
        <v>21</v>
      </c>
      <c r="K40" s="21">
        <v>55</v>
      </c>
      <c r="L40" s="53">
        <v>34</v>
      </c>
      <c r="M40" s="54">
        <v>21</v>
      </c>
    </row>
    <row r="41" spans="1:13">
      <c r="A41" s="20" t="s">
        <v>48</v>
      </c>
      <c r="B41" s="21">
        <v>-14</v>
      </c>
      <c r="C41" s="22">
        <v>-5</v>
      </c>
      <c r="D41" s="22">
        <v>-9</v>
      </c>
      <c r="E41" s="21">
        <v>1</v>
      </c>
      <c r="F41" s="22">
        <v>1</v>
      </c>
      <c r="G41" s="23">
        <v>0</v>
      </c>
      <c r="H41" s="22">
        <v>47</v>
      </c>
      <c r="I41" s="22">
        <v>37</v>
      </c>
      <c r="J41" s="22">
        <v>10</v>
      </c>
      <c r="K41" s="21">
        <v>60</v>
      </c>
      <c r="L41" s="53">
        <v>41</v>
      </c>
      <c r="M41" s="54">
        <v>19</v>
      </c>
    </row>
    <row r="42" spans="1:13" ht="20.100000000000001" customHeight="1">
      <c r="A42" s="16" t="s">
        <v>49</v>
      </c>
      <c r="B42" s="17">
        <v>-26</v>
      </c>
      <c r="C42" s="18">
        <v>-1</v>
      </c>
      <c r="D42" s="18">
        <v>-25</v>
      </c>
      <c r="E42" s="17">
        <v>1</v>
      </c>
      <c r="F42" s="18">
        <v>1</v>
      </c>
      <c r="G42" s="19">
        <v>0</v>
      </c>
      <c r="H42" s="18">
        <v>209</v>
      </c>
      <c r="I42" s="18">
        <v>135</v>
      </c>
      <c r="J42" s="18">
        <v>74</v>
      </c>
      <c r="K42" s="17">
        <v>234</v>
      </c>
      <c r="L42" s="51">
        <v>135</v>
      </c>
      <c r="M42" s="52">
        <v>99</v>
      </c>
    </row>
    <row r="43" spans="1:13">
      <c r="A43" s="20" t="s">
        <v>50</v>
      </c>
      <c r="B43" s="21">
        <v>-2</v>
      </c>
      <c r="C43" s="22">
        <v>4</v>
      </c>
      <c r="D43" s="22">
        <v>-6</v>
      </c>
      <c r="E43" s="21">
        <v>0</v>
      </c>
      <c r="F43" s="22">
        <v>0</v>
      </c>
      <c r="G43" s="23">
        <v>0</v>
      </c>
      <c r="H43" s="22">
        <v>53</v>
      </c>
      <c r="I43" s="22">
        <v>39</v>
      </c>
      <c r="J43" s="22">
        <v>14</v>
      </c>
      <c r="K43" s="21">
        <v>55</v>
      </c>
      <c r="L43" s="53">
        <v>35</v>
      </c>
      <c r="M43" s="54">
        <v>20</v>
      </c>
    </row>
    <row r="44" spans="1:13">
      <c r="A44" s="20" t="s">
        <v>51</v>
      </c>
      <c r="B44" s="21">
        <v>-5</v>
      </c>
      <c r="C44" s="22">
        <v>1</v>
      </c>
      <c r="D44" s="22">
        <v>-6</v>
      </c>
      <c r="E44" s="21">
        <v>0</v>
      </c>
      <c r="F44" s="22">
        <v>0</v>
      </c>
      <c r="G44" s="23">
        <v>0</v>
      </c>
      <c r="H44" s="22">
        <v>41</v>
      </c>
      <c r="I44" s="22">
        <v>25</v>
      </c>
      <c r="J44" s="22">
        <v>16</v>
      </c>
      <c r="K44" s="21">
        <v>46</v>
      </c>
      <c r="L44" s="53">
        <v>24</v>
      </c>
      <c r="M44" s="54">
        <v>22</v>
      </c>
    </row>
    <row r="45" spans="1:13">
      <c r="A45" s="20" t="s">
        <v>52</v>
      </c>
      <c r="B45" s="21">
        <v>-17</v>
      </c>
      <c r="C45" s="22">
        <v>-7</v>
      </c>
      <c r="D45" s="22">
        <v>-10</v>
      </c>
      <c r="E45" s="21">
        <v>0</v>
      </c>
      <c r="F45" s="22">
        <v>0</v>
      </c>
      <c r="G45" s="23">
        <v>0</v>
      </c>
      <c r="H45" s="22">
        <v>32</v>
      </c>
      <c r="I45" s="22">
        <v>23</v>
      </c>
      <c r="J45" s="22">
        <v>9</v>
      </c>
      <c r="K45" s="21">
        <v>49</v>
      </c>
      <c r="L45" s="53">
        <v>30</v>
      </c>
      <c r="M45" s="54">
        <v>19</v>
      </c>
    </row>
    <row r="46" spans="1:13">
      <c r="A46" s="20" t="s">
        <v>53</v>
      </c>
      <c r="B46" s="21">
        <v>2</v>
      </c>
      <c r="C46" s="22">
        <v>0</v>
      </c>
      <c r="D46" s="22">
        <v>2</v>
      </c>
      <c r="E46" s="21">
        <v>1</v>
      </c>
      <c r="F46" s="22">
        <v>1</v>
      </c>
      <c r="G46" s="23">
        <v>0</v>
      </c>
      <c r="H46" s="22">
        <v>48</v>
      </c>
      <c r="I46" s="22">
        <v>25</v>
      </c>
      <c r="J46" s="22">
        <v>23</v>
      </c>
      <c r="K46" s="21">
        <v>45</v>
      </c>
      <c r="L46" s="53">
        <v>24</v>
      </c>
      <c r="M46" s="54">
        <v>21</v>
      </c>
    </row>
    <row r="47" spans="1:13">
      <c r="A47" s="20" t="s">
        <v>54</v>
      </c>
      <c r="B47" s="21">
        <v>-4</v>
      </c>
      <c r="C47" s="22">
        <v>1</v>
      </c>
      <c r="D47" s="22">
        <v>-5</v>
      </c>
      <c r="E47" s="21">
        <v>0</v>
      </c>
      <c r="F47" s="22">
        <v>0</v>
      </c>
      <c r="G47" s="23">
        <v>0</v>
      </c>
      <c r="H47" s="22">
        <v>35</v>
      </c>
      <c r="I47" s="22">
        <v>23</v>
      </c>
      <c r="J47" s="22">
        <v>12</v>
      </c>
      <c r="K47" s="21">
        <v>39</v>
      </c>
      <c r="L47" s="53">
        <v>22</v>
      </c>
      <c r="M47" s="54">
        <v>17</v>
      </c>
    </row>
    <row r="48" spans="1:13" ht="20.100000000000001" customHeight="1">
      <c r="A48" s="16" t="s">
        <v>55</v>
      </c>
      <c r="B48" s="17">
        <v>-17</v>
      </c>
      <c r="C48" s="18">
        <v>-7</v>
      </c>
      <c r="D48" s="18">
        <v>-10</v>
      </c>
      <c r="E48" s="17">
        <v>0</v>
      </c>
      <c r="F48" s="18">
        <v>0</v>
      </c>
      <c r="G48" s="19">
        <v>0</v>
      </c>
      <c r="H48" s="18">
        <v>129</v>
      </c>
      <c r="I48" s="18">
        <v>79</v>
      </c>
      <c r="J48" s="18">
        <v>50</v>
      </c>
      <c r="K48" s="17">
        <v>146</v>
      </c>
      <c r="L48" s="51">
        <v>86</v>
      </c>
      <c r="M48" s="52">
        <v>60</v>
      </c>
    </row>
    <row r="49" spans="1:13">
      <c r="A49" s="20" t="s">
        <v>56</v>
      </c>
      <c r="B49" s="21">
        <v>-3</v>
      </c>
      <c r="C49" s="22">
        <v>2</v>
      </c>
      <c r="D49" s="22">
        <v>-5</v>
      </c>
      <c r="E49" s="21">
        <v>0</v>
      </c>
      <c r="F49" s="22">
        <v>0</v>
      </c>
      <c r="G49" s="23">
        <v>0</v>
      </c>
      <c r="H49" s="22">
        <v>31</v>
      </c>
      <c r="I49" s="22">
        <v>22</v>
      </c>
      <c r="J49" s="22">
        <v>9</v>
      </c>
      <c r="K49" s="21">
        <v>34</v>
      </c>
      <c r="L49" s="53">
        <v>20</v>
      </c>
      <c r="M49" s="54">
        <v>14</v>
      </c>
    </row>
    <row r="50" spans="1:13">
      <c r="A50" s="20" t="s">
        <v>57</v>
      </c>
      <c r="B50" s="21">
        <v>-6</v>
      </c>
      <c r="C50" s="22">
        <v>-1</v>
      </c>
      <c r="D50" s="22">
        <v>-5</v>
      </c>
      <c r="E50" s="21">
        <v>0</v>
      </c>
      <c r="F50" s="22">
        <v>0</v>
      </c>
      <c r="G50" s="23">
        <v>0</v>
      </c>
      <c r="H50" s="22">
        <v>28</v>
      </c>
      <c r="I50" s="22">
        <v>18</v>
      </c>
      <c r="J50" s="22">
        <v>10</v>
      </c>
      <c r="K50" s="21">
        <v>34</v>
      </c>
      <c r="L50" s="53">
        <v>19</v>
      </c>
      <c r="M50" s="54">
        <v>15</v>
      </c>
    </row>
    <row r="51" spans="1:13">
      <c r="A51" s="20" t="s">
        <v>58</v>
      </c>
      <c r="B51" s="21">
        <v>-9</v>
      </c>
      <c r="C51" s="22">
        <v>-5</v>
      </c>
      <c r="D51" s="22">
        <v>-4</v>
      </c>
      <c r="E51" s="21">
        <v>0</v>
      </c>
      <c r="F51" s="22">
        <v>0</v>
      </c>
      <c r="G51" s="23">
        <v>0</v>
      </c>
      <c r="H51" s="22">
        <v>20</v>
      </c>
      <c r="I51" s="22">
        <v>12</v>
      </c>
      <c r="J51" s="22">
        <v>8</v>
      </c>
      <c r="K51" s="21">
        <v>29</v>
      </c>
      <c r="L51" s="53">
        <v>17</v>
      </c>
      <c r="M51" s="54">
        <v>12</v>
      </c>
    </row>
    <row r="52" spans="1:13">
      <c r="A52" s="20" t="s">
        <v>59</v>
      </c>
      <c r="B52" s="21">
        <v>-2</v>
      </c>
      <c r="C52" s="22">
        <v>-5</v>
      </c>
      <c r="D52" s="22">
        <v>3</v>
      </c>
      <c r="E52" s="21">
        <v>0</v>
      </c>
      <c r="F52" s="22">
        <v>0</v>
      </c>
      <c r="G52" s="23">
        <v>0</v>
      </c>
      <c r="H52" s="22">
        <v>28</v>
      </c>
      <c r="I52" s="22">
        <v>15</v>
      </c>
      <c r="J52" s="22">
        <v>13</v>
      </c>
      <c r="K52" s="21">
        <v>30</v>
      </c>
      <c r="L52" s="53">
        <v>20</v>
      </c>
      <c r="M52" s="54">
        <v>10</v>
      </c>
    </row>
    <row r="53" spans="1:13">
      <c r="A53" s="20" t="s">
        <v>60</v>
      </c>
      <c r="B53" s="21">
        <v>3</v>
      </c>
      <c r="C53" s="22">
        <v>2</v>
      </c>
      <c r="D53" s="22">
        <v>1</v>
      </c>
      <c r="E53" s="21">
        <v>0</v>
      </c>
      <c r="F53" s="22">
        <v>0</v>
      </c>
      <c r="G53" s="23">
        <v>0</v>
      </c>
      <c r="H53" s="22">
        <v>22</v>
      </c>
      <c r="I53" s="22">
        <v>12</v>
      </c>
      <c r="J53" s="22">
        <v>10</v>
      </c>
      <c r="K53" s="21">
        <v>19</v>
      </c>
      <c r="L53" s="53">
        <v>10</v>
      </c>
      <c r="M53" s="54">
        <v>9</v>
      </c>
    </row>
    <row r="54" spans="1:13" ht="20.100000000000001" customHeight="1">
      <c r="A54" s="16" t="s">
        <v>61</v>
      </c>
      <c r="B54" s="17">
        <v>9</v>
      </c>
      <c r="C54" s="18">
        <v>18</v>
      </c>
      <c r="D54" s="18">
        <v>-9</v>
      </c>
      <c r="E54" s="17">
        <v>0</v>
      </c>
      <c r="F54" s="18">
        <v>0</v>
      </c>
      <c r="G54" s="19">
        <v>0</v>
      </c>
      <c r="H54" s="18">
        <v>130</v>
      </c>
      <c r="I54" s="18">
        <v>84</v>
      </c>
      <c r="J54" s="18">
        <v>46</v>
      </c>
      <c r="K54" s="17">
        <v>121</v>
      </c>
      <c r="L54" s="51">
        <v>66</v>
      </c>
      <c r="M54" s="52">
        <v>55</v>
      </c>
    </row>
    <row r="55" spans="1:13">
      <c r="A55" s="20" t="s">
        <v>62</v>
      </c>
      <c r="B55" s="21">
        <v>-2</v>
      </c>
      <c r="C55" s="22">
        <v>5</v>
      </c>
      <c r="D55" s="22">
        <v>-7</v>
      </c>
      <c r="E55" s="21">
        <v>0</v>
      </c>
      <c r="F55" s="22">
        <v>0</v>
      </c>
      <c r="G55" s="23">
        <v>0</v>
      </c>
      <c r="H55" s="22">
        <v>27</v>
      </c>
      <c r="I55" s="22">
        <v>21</v>
      </c>
      <c r="J55" s="22">
        <v>6</v>
      </c>
      <c r="K55" s="21">
        <v>29</v>
      </c>
      <c r="L55" s="53">
        <v>16</v>
      </c>
      <c r="M55" s="54">
        <v>13</v>
      </c>
    </row>
    <row r="56" spans="1:13">
      <c r="A56" s="20" t="s">
        <v>63</v>
      </c>
      <c r="B56" s="21">
        <v>13</v>
      </c>
      <c r="C56" s="22">
        <v>10</v>
      </c>
      <c r="D56" s="22">
        <v>3</v>
      </c>
      <c r="E56" s="21">
        <v>0</v>
      </c>
      <c r="F56" s="22">
        <v>0</v>
      </c>
      <c r="G56" s="23">
        <v>0</v>
      </c>
      <c r="H56" s="22">
        <v>35</v>
      </c>
      <c r="I56" s="22">
        <v>23</v>
      </c>
      <c r="J56" s="22">
        <v>12</v>
      </c>
      <c r="K56" s="21">
        <v>22</v>
      </c>
      <c r="L56" s="53">
        <v>13</v>
      </c>
      <c r="M56" s="54">
        <v>9</v>
      </c>
    </row>
    <row r="57" spans="1:13">
      <c r="A57" s="20" t="s">
        <v>64</v>
      </c>
      <c r="B57" s="21">
        <v>-4</v>
      </c>
      <c r="C57" s="22">
        <v>4</v>
      </c>
      <c r="D57" s="22">
        <v>-8</v>
      </c>
      <c r="E57" s="21">
        <v>0</v>
      </c>
      <c r="F57" s="22">
        <v>0</v>
      </c>
      <c r="G57" s="23">
        <v>0</v>
      </c>
      <c r="H57" s="22">
        <v>22</v>
      </c>
      <c r="I57" s="22">
        <v>16</v>
      </c>
      <c r="J57" s="22">
        <v>6</v>
      </c>
      <c r="K57" s="21">
        <v>26</v>
      </c>
      <c r="L57" s="53">
        <v>12</v>
      </c>
      <c r="M57" s="54">
        <v>14</v>
      </c>
    </row>
    <row r="58" spans="1:13">
      <c r="A58" s="20" t="s">
        <v>65</v>
      </c>
      <c r="B58" s="21">
        <v>4</v>
      </c>
      <c r="C58" s="22">
        <v>4</v>
      </c>
      <c r="D58" s="22">
        <v>0</v>
      </c>
      <c r="E58" s="21">
        <v>0</v>
      </c>
      <c r="F58" s="22">
        <v>0</v>
      </c>
      <c r="G58" s="23">
        <v>0</v>
      </c>
      <c r="H58" s="22">
        <v>21</v>
      </c>
      <c r="I58" s="22">
        <v>12</v>
      </c>
      <c r="J58" s="22">
        <v>9</v>
      </c>
      <c r="K58" s="21">
        <v>17</v>
      </c>
      <c r="L58" s="53">
        <v>8</v>
      </c>
      <c r="M58" s="54">
        <v>9</v>
      </c>
    </row>
    <row r="59" spans="1:13">
      <c r="A59" s="20" t="s">
        <v>66</v>
      </c>
      <c r="B59" s="21">
        <v>-2</v>
      </c>
      <c r="C59" s="22">
        <v>-5</v>
      </c>
      <c r="D59" s="22">
        <v>3</v>
      </c>
      <c r="E59" s="21">
        <v>0</v>
      </c>
      <c r="F59" s="22">
        <v>0</v>
      </c>
      <c r="G59" s="23">
        <v>0</v>
      </c>
      <c r="H59" s="22">
        <v>25</v>
      </c>
      <c r="I59" s="22">
        <v>12</v>
      </c>
      <c r="J59" s="22">
        <v>13</v>
      </c>
      <c r="K59" s="21">
        <v>27</v>
      </c>
      <c r="L59" s="53">
        <v>17</v>
      </c>
      <c r="M59" s="54">
        <v>10</v>
      </c>
    </row>
    <row r="60" spans="1:13" ht="20.100000000000001" customHeight="1">
      <c r="A60" s="16" t="s">
        <v>67</v>
      </c>
      <c r="B60" s="17">
        <v>18</v>
      </c>
      <c r="C60" s="18">
        <v>13</v>
      </c>
      <c r="D60" s="18">
        <v>5</v>
      </c>
      <c r="E60" s="17">
        <v>4</v>
      </c>
      <c r="F60" s="18">
        <v>2</v>
      </c>
      <c r="G60" s="19">
        <v>2</v>
      </c>
      <c r="H60" s="18">
        <v>115</v>
      </c>
      <c r="I60" s="18">
        <v>72</v>
      </c>
      <c r="J60" s="18">
        <v>43</v>
      </c>
      <c r="K60" s="17">
        <v>93</v>
      </c>
      <c r="L60" s="51">
        <v>57</v>
      </c>
      <c r="M60" s="52">
        <v>36</v>
      </c>
    </row>
    <row r="61" spans="1:13">
      <c r="A61" s="20" t="s">
        <v>68</v>
      </c>
      <c r="B61" s="21">
        <v>1</v>
      </c>
      <c r="C61" s="22">
        <v>3</v>
      </c>
      <c r="D61" s="22">
        <v>-2</v>
      </c>
      <c r="E61" s="21">
        <v>1</v>
      </c>
      <c r="F61" s="22">
        <v>1</v>
      </c>
      <c r="G61" s="23">
        <v>0</v>
      </c>
      <c r="H61" s="22">
        <v>20</v>
      </c>
      <c r="I61" s="22">
        <v>15</v>
      </c>
      <c r="J61" s="22">
        <v>5</v>
      </c>
      <c r="K61" s="21">
        <v>18</v>
      </c>
      <c r="L61" s="53">
        <v>11</v>
      </c>
      <c r="M61" s="54">
        <v>7</v>
      </c>
    </row>
    <row r="62" spans="1:13">
      <c r="A62" s="20" t="s">
        <v>69</v>
      </c>
      <c r="B62" s="21">
        <v>10</v>
      </c>
      <c r="C62" s="22">
        <v>11</v>
      </c>
      <c r="D62" s="22">
        <v>-1</v>
      </c>
      <c r="E62" s="21">
        <v>1</v>
      </c>
      <c r="F62" s="22">
        <v>0</v>
      </c>
      <c r="G62" s="23">
        <v>1</v>
      </c>
      <c r="H62" s="22">
        <v>29</v>
      </c>
      <c r="I62" s="22">
        <v>20</v>
      </c>
      <c r="J62" s="22">
        <v>9</v>
      </c>
      <c r="K62" s="21">
        <v>18</v>
      </c>
      <c r="L62" s="53">
        <v>9</v>
      </c>
      <c r="M62" s="54">
        <v>9</v>
      </c>
    </row>
    <row r="63" spans="1:13">
      <c r="A63" s="20" t="s">
        <v>70</v>
      </c>
      <c r="B63" s="21">
        <v>8</v>
      </c>
      <c r="C63" s="22">
        <v>-1</v>
      </c>
      <c r="D63" s="22">
        <v>9</v>
      </c>
      <c r="E63" s="21">
        <v>1</v>
      </c>
      <c r="F63" s="22">
        <v>1</v>
      </c>
      <c r="G63" s="23">
        <v>0</v>
      </c>
      <c r="H63" s="22">
        <v>29</v>
      </c>
      <c r="I63" s="22">
        <v>12</v>
      </c>
      <c r="J63" s="22">
        <v>17</v>
      </c>
      <c r="K63" s="21">
        <v>20</v>
      </c>
      <c r="L63" s="53">
        <v>12</v>
      </c>
      <c r="M63" s="54">
        <v>8</v>
      </c>
    </row>
    <row r="64" spans="1:13">
      <c r="A64" s="20" t="s">
        <v>71</v>
      </c>
      <c r="B64" s="21">
        <v>0</v>
      </c>
      <c r="C64" s="22">
        <v>4</v>
      </c>
      <c r="D64" s="22">
        <v>-4</v>
      </c>
      <c r="E64" s="21">
        <v>1</v>
      </c>
      <c r="F64" s="22">
        <v>0</v>
      </c>
      <c r="G64" s="23">
        <v>1</v>
      </c>
      <c r="H64" s="22">
        <v>20</v>
      </c>
      <c r="I64" s="22">
        <v>16</v>
      </c>
      <c r="J64" s="22">
        <v>4</v>
      </c>
      <c r="K64" s="21">
        <v>19</v>
      </c>
      <c r="L64" s="53">
        <v>12</v>
      </c>
      <c r="M64" s="54">
        <v>7</v>
      </c>
    </row>
    <row r="65" spans="1:13">
      <c r="A65" s="24" t="s">
        <v>72</v>
      </c>
      <c r="B65" s="25">
        <v>-1</v>
      </c>
      <c r="C65" s="26">
        <v>-4</v>
      </c>
      <c r="D65" s="26">
        <v>3</v>
      </c>
      <c r="E65" s="25">
        <v>0</v>
      </c>
      <c r="F65" s="26">
        <v>0</v>
      </c>
      <c r="G65" s="27">
        <v>0</v>
      </c>
      <c r="H65" s="26">
        <v>17</v>
      </c>
      <c r="I65" s="26">
        <v>9</v>
      </c>
      <c r="J65" s="26">
        <v>8</v>
      </c>
      <c r="K65" s="25">
        <v>18</v>
      </c>
      <c r="L65" s="55">
        <v>13</v>
      </c>
      <c r="M65" s="56">
        <v>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97</v>
      </c>
      <c r="C69" s="58">
        <v>98</v>
      </c>
      <c r="D69" s="59">
        <v>9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97</v>
      </c>
      <c r="C70" s="61">
        <v>98</v>
      </c>
      <c r="D70" s="62">
        <v>99</v>
      </c>
    </row>
    <row r="71" spans="1:13">
      <c r="A71" s="24" t="s">
        <v>14</v>
      </c>
      <c r="B71" s="63">
        <v>197</v>
      </c>
      <c r="C71" s="64">
        <v>98</v>
      </c>
      <c r="D71" s="65">
        <v>99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1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18</v>
      </c>
      <c r="C77" s="18">
        <v>6</v>
      </c>
      <c r="D77" s="18">
        <v>12</v>
      </c>
      <c r="E77" s="17">
        <v>9</v>
      </c>
      <c r="F77" s="18">
        <v>8</v>
      </c>
      <c r="G77" s="19">
        <v>1</v>
      </c>
      <c r="H77" s="18">
        <v>103</v>
      </c>
      <c r="I77" s="18">
        <v>62</v>
      </c>
      <c r="J77" s="18">
        <v>41</v>
      </c>
      <c r="K77" s="17">
        <v>76</v>
      </c>
      <c r="L77" s="51">
        <v>48</v>
      </c>
      <c r="M77" s="52">
        <v>28</v>
      </c>
    </row>
    <row r="78" spans="1:13">
      <c r="A78" s="40" t="s">
        <v>81</v>
      </c>
      <c r="B78" s="21">
        <v>6</v>
      </c>
      <c r="C78" s="22">
        <v>4</v>
      </c>
      <c r="D78" s="22">
        <v>2</v>
      </c>
      <c r="E78" s="21">
        <v>3</v>
      </c>
      <c r="F78" s="22">
        <v>3</v>
      </c>
      <c r="G78" s="23">
        <v>0</v>
      </c>
      <c r="H78" s="22">
        <v>23</v>
      </c>
      <c r="I78" s="22">
        <v>14</v>
      </c>
      <c r="J78" s="22">
        <v>9</v>
      </c>
      <c r="K78" s="21">
        <v>14</v>
      </c>
      <c r="L78" s="53">
        <v>7</v>
      </c>
      <c r="M78" s="54">
        <v>7</v>
      </c>
    </row>
    <row r="79" spans="1:13">
      <c r="A79" s="40" t="s">
        <v>82</v>
      </c>
      <c r="B79" s="21">
        <v>9</v>
      </c>
      <c r="C79" s="22">
        <v>4</v>
      </c>
      <c r="D79" s="22">
        <v>5</v>
      </c>
      <c r="E79" s="21">
        <v>2</v>
      </c>
      <c r="F79" s="22">
        <v>1</v>
      </c>
      <c r="G79" s="23">
        <v>1</v>
      </c>
      <c r="H79" s="22">
        <v>26</v>
      </c>
      <c r="I79" s="22">
        <v>15</v>
      </c>
      <c r="J79" s="22">
        <v>11</v>
      </c>
      <c r="K79" s="21">
        <v>15</v>
      </c>
      <c r="L79" s="53">
        <v>10</v>
      </c>
      <c r="M79" s="54">
        <v>5</v>
      </c>
    </row>
    <row r="80" spans="1:13">
      <c r="A80" s="40" t="s">
        <v>83</v>
      </c>
      <c r="B80" s="21">
        <v>7</v>
      </c>
      <c r="C80" s="22">
        <v>3</v>
      </c>
      <c r="D80" s="22">
        <v>4</v>
      </c>
      <c r="E80" s="21">
        <v>1</v>
      </c>
      <c r="F80" s="22">
        <v>1</v>
      </c>
      <c r="G80" s="23">
        <v>0</v>
      </c>
      <c r="H80" s="22">
        <v>27</v>
      </c>
      <c r="I80" s="22">
        <v>17</v>
      </c>
      <c r="J80" s="22">
        <v>10</v>
      </c>
      <c r="K80" s="21">
        <v>19</v>
      </c>
      <c r="L80" s="53">
        <v>13</v>
      </c>
      <c r="M80" s="54">
        <v>6</v>
      </c>
    </row>
    <row r="81" spans="1:13">
      <c r="A81" s="40" t="s">
        <v>84</v>
      </c>
      <c r="B81" s="21">
        <v>-3</v>
      </c>
      <c r="C81" s="22">
        <v>-3</v>
      </c>
      <c r="D81" s="22">
        <v>0</v>
      </c>
      <c r="E81" s="21">
        <v>2</v>
      </c>
      <c r="F81" s="22">
        <v>2</v>
      </c>
      <c r="G81" s="23">
        <v>0</v>
      </c>
      <c r="H81" s="22">
        <v>14</v>
      </c>
      <c r="I81" s="22">
        <v>8</v>
      </c>
      <c r="J81" s="22">
        <v>6</v>
      </c>
      <c r="K81" s="21">
        <v>15</v>
      </c>
      <c r="L81" s="53">
        <v>9</v>
      </c>
      <c r="M81" s="54">
        <v>6</v>
      </c>
    </row>
    <row r="82" spans="1:13">
      <c r="A82" s="40" t="s">
        <v>85</v>
      </c>
      <c r="B82" s="21">
        <v>-1</v>
      </c>
      <c r="C82" s="22">
        <v>-2</v>
      </c>
      <c r="D82" s="22">
        <v>1</v>
      </c>
      <c r="E82" s="21">
        <v>1</v>
      </c>
      <c r="F82" s="22">
        <v>1</v>
      </c>
      <c r="G82" s="23">
        <v>0</v>
      </c>
      <c r="H82" s="22">
        <v>13</v>
      </c>
      <c r="I82" s="22">
        <v>8</v>
      </c>
      <c r="J82" s="22">
        <v>5</v>
      </c>
      <c r="K82" s="21">
        <v>13</v>
      </c>
      <c r="L82" s="53">
        <v>9</v>
      </c>
      <c r="M82" s="54">
        <v>4</v>
      </c>
    </row>
    <row r="83" spans="1:13" ht="19.5" customHeight="1">
      <c r="A83" s="34" t="s">
        <v>86</v>
      </c>
      <c r="B83" s="17">
        <v>-2</v>
      </c>
      <c r="C83" s="18">
        <v>-1</v>
      </c>
      <c r="D83" s="18">
        <v>-1</v>
      </c>
      <c r="E83" s="17">
        <v>7</v>
      </c>
      <c r="F83" s="18">
        <v>7</v>
      </c>
      <c r="G83" s="19">
        <v>0</v>
      </c>
      <c r="H83" s="18">
        <v>68</v>
      </c>
      <c r="I83" s="18">
        <v>41</v>
      </c>
      <c r="J83" s="18">
        <v>27</v>
      </c>
      <c r="K83" s="17">
        <v>63</v>
      </c>
      <c r="L83" s="51">
        <v>35</v>
      </c>
      <c r="M83" s="52">
        <v>28</v>
      </c>
    </row>
    <row r="84" spans="1:13">
      <c r="A84" s="40" t="s">
        <v>87</v>
      </c>
      <c r="B84" s="21">
        <v>-3</v>
      </c>
      <c r="C84" s="22">
        <v>2</v>
      </c>
      <c r="D84" s="22">
        <v>-5</v>
      </c>
      <c r="E84" s="21">
        <v>2</v>
      </c>
      <c r="F84" s="22">
        <v>2</v>
      </c>
      <c r="G84" s="23">
        <v>0</v>
      </c>
      <c r="H84" s="22">
        <v>19</v>
      </c>
      <c r="I84" s="22">
        <v>13</v>
      </c>
      <c r="J84" s="22">
        <v>6</v>
      </c>
      <c r="K84" s="21">
        <v>20</v>
      </c>
      <c r="L84" s="53">
        <v>9</v>
      </c>
      <c r="M84" s="54">
        <v>11</v>
      </c>
    </row>
    <row r="85" spans="1:13">
      <c r="A85" s="40" t="s">
        <v>88</v>
      </c>
      <c r="B85" s="21">
        <v>-1</v>
      </c>
      <c r="C85" s="22">
        <v>-2</v>
      </c>
      <c r="D85" s="22">
        <v>1</v>
      </c>
      <c r="E85" s="21">
        <v>2</v>
      </c>
      <c r="F85" s="22">
        <v>2</v>
      </c>
      <c r="G85" s="23">
        <v>0</v>
      </c>
      <c r="H85" s="22">
        <v>20</v>
      </c>
      <c r="I85" s="22">
        <v>12</v>
      </c>
      <c r="J85" s="22">
        <v>8</v>
      </c>
      <c r="K85" s="21">
        <v>19</v>
      </c>
      <c r="L85" s="53">
        <v>12</v>
      </c>
      <c r="M85" s="54">
        <v>7</v>
      </c>
    </row>
    <row r="86" spans="1:13">
      <c r="A86" s="40" t="s">
        <v>89</v>
      </c>
      <c r="B86" s="21">
        <v>-1</v>
      </c>
      <c r="C86" s="22">
        <v>-2</v>
      </c>
      <c r="D86" s="22">
        <v>1</v>
      </c>
      <c r="E86" s="21">
        <v>2</v>
      </c>
      <c r="F86" s="22">
        <v>2</v>
      </c>
      <c r="G86" s="23">
        <v>0</v>
      </c>
      <c r="H86" s="22">
        <v>9</v>
      </c>
      <c r="I86" s="22">
        <v>6</v>
      </c>
      <c r="J86" s="22">
        <v>3</v>
      </c>
      <c r="K86" s="21">
        <v>8</v>
      </c>
      <c r="L86" s="53">
        <v>6</v>
      </c>
      <c r="M86" s="54">
        <v>2</v>
      </c>
    </row>
    <row r="87" spans="1:13">
      <c r="A87" s="40" t="s">
        <v>90</v>
      </c>
      <c r="B87" s="21">
        <v>2</v>
      </c>
      <c r="C87" s="22">
        <v>0</v>
      </c>
      <c r="D87" s="22">
        <v>2</v>
      </c>
      <c r="E87" s="21">
        <v>0</v>
      </c>
      <c r="F87" s="22">
        <v>0</v>
      </c>
      <c r="G87" s="23">
        <v>0</v>
      </c>
      <c r="H87" s="22">
        <v>8</v>
      </c>
      <c r="I87" s="22">
        <v>3</v>
      </c>
      <c r="J87" s="22">
        <v>5</v>
      </c>
      <c r="K87" s="21">
        <v>6</v>
      </c>
      <c r="L87" s="53">
        <v>3</v>
      </c>
      <c r="M87" s="54">
        <v>3</v>
      </c>
    </row>
    <row r="88" spans="1:13">
      <c r="A88" s="40" t="s">
        <v>91</v>
      </c>
      <c r="B88" s="21">
        <v>1</v>
      </c>
      <c r="C88" s="22">
        <v>1</v>
      </c>
      <c r="D88" s="22">
        <v>0</v>
      </c>
      <c r="E88" s="21">
        <v>1</v>
      </c>
      <c r="F88" s="22">
        <v>1</v>
      </c>
      <c r="G88" s="23">
        <v>0</v>
      </c>
      <c r="H88" s="22">
        <v>12</v>
      </c>
      <c r="I88" s="22">
        <v>7</v>
      </c>
      <c r="J88" s="22">
        <v>5</v>
      </c>
      <c r="K88" s="21">
        <v>10</v>
      </c>
      <c r="L88" s="53">
        <v>5</v>
      </c>
      <c r="M88" s="54">
        <v>5</v>
      </c>
    </row>
    <row r="89" spans="1:13" ht="19.5" customHeight="1">
      <c r="A89" s="34" t="s">
        <v>92</v>
      </c>
      <c r="B89" s="17">
        <v>-20</v>
      </c>
      <c r="C89" s="18">
        <v>-15</v>
      </c>
      <c r="D89" s="18">
        <v>-5</v>
      </c>
      <c r="E89" s="17">
        <v>13</v>
      </c>
      <c r="F89" s="18">
        <v>9</v>
      </c>
      <c r="G89" s="19">
        <v>4</v>
      </c>
      <c r="H89" s="18">
        <v>57</v>
      </c>
      <c r="I89" s="18">
        <v>33</v>
      </c>
      <c r="J89" s="18">
        <v>24</v>
      </c>
      <c r="K89" s="17">
        <v>64</v>
      </c>
      <c r="L89" s="51">
        <v>39</v>
      </c>
      <c r="M89" s="52">
        <v>25</v>
      </c>
    </row>
    <row r="90" spans="1:13">
      <c r="A90" s="40" t="s">
        <v>93</v>
      </c>
      <c r="B90" s="21">
        <v>-4</v>
      </c>
      <c r="C90" s="22">
        <v>-6</v>
      </c>
      <c r="D90" s="22">
        <v>2</v>
      </c>
      <c r="E90" s="21">
        <v>2</v>
      </c>
      <c r="F90" s="22">
        <v>2</v>
      </c>
      <c r="G90" s="23">
        <v>0</v>
      </c>
      <c r="H90" s="22">
        <v>16</v>
      </c>
      <c r="I90" s="22">
        <v>6</v>
      </c>
      <c r="J90" s="22">
        <v>10</v>
      </c>
      <c r="K90" s="21">
        <v>18</v>
      </c>
      <c r="L90" s="53">
        <v>10</v>
      </c>
      <c r="M90" s="54">
        <v>8</v>
      </c>
    </row>
    <row r="91" spans="1:13">
      <c r="A91" s="40" t="s">
        <v>94</v>
      </c>
      <c r="B91" s="21">
        <v>-12</v>
      </c>
      <c r="C91" s="22">
        <v>-10</v>
      </c>
      <c r="D91" s="22">
        <v>-2</v>
      </c>
      <c r="E91" s="21">
        <v>0</v>
      </c>
      <c r="F91" s="22">
        <v>0</v>
      </c>
      <c r="G91" s="23">
        <v>0</v>
      </c>
      <c r="H91" s="22">
        <v>8</v>
      </c>
      <c r="I91" s="22">
        <v>4</v>
      </c>
      <c r="J91" s="22">
        <v>4</v>
      </c>
      <c r="K91" s="21">
        <v>20</v>
      </c>
      <c r="L91" s="53">
        <v>14</v>
      </c>
      <c r="M91" s="54">
        <v>6</v>
      </c>
    </row>
    <row r="92" spans="1:13">
      <c r="A92" s="40" t="s">
        <v>95</v>
      </c>
      <c r="B92" s="21">
        <v>-2</v>
      </c>
      <c r="C92" s="22">
        <v>0</v>
      </c>
      <c r="D92" s="22">
        <v>-2</v>
      </c>
      <c r="E92" s="21">
        <v>0</v>
      </c>
      <c r="F92" s="22">
        <v>0</v>
      </c>
      <c r="G92" s="23">
        <v>0</v>
      </c>
      <c r="H92" s="22">
        <v>7</v>
      </c>
      <c r="I92" s="22">
        <v>6</v>
      </c>
      <c r="J92" s="22">
        <v>1</v>
      </c>
      <c r="K92" s="21">
        <v>9</v>
      </c>
      <c r="L92" s="53">
        <v>6</v>
      </c>
      <c r="M92" s="54">
        <v>3</v>
      </c>
    </row>
    <row r="93" spans="1:13">
      <c r="A93" s="40" t="s">
        <v>96</v>
      </c>
      <c r="B93" s="21">
        <v>3</v>
      </c>
      <c r="C93" s="22">
        <v>2</v>
      </c>
      <c r="D93" s="22">
        <v>1</v>
      </c>
      <c r="E93" s="21">
        <v>2</v>
      </c>
      <c r="F93" s="22">
        <v>2</v>
      </c>
      <c r="G93" s="23">
        <v>0</v>
      </c>
      <c r="H93" s="22">
        <v>12</v>
      </c>
      <c r="I93" s="22">
        <v>8</v>
      </c>
      <c r="J93" s="22">
        <v>4</v>
      </c>
      <c r="K93" s="21">
        <v>7</v>
      </c>
      <c r="L93" s="53">
        <v>4</v>
      </c>
      <c r="M93" s="54">
        <v>3</v>
      </c>
    </row>
    <row r="94" spans="1:13">
      <c r="A94" s="40" t="s">
        <v>97</v>
      </c>
      <c r="B94" s="21">
        <v>-5</v>
      </c>
      <c r="C94" s="22">
        <v>-1</v>
      </c>
      <c r="D94" s="22">
        <v>-4</v>
      </c>
      <c r="E94" s="21">
        <v>9</v>
      </c>
      <c r="F94" s="22">
        <v>5</v>
      </c>
      <c r="G94" s="23">
        <v>4</v>
      </c>
      <c r="H94" s="22">
        <v>14</v>
      </c>
      <c r="I94" s="22">
        <v>9</v>
      </c>
      <c r="J94" s="22">
        <v>5</v>
      </c>
      <c r="K94" s="21">
        <v>10</v>
      </c>
      <c r="L94" s="53">
        <v>5</v>
      </c>
      <c r="M94" s="54">
        <v>5</v>
      </c>
    </row>
    <row r="95" spans="1:13" ht="19.5" customHeight="1">
      <c r="A95" s="34" t="s">
        <v>98</v>
      </c>
      <c r="B95" s="17">
        <v>-17</v>
      </c>
      <c r="C95" s="18">
        <v>-6</v>
      </c>
      <c r="D95" s="18">
        <v>-11</v>
      </c>
      <c r="E95" s="17">
        <v>20</v>
      </c>
      <c r="F95" s="18">
        <v>12</v>
      </c>
      <c r="G95" s="19">
        <v>8</v>
      </c>
      <c r="H95" s="18">
        <v>32</v>
      </c>
      <c r="I95" s="18">
        <v>18</v>
      </c>
      <c r="J95" s="18">
        <v>14</v>
      </c>
      <c r="K95" s="17">
        <v>29</v>
      </c>
      <c r="L95" s="51">
        <v>12</v>
      </c>
      <c r="M95" s="52">
        <v>17</v>
      </c>
    </row>
    <row r="96" spans="1:13">
      <c r="A96" s="40" t="s">
        <v>99</v>
      </c>
      <c r="B96" s="21">
        <v>-3</v>
      </c>
      <c r="C96" s="22">
        <v>-3</v>
      </c>
      <c r="D96" s="22">
        <v>0</v>
      </c>
      <c r="E96" s="21">
        <v>3</v>
      </c>
      <c r="F96" s="22">
        <v>2</v>
      </c>
      <c r="G96" s="23">
        <v>1</v>
      </c>
      <c r="H96" s="22">
        <v>6</v>
      </c>
      <c r="I96" s="22">
        <v>3</v>
      </c>
      <c r="J96" s="22">
        <v>3</v>
      </c>
      <c r="K96" s="21">
        <v>6</v>
      </c>
      <c r="L96" s="53">
        <v>4</v>
      </c>
      <c r="M96" s="54">
        <v>2</v>
      </c>
    </row>
    <row r="97" spans="1:13">
      <c r="A97" s="40" t="s">
        <v>100</v>
      </c>
      <c r="B97" s="21">
        <v>-3</v>
      </c>
      <c r="C97" s="22">
        <v>-3</v>
      </c>
      <c r="D97" s="22">
        <v>0</v>
      </c>
      <c r="E97" s="21">
        <v>3</v>
      </c>
      <c r="F97" s="22">
        <v>3</v>
      </c>
      <c r="G97" s="23">
        <v>0</v>
      </c>
      <c r="H97" s="22">
        <v>6</v>
      </c>
      <c r="I97" s="22">
        <v>3</v>
      </c>
      <c r="J97" s="22">
        <v>3</v>
      </c>
      <c r="K97" s="21">
        <v>6</v>
      </c>
      <c r="L97" s="53">
        <v>3</v>
      </c>
      <c r="M97" s="54">
        <v>3</v>
      </c>
    </row>
    <row r="98" spans="1:13">
      <c r="A98" s="40" t="s">
        <v>101</v>
      </c>
      <c r="B98" s="21">
        <v>-6</v>
      </c>
      <c r="C98" s="22">
        <v>-2</v>
      </c>
      <c r="D98" s="22">
        <v>-4</v>
      </c>
      <c r="E98" s="21">
        <v>4</v>
      </c>
      <c r="F98" s="22">
        <v>2</v>
      </c>
      <c r="G98" s="23">
        <v>2</v>
      </c>
      <c r="H98" s="22">
        <v>3</v>
      </c>
      <c r="I98" s="22">
        <v>1</v>
      </c>
      <c r="J98" s="22">
        <v>2</v>
      </c>
      <c r="K98" s="21">
        <v>5</v>
      </c>
      <c r="L98" s="53">
        <v>1</v>
      </c>
      <c r="M98" s="54">
        <v>4</v>
      </c>
    </row>
    <row r="99" spans="1:13">
      <c r="A99" s="40" t="s">
        <v>102</v>
      </c>
      <c r="B99" s="21">
        <v>1</v>
      </c>
      <c r="C99" s="22">
        <v>3</v>
      </c>
      <c r="D99" s="22">
        <v>-2</v>
      </c>
      <c r="E99" s="21">
        <v>6</v>
      </c>
      <c r="F99" s="22">
        <v>3</v>
      </c>
      <c r="G99" s="23">
        <v>3</v>
      </c>
      <c r="H99" s="22">
        <v>10</v>
      </c>
      <c r="I99" s="22">
        <v>7</v>
      </c>
      <c r="J99" s="22">
        <v>3</v>
      </c>
      <c r="K99" s="21">
        <v>3</v>
      </c>
      <c r="L99" s="53">
        <v>1</v>
      </c>
      <c r="M99" s="54">
        <v>2</v>
      </c>
    </row>
    <row r="100" spans="1:13">
      <c r="A100" s="40" t="s">
        <v>103</v>
      </c>
      <c r="B100" s="21">
        <v>-6</v>
      </c>
      <c r="C100" s="22">
        <v>-1</v>
      </c>
      <c r="D100" s="22">
        <v>-5</v>
      </c>
      <c r="E100" s="21">
        <v>4</v>
      </c>
      <c r="F100" s="22">
        <v>2</v>
      </c>
      <c r="G100" s="23">
        <v>2</v>
      </c>
      <c r="H100" s="22">
        <v>7</v>
      </c>
      <c r="I100" s="22">
        <v>4</v>
      </c>
      <c r="J100" s="22">
        <v>3</v>
      </c>
      <c r="K100" s="21">
        <v>9</v>
      </c>
      <c r="L100" s="53">
        <v>3</v>
      </c>
      <c r="M100" s="54">
        <v>6</v>
      </c>
    </row>
    <row r="101" spans="1:13" ht="19.5" customHeight="1">
      <c r="A101" s="34" t="s">
        <v>104</v>
      </c>
      <c r="B101" s="17">
        <v>-57</v>
      </c>
      <c r="C101" s="18">
        <v>-41</v>
      </c>
      <c r="D101" s="18">
        <v>-16</v>
      </c>
      <c r="E101" s="17">
        <v>59</v>
      </c>
      <c r="F101" s="18">
        <v>45</v>
      </c>
      <c r="G101" s="19">
        <v>14</v>
      </c>
      <c r="H101" s="18">
        <v>30</v>
      </c>
      <c r="I101" s="18">
        <v>18</v>
      </c>
      <c r="J101" s="18">
        <v>12</v>
      </c>
      <c r="K101" s="17">
        <v>28</v>
      </c>
      <c r="L101" s="51">
        <v>14</v>
      </c>
      <c r="M101" s="52">
        <v>14</v>
      </c>
    </row>
    <row r="102" spans="1:13">
      <c r="A102" s="40" t="s">
        <v>105</v>
      </c>
      <c r="B102" s="21">
        <v>-12</v>
      </c>
      <c r="C102" s="22">
        <v>-7</v>
      </c>
      <c r="D102" s="22">
        <v>-5</v>
      </c>
      <c r="E102" s="21">
        <v>10</v>
      </c>
      <c r="F102" s="22">
        <v>8</v>
      </c>
      <c r="G102" s="23">
        <v>2</v>
      </c>
      <c r="H102" s="22">
        <v>5</v>
      </c>
      <c r="I102" s="22">
        <v>4</v>
      </c>
      <c r="J102" s="22">
        <v>1</v>
      </c>
      <c r="K102" s="21">
        <v>7</v>
      </c>
      <c r="L102" s="53">
        <v>3</v>
      </c>
      <c r="M102" s="54">
        <v>4</v>
      </c>
    </row>
    <row r="103" spans="1:13">
      <c r="A103" s="40" t="s">
        <v>106</v>
      </c>
      <c r="B103" s="21">
        <v>-11</v>
      </c>
      <c r="C103" s="22">
        <v>-5</v>
      </c>
      <c r="D103" s="22">
        <v>-6</v>
      </c>
      <c r="E103" s="21">
        <v>13</v>
      </c>
      <c r="F103" s="22">
        <v>9</v>
      </c>
      <c r="G103" s="23">
        <v>4</v>
      </c>
      <c r="H103" s="22">
        <v>10</v>
      </c>
      <c r="I103" s="22">
        <v>8</v>
      </c>
      <c r="J103" s="22">
        <v>2</v>
      </c>
      <c r="K103" s="21">
        <v>8</v>
      </c>
      <c r="L103" s="53">
        <v>4</v>
      </c>
      <c r="M103" s="54">
        <v>4</v>
      </c>
    </row>
    <row r="104" spans="1:13">
      <c r="A104" s="40" t="s">
        <v>107</v>
      </c>
      <c r="B104" s="21">
        <v>-18</v>
      </c>
      <c r="C104" s="22">
        <v>-16</v>
      </c>
      <c r="D104" s="22">
        <v>-2</v>
      </c>
      <c r="E104" s="21">
        <v>17</v>
      </c>
      <c r="F104" s="22">
        <v>13</v>
      </c>
      <c r="G104" s="23">
        <v>4</v>
      </c>
      <c r="H104" s="22">
        <v>5</v>
      </c>
      <c r="I104" s="22">
        <v>2</v>
      </c>
      <c r="J104" s="22">
        <v>3</v>
      </c>
      <c r="K104" s="21">
        <v>6</v>
      </c>
      <c r="L104" s="53">
        <v>5</v>
      </c>
      <c r="M104" s="54">
        <v>1</v>
      </c>
    </row>
    <row r="105" spans="1:13">
      <c r="A105" s="40" t="s">
        <v>108</v>
      </c>
      <c r="B105" s="21">
        <v>-9</v>
      </c>
      <c r="C105" s="22">
        <v>-8</v>
      </c>
      <c r="D105" s="22">
        <v>-1</v>
      </c>
      <c r="E105" s="21">
        <v>10</v>
      </c>
      <c r="F105" s="22">
        <v>8</v>
      </c>
      <c r="G105" s="23">
        <v>2</v>
      </c>
      <c r="H105" s="22">
        <v>6</v>
      </c>
      <c r="I105" s="22">
        <v>2</v>
      </c>
      <c r="J105" s="22">
        <v>4</v>
      </c>
      <c r="K105" s="21">
        <v>5</v>
      </c>
      <c r="L105" s="53">
        <v>2</v>
      </c>
      <c r="M105" s="54">
        <v>3</v>
      </c>
    </row>
    <row r="106" spans="1:13">
      <c r="A106" s="40" t="s">
        <v>109</v>
      </c>
      <c r="B106" s="21">
        <v>-7</v>
      </c>
      <c r="C106" s="22">
        <v>-5</v>
      </c>
      <c r="D106" s="22">
        <v>-2</v>
      </c>
      <c r="E106" s="21">
        <v>9</v>
      </c>
      <c r="F106" s="22">
        <v>7</v>
      </c>
      <c r="G106" s="23">
        <v>2</v>
      </c>
      <c r="H106" s="22">
        <v>4</v>
      </c>
      <c r="I106" s="22">
        <v>2</v>
      </c>
      <c r="J106" s="22">
        <v>2</v>
      </c>
      <c r="K106" s="21">
        <v>2</v>
      </c>
      <c r="L106" s="53">
        <v>0</v>
      </c>
      <c r="M106" s="54">
        <v>2</v>
      </c>
    </row>
    <row r="107" spans="1:13" ht="19.5" customHeight="1">
      <c r="A107" s="34" t="s">
        <v>110</v>
      </c>
      <c r="B107" s="17">
        <v>-76</v>
      </c>
      <c r="C107" s="18">
        <v>-49</v>
      </c>
      <c r="D107" s="18">
        <v>-27</v>
      </c>
      <c r="E107" s="17">
        <v>70</v>
      </c>
      <c r="F107" s="18">
        <v>48</v>
      </c>
      <c r="G107" s="19">
        <v>22</v>
      </c>
      <c r="H107" s="18">
        <v>17</v>
      </c>
      <c r="I107" s="18">
        <v>8</v>
      </c>
      <c r="J107" s="18">
        <v>9</v>
      </c>
      <c r="K107" s="17">
        <v>23</v>
      </c>
      <c r="L107" s="51">
        <v>9</v>
      </c>
      <c r="M107" s="52">
        <v>14</v>
      </c>
    </row>
    <row r="108" spans="1:13">
      <c r="A108" s="40" t="s">
        <v>111</v>
      </c>
      <c r="B108" s="21">
        <v>-14</v>
      </c>
      <c r="C108" s="22">
        <v>-8</v>
      </c>
      <c r="D108" s="22">
        <v>-6</v>
      </c>
      <c r="E108" s="21">
        <v>12</v>
      </c>
      <c r="F108" s="22">
        <v>8</v>
      </c>
      <c r="G108" s="23">
        <v>4</v>
      </c>
      <c r="H108" s="22">
        <v>4</v>
      </c>
      <c r="I108" s="22">
        <v>2</v>
      </c>
      <c r="J108" s="22">
        <v>2</v>
      </c>
      <c r="K108" s="21">
        <v>6</v>
      </c>
      <c r="L108" s="53">
        <v>2</v>
      </c>
      <c r="M108" s="54">
        <v>4</v>
      </c>
    </row>
    <row r="109" spans="1:13">
      <c r="A109" s="40" t="s">
        <v>112</v>
      </c>
      <c r="B109" s="21">
        <v>-18</v>
      </c>
      <c r="C109" s="22">
        <v>-12</v>
      </c>
      <c r="D109" s="22">
        <v>-6</v>
      </c>
      <c r="E109" s="21">
        <v>15</v>
      </c>
      <c r="F109" s="22">
        <v>10</v>
      </c>
      <c r="G109" s="23">
        <v>5</v>
      </c>
      <c r="H109" s="22">
        <v>4</v>
      </c>
      <c r="I109" s="22">
        <v>1</v>
      </c>
      <c r="J109" s="22">
        <v>3</v>
      </c>
      <c r="K109" s="21">
        <v>7</v>
      </c>
      <c r="L109" s="53">
        <v>3</v>
      </c>
      <c r="M109" s="54">
        <v>4</v>
      </c>
    </row>
    <row r="110" spans="1:13">
      <c r="A110" s="40" t="s">
        <v>113</v>
      </c>
      <c r="B110" s="21">
        <v>-9</v>
      </c>
      <c r="C110" s="22">
        <v>-7</v>
      </c>
      <c r="D110" s="22">
        <v>-2</v>
      </c>
      <c r="E110" s="21">
        <v>12</v>
      </c>
      <c r="F110" s="22">
        <v>8</v>
      </c>
      <c r="G110" s="23">
        <v>4</v>
      </c>
      <c r="H110" s="22">
        <v>3</v>
      </c>
      <c r="I110" s="22">
        <v>1</v>
      </c>
      <c r="J110" s="22">
        <v>2</v>
      </c>
      <c r="K110" s="21">
        <v>0</v>
      </c>
      <c r="L110" s="53">
        <v>0</v>
      </c>
      <c r="M110" s="54">
        <v>0</v>
      </c>
    </row>
    <row r="111" spans="1:13">
      <c r="A111" s="40" t="s">
        <v>114</v>
      </c>
      <c r="B111" s="21">
        <v>-21</v>
      </c>
      <c r="C111" s="22">
        <v>-15</v>
      </c>
      <c r="D111" s="22">
        <v>-6</v>
      </c>
      <c r="E111" s="21">
        <v>17</v>
      </c>
      <c r="F111" s="22">
        <v>15</v>
      </c>
      <c r="G111" s="23">
        <v>2</v>
      </c>
      <c r="H111" s="22">
        <v>1</v>
      </c>
      <c r="I111" s="22">
        <v>1</v>
      </c>
      <c r="J111" s="22">
        <v>0</v>
      </c>
      <c r="K111" s="21">
        <v>5</v>
      </c>
      <c r="L111" s="53">
        <v>1</v>
      </c>
      <c r="M111" s="54">
        <v>4</v>
      </c>
    </row>
    <row r="112" spans="1:13">
      <c r="A112" s="40" t="s">
        <v>115</v>
      </c>
      <c r="B112" s="21">
        <v>-14</v>
      </c>
      <c r="C112" s="22">
        <v>-7</v>
      </c>
      <c r="D112" s="22">
        <v>-7</v>
      </c>
      <c r="E112" s="21">
        <v>14</v>
      </c>
      <c r="F112" s="22">
        <v>7</v>
      </c>
      <c r="G112" s="23">
        <v>7</v>
      </c>
      <c r="H112" s="22">
        <v>5</v>
      </c>
      <c r="I112" s="22">
        <v>3</v>
      </c>
      <c r="J112" s="22">
        <v>2</v>
      </c>
      <c r="K112" s="21">
        <v>5</v>
      </c>
      <c r="L112" s="53">
        <v>3</v>
      </c>
      <c r="M112" s="54">
        <v>2</v>
      </c>
    </row>
    <row r="113" spans="1:13" ht="19.5" customHeight="1">
      <c r="A113" s="34" t="s">
        <v>116</v>
      </c>
      <c r="B113" s="17">
        <v>-60</v>
      </c>
      <c r="C113" s="18">
        <v>-34</v>
      </c>
      <c r="D113" s="18">
        <v>-26</v>
      </c>
      <c r="E113" s="17">
        <v>61</v>
      </c>
      <c r="F113" s="18">
        <v>32</v>
      </c>
      <c r="G113" s="19">
        <v>29</v>
      </c>
      <c r="H113" s="18">
        <v>18</v>
      </c>
      <c r="I113" s="18">
        <v>4</v>
      </c>
      <c r="J113" s="18">
        <v>14</v>
      </c>
      <c r="K113" s="17">
        <v>17</v>
      </c>
      <c r="L113" s="51">
        <v>6</v>
      </c>
      <c r="M113" s="52">
        <v>11</v>
      </c>
    </row>
    <row r="114" spans="1:13">
      <c r="A114" s="40" t="s">
        <v>117</v>
      </c>
      <c r="B114" s="21">
        <v>-11</v>
      </c>
      <c r="C114" s="22">
        <v>-7</v>
      </c>
      <c r="D114" s="22">
        <v>-4</v>
      </c>
      <c r="E114" s="21">
        <v>9</v>
      </c>
      <c r="F114" s="22">
        <v>5</v>
      </c>
      <c r="G114" s="23">
        <v>4</v>
      </c>
      <c r="H114" s="22">
        <v>2</v>
      </c>
      <c r="I114" s="22">
        <v>0</v>
      </c>
      <c r="J114" s="22">
        <v>2</v>
      </c>
      <c r="K114" s="21">
        <v>4</v>
      </c>
      <c r="L114" s="53">
        <v>2</v>
      </c>
      <c r="M114" s="54">
        <v>2</v>
      </c>
    </row>
    <row r="115" spans="1:13">
      <c r="A115" s="40" t="s">
        <v>118</v>
      </c>
      <c r="B115" s="21">
        <v>-5</v>
      </c>
      <c r="C115" s="22">
        <v>-5</v>
      </c>
      <c r="D115" s="22">
        <v>0</v>
      </c>
      <c r="E115" s="21">
        <v>6</v>
      </c>
      <c r="F115" s="22">
        <v>3</v>
      </c>
      <c r="G115" s="23">
        <v>3</v>
      </c>
      <c r="H115" s="22">
        <v>7</v>
      </c>
      <c r="I115" s="22">
        <v>1</v>
      </c>
      <c r="J115" s="22">
        <v>6</v>
      </c>
      <c r="K115" s="21">
        <v>6</v>
      </c>
      <c r="L115" s="53">
        <v>3</v>
      </c>
      <c r="M115" s="54">
        <v>3</v>
      </c>
    </row>
    <row r="116" spans="1:13">
      <c r="A116" s="40" t="s">
        <v>119</v>
      </c>
      <c r="B116" s="21">
        <v>-11</v>
      </c>
      <c r="C116" s="22">
        <v>-7</v>
      </c>
      <c r="D116" s="22">
        <v>-4</v>
      </c>
      <c r="E116" s="21">
        <v>11</v>
      </c>
      <c r="F116" s="22">
        <v>6</v>
      </c>
      <c r="G116" s="23">
        <v>5</v>
      </c>
      <c r="H116" s="22">
        <v>1</v>
      </c>
      <c r="I116" s="22">
        <v>0</v>
      </c>
      <c r="J116" s="22">
        <v>1</v>
      </c>
      <c r="K116" s="21">
        <v>1</v>
      </c>
      <c r="L116" s="53">
        <v>1</v>
      </c>
      <c r="M116" s="54">
        <v>0</v>
      </c>
    </row>
    <row r="117" spans="1:13">
      <c r="A117" s="40" t="s">
        <v>120</v>
      </c>
      <c r="B117" s="21">
        <v>-18</v>
      </c>
      <c r="C117" s="22">
        <v>-9</v>
      </c>
      <c r="D117" s="22">
        <v>-9</v>
      </c>
      <c r="E117" s="21">
        <v>18</v>
      </c>
      <c r="F117" s="22">
        <v>10</v>
      </c>
      <c r="G117" s="23">
        <v>8</v>
      </c>
      <c r="H117" s="22">
        <v>3</v>
      </c>
      <c r="I117" s="22">
        <v>1</v>
      </c>
      <c r="J117" s="22">
        <v>2</v>
      </c>
      <c r="K117" s="21">
        <v>3</v>
      </c>
      <c r="L117" s="53">
        <v>0</v>
      </c>
      <c r="M117" s="54">
        <v>3</v>
      </c>
    </row>
    <row r="118" spans="1:13">
      <c r="A118" s="40" t="s">
        <v>121</v>
      </c>
      <c r="B118" s="21">
        <v>-15</v>
      </c>
      <c r="C118" s="22">
        <v>-6</v>
      </c>
      <c r="D118" s="22">
        <v>-9</v>
      </c>
      <c r="E118" s="21">
        <v>17</v>
      </c>
      <c r="F118" s="22">
        <v>8</v>
      </c>
      <c r="G118" s="23">
        <v>9</v>
      </c>
      <c r="H118" s="22">
        <v>5</v>
      </c>
      <c r="I118" s="22">
        <v>2</v>
      </c>
      <c r="J118" s="22">
        <v>3</v>
      </c>
      <c r="K118" s="21">
        <v>3</v>
      </c>
      <c r="L118" s="53">
        <v>0</v>
      </c>
      <c r="M118" s="54">
        <v>3</v>
      </c>
    </row>
    <row r="119" spans="1:13" ht="19.5" customHeight="1">
      <c r="A119" s="34" t="s">
        <v>122</v>
      </c>
      <c r="B119" s="17">
        <v>-77</v>
      </c>
      <c r="C119" s="18">
        <v>-44</v>
      </c>
      <c r="D119" s="18">
        <v>-33</v>
      </c>
      <c r="E119" s="17">
        <v>83</v>
      </c>
      <c r="F119" s="18">
        <v>44</v>
      </c>
      <c r="G119" s="19">
        <v>39</v>
      </c>
      <c r="H119" s="18">
        <v>11</v>
      </c>
      <c r="I119" s="18">
        <v>1</v>
      </c>
      <c r="J119" s="18">
        <v>10</v>
      </c>
      <c r="K119" s="17">
        <v>5</v>
      </c>
      <c r="L119" s="51">
        <v>1</v>
      </c>
      <c r="M119" s="52">
        <v>4</v>
      </c>
    </row>
    <row r="120" spans="1:13">
      <c r="A120" s="40" t="s">
        <v>123</v>
      </c>
      <c r="B120" s="21">
        <v>-18</v>
      </c>
      <c r="C120" s="22">
        <v>-11</v>
      </c>
      <c r="D120" s="22">
        <v>-7</v>
      </c>
      <c r="E120" s="21">
        <v>18</v>
      </c>
      <c r="F120" s="22">
        <v>11</v>
      </c>
      <c r="G120" s="23">
        <v>7</v>
      </c>
      <c r="H120" s="22">
        <v>0</v>
      </c>
      <c r="I120" s="22">
        <v>0</v>
      </c>
      <c r="J120" s="22">
        <v>0</v>
      </c>
      <c r="K120" s="21">
        <v>0</v>
      </c>
      <c r="L120" s="53">
        <v>0</v>
      </c>
      <c r="M120" s="54">
        <v>0</v>
      </c>
    </row>
    <row r="121" spans="1:13">
      <c r="A121" s="40" t="s">
        <v>124</v>
      </c>
      <c r="B121" s="21">
        <v>-15</v>
      </c>
      <c r="C121" s="22">
        <v>-13</v>
      </c>
      <c r="D121" s="22">
        <v>-2</v>
      </c>
      <c r="E121" s="21">
        <v>20</v>
      </c>
      <c r="F121" s="22">
        <v>13</v>
      </c>
      <c r="G121" s="23">
        <v>7</v>
      </c>
      <c r="H121" s="22">
        <v>5</v>
      </c>
      <c r="I121" s="22">
        <v>0</v>
      </c>
      <c r="J121" s="22">
        <v>5</v>
      </c>
      <c r="K121" s="21">
        <v>0</v>
      </c>
      <c r="L121" s="53">
        <v>0</v>
      </c>
      <c r="M121" s="54">
        <v>0</v>
      </c>
    </row>
    <row r="122" spans="1:13">
      <c r="A122" s="40" t="s">
        <v>125</v>
      </c>
      <c r="B122" s="21">
        <v>-17</v>
      </c>
      <c r="C122" s="22">
        <v>-9</v>
      </c>
      <c r="D122" s="22">
        <v>-8</v>
      </c>
      <c r="E122" s="21">
        <v>18</v>
      </c>
      <c r="F122" s="22">
        <v>9</v>
      </c>
      <c r="G122" s="23">
        <v>9</v>
      </c>
      <c r="H122" s="22">
        <v>2</v>
      </c>
      <c r="I122" s="22">
        <v>1</v>
      </c>
      <c r="J122" s="22">
        <v>1</v>
      </c>
      <c r="K122" s="21">
        <v>1</v>
      </c>
      <c r="L122" s="53">
        <v>1</v>
      </c>
      <c r="M122" s="54">
        <v>0</v>
      </c>
    </row>
    <row r="123" spans="1:13">
      <c r="A123" s="40" t="s">
        <v>126</v>
      </c>
      <c r="B123" s="21">
        <v>-14</v>
      </c>
      <c r="C123" s="22">
        <v>-3</v>
      </c>
      <c r="D123" s="22">
        <v>-11</v>
      </c>
      <c r="E123" s="21">
        <v>15</v>
      </c>
      <c r="F123" s="22">
        <v>3</v>
      </c>
      <c r="G123" s="23">
        <v>12</v>
      </c>
      <c r="H123" s="22">
        <v>2</v>
      </c>
      <c r="I123" s="22">
        <v>0</v>
      </c>
      <c r="J123" s="22">
        <v>2</v>
      </c>
      <c r="K123" s="21">
        <v>1</v>
      </c>
      <c r="L123" s="53">
        <v>0</v>
      </c>
      <c r="M123" s="54">
        <v>1</v>
      </c>
    </row>
    <row r="124" spans="1:13">
      <c r="A124" s="40" t="s">
        <v>127</v>
      </c>
      <c r="B124" s="21">
        <v>-13</v>
      </c>
      <c r="C124" s="22">
        <v>-8</v>
      </c>
      <c r="D124" s="22">
        <v>-5</v>
      </c>
      <c r="E124" s="21">
        <v>12</v>
      </c>
      <c r="F124" s="22">
        <v>8</v>
      </c>
      <c r="G124" s="23">
        <v>4</v>
      </c>
      <c r="H124" s="22">
        <v>2</v>
      </c>
      <c r="I124" s="22">
        <v>0</v>
      </c>
      <c r="J124" s="22">
        <v>2</v>
      </c>
      <c r="K124" s="21">
        <v>3</v>
      </c>
      <c r="L124" s="53">
        <v>0</v>
      </c>
      <c r="M124" s="54">
        <v>3</v>
      </c>
    </row>
    <row r="125" spans="1:13" ht="19.5" customHeight="1">
      <c r="A125" s="34" t="s">
        <v>128</v>
      </c>
      <c r="B125" s="17">
        <v>-52</v>
      </c>
      <c r="C125" s="18">
        <v>-20</v>
      </c>
      <c r="D125" s="18">
        <v>-32</v>
      </c>
      <c r="E125" s="17">
        <v>55</v>
      </c>
      <c r="F125" s="18">
        <v>20</v>
      </c>
      <c r="G125" s="19">
        <v>35</v>
      </c>
      <c r="H125" s="18">
        <v>6</v>
      </c>
      <c r="I125" s="18">
        <v>2</v>
      </c>
      <c r="J125" s="18">
        <v>4</v>
      </c>
      <c r="K125" s="17">
        <v>3</v>
      </c>
      <c r="L125" s="51">
        <v>2</v>
      </c>
      <c r="M125" s="52">
        <v>1</v>
      </c>
    </row>
    <row r="126" spans="1:13">
      <c r="A126" s="40" t="s">
        <v>129</v>
      </c>
      <c r="B126" s="21">
        <v>-18</v>
      </c>
      <c r="C126" s="22">
        <v>-8</v>
      </c>
      <c r="D126" s="22">
        <v>-10</v>
      </c>
      <c r="E126" s="21">
        <v>18</v>
      </c>
      <c r="F126" s="22">
        <v>9</v>
      </c>
      <c r="G126" s="23">
        <v>9</v>
      </c>
      <c r="H126" s="22">
        <v>1</v>
      </c>
      <c r="I126" s="22">
        <v>1</v>
      </c>
      <c r="J126" s="22">
        <v>0</v>
      </c>
      <c r="K126" s="21">
        <v>1</v>
      </c>
      <c r="L126" s="53">
        <v>0</v>
      </c>
      <c r="M126" s="54">
        <v>1</v>
      </c>
    </row>
    <row r="127" spans="1:13">
      <c r="A127" s="40" t="s">
        <v>130</v>
      </c>
      <c r="B127" s="21">
        <v>-11</v>
      </c>
      <c r="C127" s="22">
        <v>-1</v>
      </c>
      <c r="D127" s="22">
        <v>-10</v>
      </c>
      <c r="E127" s="21">
        <v>13</v>
      </c>
      <c r="F127" s="22">
        <v>2</v>
      </c>
      <c r="G127" s="23">
        <v>11</v>
      </c>
      <c r="H127" s="22">
        <v>2</v>
      </c>
      <c r="I127" s="22">
        <v>1</v>
      </c>
      <c r="J127" s="22">
        <v>1</v>
      </c>
      <c r="K127" s="21">
        <v>0</v>
      </c>
      <c r="L127" s="53">
        <v>0</v>
      </c>
      <c r="M127" s="54">
        <v>0</v>
      </c>
    </row>
    <row r="128" spans="1:13">
      <c r="A128" s="40" t="s">
        <v>131</v>
      </c>
      <c r="B128" s="21">
        <v>-6</v>
      </c>
      <c r="C128" s="22">
        <v>-5</v>
      </c>
      <c r="D128" s="22">
        <v>-1</v>
      </c>
      <c r="E128" s="21">
        <v>7</v>
      </c>
      <c r="F128" s="22">
        <v>3</v>
      </c>
      <c r="G128" s="23">
        <v>4</v>
      </c>
      <c r="H128" s="22">
        <v>3</v>
      </c>
      <c r="I128" s="22">
        <v>0</v>
      </c>
      <c r="J128" s="22">
        <v>3</v>
      </c>
      <c r="K128" s="21">
        <v>2</v>
      </c>
      <c r="L128" s="53">
        <v>2</v>
      </c>
      <c r="M128" s="54">
        <v>0</v>
      </c>
    </row>
    <row r="129" spans="1:13">
      <c r="A129" s="40" t="s">
        <v>132</v>
      </c>
      <c r="B129" s="21">
        <v>-8</v>
      </c>
      <c r="C129" s="22">
        <v>-5</v>
      </c>
      <c r="D129" s="22">
        <v>-3</v>
      </c>
      <c r="E129" s="21">
        <v>8</v>
      </c>
      <c r="F129" s="22">
        <v>5</v>
      </c>
      <c r="G129" s="23">
        <v>3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9</v>
      </c>
      <c r="C130" s="22">
        <v>-1</v>
      </c>
      <c r="D130" s="22">
        <v>-8</v>
      </c>
      <c r="E130" s="21">
        <v>9</v>
      </c>
      <c r="F130" s="22">
        <v>1</v>
      </c>
      <c r="G130" s="23">
        <v>8</v>
      </c>
      <c r="H130" s="22">
        <v>0</v>
      </c>
      <c r="I130" s="22">
        <v>0</v>
      </c>
      <c r="J130" s="22">
        <v>0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30</v>
      </c>
      <c r="C131" s="18">
        <v>-12</v>
      </c>
      <c r="D131" s="18">
        <v>-18</v>
      </c>
      <c r="E131" s="17">
        <v>32</v>
      </c>
      <c r="F131" s="18">
        <v>12</v>
      </c>
      <c r="G131" s="19">
        <v>20</v>
      </c>
      <c r="H131" s="18">
        <v>3</v>
      </c>
      <c r="I131" s="18">
        <v>0</v>
      </c>
      <c r="J131" s="18">
        <v>3</v>
      </c>
      <c r="K131" s="17">
        <v>1</v>
      </c>
      <c r="L131" s="51">
        <v>0</v>
      </c>
      <c r="M131" s="52">
        <v>1</v>
      </c>
    </row>
    <row r="132" spans="1:13">
      <c r="A132" s="40" t="s">
        <v>135</v>
      </c>
      <c r="B132" s="21">
        <v>-12</v>
      </c>
      <c r="C132" s="22">
        <v>-6</v>
      </c>
      <c r="D132" s="22">
        <v>-6</v>
      </c>
      <c r="E132" s="21">
        <v>12</v>
      </c>
      <c r="F132" s="22">
        <v>6</v>
      </c>
      <c r="G132" s="23">
        <v>6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6</v>
      </c>
      <c r="C133" s="22">
        <v>-3</v>
      </c>
      <c r="D133" s="22">
        <v>-3</v>
      </c>
      <c r="E133" s="21">
        <v>7</v>
      </c>
      <c r="F133" s="22">
        <v>3</v>
      </c>
      <c r="G133" s="23">
        <v>4</v>
      </c>
      <c r="H133" s="22">
        <v>2</v>
      </c>
      <c r="I133" s="22">
        <v>0</v>
      </c>
      <c r="J133" s="22">
        <v>2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8</v>
      </c>
      <c r="C134" s="22">
        <v>-2</v>
      </c>
      <c r="D134" s="22">
        <v>-6</v>
      </c>
      <c r="E134" s="21">
        <v>8</v>
      </c>
      <c r="F134" s="22">
        <v>2</v>
      </c>
      <c r="G134" s="23">
        <v>6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1</v>
      </c>
      <c r="C135" s="22">
        <v>0</v>
      </c>
      <c r="D135" s="22">
        <v>1</v>
      </c>
      <c r="E135" s="21">
        <v>0</v>
      </c>
      <c r="F135" s="22">
        <v>0</v>
      </c>
      <c r="G135" s="23">
        <v>0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5</v>
      </c>
      <c r="C136" s="22">
        <v>-1</v>
      </c>
      <c r="D136" s="22">
        <v>-4</v>
      </c>
      <c r="E136" s="21">
        <v>5</v>
      </c>
      <c r="F136" s="22">
        <v>1</v>
      </c>
      <c r="G136" s="23">
        <v>4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5</v>
      </c>
      <c r="C137" s="43">
        <v>-1</v>
      </c>
      <c r="D137" s="43">
        <v>-4</v>
      </c>
      <c r="E137" s="42">
        <v>6</v>
      </c>
      <c r="F137" s="43">
        <v>1</v>
      </c>
      <c r="G137" s="44">
        <v>5</v>
      </c>
      <c r="H137" s="43">
        <v>1</v>
      </c>
      <c r="I137" s="43">
        <v>0</v>
      </c>
      <c r="J137" s="43">
        <v>1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1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1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45</v>
      </c>
      <c r="C5" s="14">
        <v>-16</v>
      </c>
      <c r="D5" s="14">
        <v>-29</v>
      </c>
      <c r="E5" s="13">
        <v>45</v>
      </c>
      <c r="F5" s="14">
        <v>22</v>
      </c>
      <c r="G5" s="15">
        <v>23</v>
      </c>
      <c r="H5" s="14">
        <v>90</v>
      </c>
      <c r="I5" s="14">
        <v>54</v>
      </c>
      <c r="J5" s="14">
        <v>36</v>
      </c>
      <c r="K5" s="13">
        <v>106</v>
      </c>
      <c r="L5" s="49">
        <v>55</v>
      </c>
      <c r="M5" s="50">
        <v>51</v>
      </c>
    </row>
    <row r="6" spans="1:13" ht="19.5" customHeight="1">
      <c r="A6" s="16" t="s">
        <v>13</v>
      </c>
      <c r="B6" s="17">
        <v>22</v>
      </c>
      <c r="C6" s="18">
        <v>11</v>
      </c>
      <c r="D6" s="18">
        <v>11</v>
      </c>
      <c r="E6" s="17">
        <v>0</v>
      </c>
      <c r="F6" s="18">
        <v>0</v>
      </c>
      <c r="G6" s="19">
        <v>0</v>
      </c>
      <c r="H6" s="18">
        <v>10</v>
      </c>
      <c r="I6" s="18">
        <v>4</v>
      </c>
      <c r="J6" s="18">
        <v>6</v>
      </c>
      <c r="K6" s="17">
        <v>4</v>
      </c>
      <c r="L6" s="51">
        <v>0</v>
      </c>
      <c r="M6" s="52">
        <v>4</v>
      </c>
    </row>
    <row r="7" spans="1:13">
      <c r="A7" s="20" t="s">
        <v>14</v>
      </c>
      <c r="B7" s="21">
        <v>16</v>
      </c>
      <c r="C7" s="22">
        <v>7</v>
      </c>
      <c r="D7" s="22">
        <v>9</v>
      </c>
      <c r="E7" s="21">
        <v>0</v>
      </c>
      <c r="F7" s="22">
        <v>0</v>
      </c>
      <c r="G7" s="23">
        <v>0</v>
      </c>
      <c r="H7" s="22">
        <v>0</v>
      </c>
      <c r="I7" s="22">
        <v>0</v>
      </c>
      <c r="J7" s="22">
        <v>0</v>
      </c>
      <c r="K7" s="21">
        <v>0</v>
      </c>
      <c r="L7" s="53">
        <v>0</v>
      </c>
      <c r="M7" s="54">
        <v>0</v>
      </c>
    </row>
    <row r="8" spans="1:13">
      <c r="A8" s="20" t="s">
        <v>15</v>
      </c>
      <c r="B8" s="21">
        <v>2</v>
      </c>
      <c r="C8" s="22">
        <v>1</v>
      </c>
      <c r="D8" s="22">
        <v>1</v>
      </c>
      <c r="E8" s="21">
        <v>0</v>
      </c>
      <c r="F8" s="22">
        <v>0</v>
      </c>
      <c r="G8" s="23">
        <v>0</v>
      </c>
      <c r="H8" s="22">
        <v>3</v>
      </c>
      <c r="I8" s="22">
        <v>1</v>
      </c>
      <c r="J8" s="22">
        <v>2</v>
      </c>
      <c r="K8" s="21">
        <v>1</v>
      </c>
      <c r="L8" s="53">
        <v>0</v>
      </c>
      <c r="M8" s="54">
        <v>1</v>
      </c>
    </row>
    <row r="9" spans="1:13">
      <c r="A9" s="20" t="s">
        <v>16</v>
      </c>
      <c r="B9" s="21">
        <v>3</v>
      </c>
      <c r="C9" s="22">
        <v>2</v>
      </c>
      <c r="D9" s="22">
        <v>1</v>
      </c>
      <c r="E9" s="21">
        <v>0</v>
      </c>
      <c r="F9" s="22">
        <v>0</v>
      </c>
      <c r="G9" s="23">
        <v>0</v>
      </c>
      <c r="H9" s="22">
        <v>5</v>
      </c>
      <c r="I9" s="22">
        <v>2</v>
      </c>
      <c r="J9" s="22">
        <v>3</v>
      </c>
      <c r="K9" s="21">
        <v>2</v>
      </c>
      <c r="L9" s="53">
        <v>0</v>
      </c>
      <c r="M9" s="54">
        <v>2</v>
      </c>
    </row>
    <row r="10" spans="1:13">
      <c r="A10" s="20" t="s">
        <v>17</v>
      </c>
      <c r="B10" s="21">
        <v>1</v>
      </c>
      <c r="C10" s="22">
        <v>0</v>
      </c>
      <c r="D10" s="22">
        <v>1</v>
      </c>
      <c r="E10" s="21">
        <v>0</v>
      </c>
      <c r="F10" s="22">
        <v>0</v>
      </c>
      <c r="G10" s="23">
        <v>0</v>
      </c>
      <c r="H10" s="22">
        <v>1</v>
      </c>
      <c r="I10" s="22">
        <v>0</v>
      </c>
      <c r="J10" s="22">
        <v>1</v>
      </c>
      <c r="K10" s="21">
        <v>0</v>
      </c>
      <c r="L10" s="53">
        <v>0</v>
      </c>
      <c r="M10" s="54">
        <v>0</v>
      </c>
    </row>
    <row r="11" spans="1:13">
      <c r="A11" s="20" t="s">
        <v>18</v>
      </c>
      <c r="B11" s="21">
        <v>0</v>
      </c>
      <c r="C11" s="22">
        <v>1</v>
      </c>
      <c r="D11" s="22">
        <v>-1</v>
      </c>
      <c r="E11" s="21">
        <v>0</v>
      </c>
      <c r="F11" s="22">
        <v>0</v>
      </c>
      <c r="G11" s="23">
        <v>0</v>
      </c>
      <c r="H11" s="22">
        <v>1</v>
      </c>
      <c r="I11" s="22">
        <v>1</v>
      </c>
      <c r="J11" s="22">
        <v>0</v>
      </c>
      <c r="K11" s="21">
        <v>1</v>
      </c>
      <c r="L11" s="53">
        <v>0</v>
      </c>
      <c r="M11" s="54">
        <v>1</v>
      </c>
    </row>
    <row r="12" spans="1:13" ht="20.100000000000001" customHeight="1">
      <c r="A12" s="16" t="s">
        <v>19</v>
      </c>
      <c r="B12" s="17">
        <v>-5</v>
      </c>
      <c r="C12" s="18">
        <v>-3</v>
      </c>
      <c r="D12" s="18">
        <v>-2</v>
      </c>
      <c r="E12" s="17">
        <v>0</v>
      </c>
      <c r="F12" s="18">
        <v>0</v>
      </c>
      <c r="G12" s="19">
        <v>0</v>
      </c>
      <c r="H12" s="18">
        <v>3</v>
      </c>
      <c r="I12" s="18">
        <v>3</v>
      </c>
      <c r="J12" s="18">
        <v>0</v>
      </c>
      <c r="K12" s="17">
        <v>8</v>
      </c>
      <c r="L12" s="51">
        <v>6</v>
      </c>
      <c r="M12" s="52">
        <v>2</v>
      </c>
    </row>
    <row r="13" spans="1:13">
      <c r="A13" s="20" t="s">
        <v>20</v>
      </c>
      <c r="B13" s="21">
        <v>-1</v>
      </c>
      <c r="C13" s="22">
        <v>-1</v>
      </c>
      <c r="D13" s="22">
        <v>0</v>
      </c>
      <c r="E13" s="21">
        <v>0</v>
      </c>
      <c r="F13" s="22">
        <v>0</v>
      </c>
      <c r="G13" s="23">
        <v>0</v>
      </c>
      <c r="H13" s="22">
        <v>0</v>
      </c>
      <c r="I13" s="22">
        <v>0</v>
      </c>
      <c r="J13" s="22">
        <v>0</v>
      </c>
      <c r="K13" s="21">
        <v>1</v>
      </c>
      <c r="L13" s="53">
        <v>1</v>
      </c>
      <c r="M13" s="54">
        <v>0</v>
      </c>
    </row>
    <row r="14" spans="1:13">
      <c r="A14" s="20" t="s">
        <v>21</v>
      </c>
      <c r="B14" s="21">
        <v>1</v>
      </c>
      <c r="C14" s="22">
        <v>2</v>
      </c>
      <c r="D14" s="22">
        <v>-1</v>
      </c>
      <c r="E14" s="21">
        <v>0</v>
      </c>
      <c r="F14" s="22">
        <v>0</v>
      </c>
      <c r="G14" s="23">
        <v>0</v>
      </c>
      <c r="H14" s="22">
        <v>2</v>
      </c>
      <c r="I14" s="22">
        <v>2</v>
      </c>
      <c r="J14" s="22">
        <v>0</v>
      </c>
      <c r="K14" s="21">
        <v>1</v>
      </c>
      <c r="L14" s="53">
        <v>0</v>
      </c>
      <c r="M14" s="54">
        <v>1</v>
      </c>
    </row>
    <row r="15" spans="1:13">
      <c r="A15" s="20" t="s">
        <v>22</v>
      </c>
      <c r="B15" s="21">
        <v>-2</v>
      </c>
      <c r="C15" s="22">
        <v>-2</v>
      </c>
      <c r="D15" s="22">
        <v>0</v>
      </c>
      <c r="E15" s="21">
        <v>0</v>
      </c>
      <c r="F15" s="22">
        <v>0</v>
      </c>
      <c r="G15" s="23">
        <v>0</v>
      </c>
      <c r="H15" s="22">
        <v>1</v>
      </c>
      <c r="I15" s="22">
        <v>1</v>
      </c>
      <c r="J15" s="22">
        <v>0</v>
      </c>
      <c r="K15" s="21">
        <v>3</v>
      </c>
      <c r="L15" s="53">
        <v>3</v>
      </c>
      <c r="M15" s="54">
        <v>0</v>
      </c>
    </row>
    <row r="16" spans="1:13">
      <c r="A16" s="20" t="s">
        <v>23</v>
      </c>
      <c r="B16" s="21">
        <v>0</v>
      </c>
      <c r="C16" s="22">
        <v>0</v>
      </c>
      <c r="D16" s="22">
        <v>0</v>
      </c>
      <c r="E16" s="21">
        <v>0</v>
      </c>
      <c r="F16" s="22">
        <v>0</v>
      </c>
      <c r="G16" s="23">
        <v>0</v>
      </c>
      <c r="H16" s="22">
        <v>0</v>
      </c>
      <c r="I16" s="22">
        <v>0</v>
      </c>
      <c r="J16" s="22">
        <v>0</v>
      </c>
      <c r="K16" s="21">
        <v>0</v>
      </c>
      <c r="L16" s="53">
        <v>0</v>
      </c>
      <c r="M16" s="54">
        <v>0</v>
      </c>
    </row>
    <row r="17" spans="1:13">
      <c r="A17" s="20" t="s">
        <v>24</v>
      </c>
      <c r="B17" s="21">
        <v>-3</v>
      </c>
      <c r="C17" s="22">
        <v>-2</v>
      </c>
      <c r="D17" s="22">
        <v>-1</v>
      </c>
      <c r="E17" s="21">
        <v>0</v>
      </c>
      <c r="F17" s="22">
        <v>0</v>
      </c>
      <c r="G17" s="23">
        <v>0</v>
      </c>
      <c r="H17" s="22">
        <v>0</v>
      </c>
      <c r="I17" s="22">
        <v>0</v>
      </c>
      <c r="J17" s="22">
        <v>0</v>
      </c>
      <c r="K17" s="21">
        <v>3</v>
      </c>
      <c r="L17" s="53">
        <v>2</v>
      </c>
      <c r="M17" s="54">
        <v>1</v>
      </c>
    </row>
    <row r="18" spans="1:13" ht="20.100000000000001" customHeight="1">
      <c r="A18" s="16" t="s">
        <v>25</v>
      </c>
      <c r="B18" s="17">
        <v>-3</v>
      </c>
      <c r="C18" s="18">
        <v>-2</v>
      </c>
      <c r="D18" s="18">
        <v>-1</v>
      </c>
      <c r="E18" s="17">
        <v>0</v>
      </c>
      <c r="F18" s="18">
        <v>0</v>
      </c>
      <c r="G18" s="19">
        <v>0</v>
      </c>
      <c r="H18" s="18">
        <v>2</v>
      </c>
      <c r="I18" s="18">
        <v>1</v>
      </c>
      <c r="J18" s="18">
        <v>1</v>
      </c>
      <c r="K18" s="17">
        <v>5</v>
      </c>
      <c r="L18" s="51">
        <v>3</v>
      </c>
      <c r="M18" s="52">
        <v>2</v>
      </c>
    </row>
    <row r="19" spans="1:13">
      <c r="A19" s="20" t="s">
        <v>26</v>
      </c>
      <c r="B19" s="21">
        <v>-1</v>
      </c>
      <c r="C19" s="22">
        <v>-1</v>
      </c>
      <c r="D19" s="22">
        <v>0</v>
      </c>
      <c r="E19" s="21">
        <v>0</v>
      </c>
      <c r="F19" s="22">
        <v>0</v>
      </c>
      <c r="G19" s="23">
        <v>0</v>
      </c>
      <c r="H19" s="22">
        <v>0</v>
      </c>
      <c r="I19" s="22">
        <v>0</v>
      </c>
      <c r="J19" s="22">
        <v>0</v>
      </c>
      <c r="K19" s="21">
        <v>1</v>
      </c>
      <c r="L19" s="53">
        <v>1</v>
      </c>
      <c r="M19" s="54">
        <v>0</v>
      </c>
    </row>
    <row r="20" spans="1:13">
      <c r="A20" s="20" t="s">
        <v>27</v>
      </c>
      <c r="B20" s="21">
        <v>-1</v>
      </c>
      <c r="C20" s="22">
        <v>-1</v>
      </c>
      <c r="D20" s="22">
        <v>0</v>
      </c>
      <c r="E20" s="21">
        <v>0</v>
      </c>
      <c r="F20" s="22">
        <v>0</v>
      </c>
      <c r="G20" s="23">
        <v>0</v>
      </c>
      <c r="H20" s="22">
        <v>0</v>
      </c>
      <c r="I20" s="22">
        <v>0</v>
      </c>
      <c r="J20" s="22">
        <v>0</v>
      </c>
      <c r="K20" s="21">
        <v>1</v>
      </c>
      <c r="L20" s="53">
        <v>1</v>
      </c>
      <c r="M20" s="54">
        <v>0</v>
      </c>
    </row>
    <row r="21" spans="1:13">
      <c r="A21" s="20" t="s">
        <v>28</v>
      </c>
      <c r="B21" s="21">
        <v>-1</v>
      </c>
      <c r="C21" s="22">
        <v>0</v>
      </c>
      <c r="D21" s="22">
        <v>-1</v>
      </c>
      <c r="E21" s="21">
        <v>0</v>
      </c>
      <c r="F21" s="22">
        <v>0</v>
      </c>
      <c r="G21" s="23">
        <v>0</v>
      </c>
      <c r="H21" s="22">
        <v>1</v>
      </c>
      <c r="I21" s="22">
        <v>0</v>
      </c>
      <c r="J21" s="22">
        <v>1</v>
      </c>
      <c r="K21" s="21">
        <v>2</v>
      </c>
      <c r="L21" s="53">
        <v>0</v>
      </c>
      <c r="M21" s="54">
        <v>2</v>
      </c>
    </row>
    <row r="22" spans="1:13">
      <c r="A22" s="20" t="s">
        <v>29</v>
      </c>
      <c r="B22" s="21">
        <v>0</v>
      </c>
      <c r="C22" s="22">
        <v>0</v>
      </c>
      <c r="D22" s="22">
        <v>0</v>
      </c>
      <c r="E22" s="21">
        <v>0</v>
      </c>
      <c r="F22" s="22">
        <v>0</v>
      </c>
      <c r="G22" s="23">
        <v>0</v>
      </c>
      <c r="H22" s="22">
        <v>0</v>
      </c>
      <c r="I22" s="22">
        <v>0</v>
      </c>
      <c r="J22" s="22">
        <v>0</v>
      </c>
      <c r="K22" s="21">
        <v>0</v>
      </c>
      <c r="L22" s="53">
        <v>0</v>
      </c>
      <c r="M22" s="54">
        <v>0</v>
      </c>
    </row>
    <row r="23" spans="1:13">
      <c r="A23" s="20" t="s">
        <v>30</v>
      </c>
      <c r="B23" s="21">
        <v>0</v>
      </c>
      <c r="C23" s="22">
        <v>0</v>
      </c>
      <c r="D23" s="22">
        <v>0</v>
      </c>
      <c r="E23" s="21">
        <v>0</v>
      </c>
      <c r="F23" s="22">
        <v>0</v>
      </c>
      <c r="G23" s="23">
        <v>0</v>
      </c>
      <c r="H23" s="22">
        <v>1</v>
      </c>
      <c r="I23" s="22">
        <v>1</v>
      </c>
      <c r="J23" s="22">
        <v>0</v>
      </c>
      <c r="K23" s="21">
        <v>1</v>
      </c>
      <c r="L23" s="53">
        <v>1</v>
      </c>
      <c r="M23" s="54">
        <v>0</v>
      </c>
    </row>
    <row r="24" spans="1:13" ht="20.100000000000001" customHeight="1">
      <c r="A24" s="16" t="s">
        <v>31</v>
      </c>
      <c r="B24" s="17">
        <v>2</v>
      </c>
      <c r="C24" s="18">
        <v>3</v>
      </c>
      <c r="D24" s="18">
        <v>-1</v>
      </c>
      <c r="E24" s="17">
        <v>0</v>
      </c>
      <c r="F24" s="18">
        <v>0</v>
      </c>
      <c r="G24" s="19">
        <v>0</v>
      </c>
      <c r="H24" s="18">
        <v>5</v>
      </c>
      <c r="I24" s="18">
        <v>4</v>
      </c>
      <c r="J24" s="18">
        <v>1</v>
      </c>
      <c r="K24" s="17">
        <v>3</v>
      </c>
      <c r="L24" s="51">
        <v>1</v>
      </c>
      <c r="M24" s="52">
        <v>2</v>
      </c>
    </row>
    <row r="25" spans="1:13">
      <c r="A25" s="20" t="s">
        <v>32</v>
      </c>
      <c r="B25" s="21">
        <v>1</v>
      </c>
      <c r="C25" s="22">
        <v>1</v>
      </c>
      <c r="D25" s="22">
        <v>0</v>
      </c>
      <c r="E25" s="21">
        <v>0</v>
      </c>
      <c r="F25" s="22">
        <v>0</v>
      </c>
      <c r="G25" s="23">
        <v>0</v>
      </c>
      <c r="H25" s="22">
        <v>2</v>
      </c>
      <c r="I25" s="22">
        <v>1</v>
      </c>
      <c r="J25" s="22">
        <v>1</v>
      </c>
      <c r="K25" s="21">
        <v>1</v>
      </c>
      <c r="L25" s="53">
        <v>0</v>
      </c>
      <c r="M25" s="54">
        <v>1</v>
      </c>
    </row>
    <row r="26" spans="1:13">
      <c r="A26" s="20" t="s">
        <v>33</v>
      </c>
      <c r="B26" s="21">
        <v>0</v>
      </c>
      <c r="C26" s="22">
        <v>1</v>
      </c>
      <c r="D26" s="22">
        <v>-1</v>
      </c>
      <c r="E26" s="21">
        <v>0</v>
      </c>
      <c r="F26" s="22">
        <v>0</v>
      </c>
      <c r="G26" s="23">
        <v>0</v>
      </c>
      <c r="H26" s="22">
        <v>1</v>
      </c>
      <c r="I26" s="22">
        <v>1</v>
      </c>
      <c r="J26" s="22">
        <v>0</v>
      </c>
      <c r="K26" s="21">
        <v>1</v>
      </c>
      <c r="L26" s="53">
        <v>0</v>
      </c>
      <c r="M26" s="54">
        <v>1</v>
      </c>
    </row>
    <row r="27" spans="1:13">
      <c r="A27" s="20" t="s">
        <v>34</v>
      </c>
      <c r="B27" s="21">
        <v>0</v>
      </c>
      <c r="C27" s="22">
        <v>0</v>
      </c>
      <c r="D27" s="22">
        <v>0</v>
      </c>
      <c r="E27" s="21">
        <v>0</v>
      </c>
      <c r="F27" s="22">
        <v>0</v>
      </c>
      <c r="G27" s="23">
        <v>0</v>
      </c>
      <c r="H27" s="22">
        <v>0</v>
      </c>
      <c r="I27" s="22">
        <v>0</v>
      </c>
      <c r="J27" s="22">
        <v>0</v>
      </c>
      <c r="K27" s="21">
        <v>0</v>
      </c>
      <c r="L27" s="53">
        <v>0</v>
      </c>
      <c r="M27" s="54">
        <v>0</v>
      </c>
    </row>
    <row r="28" spans="1:13">
      <c r="A28" s="20" t="s">
        <v>35</v>
      </c>
      <c r="B28" s="21">
        <v>0</v>
      </c>
      <c r="C28" s="22">
        <v>0</v>
      </c>
      <c r="D28" s="22">
        <v>0</v>
      </c>
      <c r="E28" s="21">
        <v>0</v>
      </c>
      <c r="F28" s="22">
        <v>0</v>
      </c>
      <c r="G28" s="23">
        <v>0</v>
      </c>
      <c r="H28" s="22">
        <v>0</v>
      </c>
      <c r="I28" s="22">
        <v>0</v>
      </c>
      <c r="J28" s="22">
        <v>0</v>
      </c>
      <c r="K28" s="21">
        <v>0</v>
      </c>
      <c r="L28" s="53">
        <v>0</v>
      </c>
      <c r="M28" s="54">
        <v>0</v>
      </c>
    </row>
    <row r="29" spans="1:13">
      <c r="A29" s="20" t="s">
        <v>36</v>
      </c>
      <c r="B29" s="21">
        <v>1</v>
      </c>
      <c r="C29" s="22">
        <v>1</v>
      </c>
      <c r="D29" s="22">
        <v>0</v>
      </c>
      <c r="E29" s="21">
        <v>0</v>
      </c>
      <c r="F29" s="22">
        <v>0</v>
      </c>
      <c r="G29" s="23">
        <v>0</v>
      </c>
      <c r="H29" s="22">
        <v>2</v>
      </c>
      <c r="I29" s="22">
        <v>2</v>
      </c>
      <c r="J29" s="22">
        <v>0</v>
      </c>
      <c r="K29" s="21">
        <v>1</v>
      </c>
      <c r="L29" s="53">
        <v>1</v>
      </c>
      <c r="M29" s="54">
        <v>0</v>
      </c>
    </row>
    <row r="30" spans="1:13" ht="20.100000000000001" customHeight="1">
      <c r="A30" s="16" t="s">
        <v>37</v>
      </c>
      <c r="B30" s="17">
        <v>-1</v>
      </c>
      <c r="C30" s="18">
        <v>1</v>
      </c>
      <c r="D30" s="18">
        <v>-2</v>
      </c>
      <c r="E30" s="17">
        <v>0</v>
      </c>
      <c r="F30" s="18">
        <v>0</v>
      </c>
      <c r="G30" s="19">
        <v>0</v>
      </c>
      <c r="H30" s="18">
        <v>8</v>
      </c>
      <c r="I30" s="18">
        <v>7</v>
      </c>
      <c r="J30" s="18">
        <v>1</v>
      </c>
      <c r="K30" s="17">
        <v>9</v>
      </c>
      <c r="L30" s="51">
        <v>6</v>
      </c>
      <c r="M30" s="52">
        <v>3</v>
      </c>
    </row>
    <row r="31" spans="1:13">
      <c r="A31" s="20" t="s">
        <v>38</v>
      </c>
      <c r="B31" s="21">
        <v>-1</v>
      </c>
      <c r="C31" s="22">
        <v>0</v>
      </c>
      <c r="D31" s="22">
        <v>-1</v>
      </c>
      <c r="E31" s="21">
        <v>0</v>
      </c>
      <c r="F31" s="22">
        <v>0</v>
      </c>
      <c r="G31" s="23">
        <v>0</v>
      </c>
      <c r="H31" s="22">
        <v>0</v>
      </c>
      <c r="I31" s="22">
        <v>0</v>
      </c>
      <c r="J31" s="22">
        <v>0</v>
      </c>
      <c r="K31" s="21">
        <v>1</v>
      </c>
      <c r="L31" s="53">
        <v>0</v>
      </c>
      <c r="M31" s="54">
        <v>1</v>
      </c>
    </row>
    <row r="32" spans="1:13">
      <c r="A32" s="20" t="s">
        <v>39</v>
      </c>
      <c r="B32" s="21">
        <v>0</v>
      </c>
      <c r="C32" s="22">
        <v>0</v>
      </c>
      <c r="D32" s="22">
        <v>0</v>
      </c>
      <c r="E32" s="21">
        <v>0</v>
      </c>
      <c r="F32" s="22">
        <v>0</v>
      </c>
      <c r="G32" s="23">
        <v>0</v>
      </c>
      <c r="H32" s="22">
        <v>1</v>
      </c>
      <c r="I32" s="22">
        <v>1</v>
      </c>
      <c r="J32" s="22">
        <v>0</v>
      </c>
      <c r="K32" s="21">
        <v>1</v>
      </c>
      <c r="L32" s="53">
        <v>1</v>
      </c>
      <c r="M32" s="54">
        <v>0</v>
      </c>
    </row>
    <row r="33" spans="1:13">
      <c r="A33" s="20" t="s">
        <v>40</v>
      </c>
      <c r="B33" s="21">
        <v>1</v>
      </c>
      <c r="C33" s="22">
        <v>1</v>
      </c>
      <c r="D33" s="22">
        <v>0</v>
      </c>
      <c r="E33" s="21">
        <v>0</v>
      </c>
      <c r="F33" s="22">
        <v>0</v>
      </c>
      <c r="G33" s="23">
        <v>0</v>
      </c>
      <c r="H33" s="22">
        <v>2</v>
      </c>
      <c r="I33" s="22">
        <v>2</v>
      </c>
      <c r="J33" s="22">
        <v>0</v>
      </c>
      <c r="K33" s="21">
        <v>1</v>
      </c>
      <c r="L33" s="53">
        <v>1</v>
      </c>
      <c r="M33" s="54">
        <v>0</v>
      </c>
    </row>
    <row r="34" spans="1:13">
      <c r="A34" s="20" t="s">
        <v>41</v>
      </c>
      <c r="B34" s="21">
        <v>-4</v>
      </c>
      <c r="C34" s="22">
        <v>-2</v>
      </c>
      <c r="D34" s="22">
        <v>-2</v>
      </c>
      <c r="E34" s="21">
        <v>0</v>
      </c>
      <c r="F34" s="22">
        <v>0</v>
      </c>
      <c r="G34" s="23">
        <v>0</v>
      </c>
      <c r="H34" s="22">
        <v>2</v>
      </c>
      <c r="I34" s="22">
        <v>2</v>
      </c>
      <c r="J34" s="22">
        <v>0</v>
      </c>
      <c r="K34" s="21">
        <v>6</v>
      </c>
      <c r="L34" s="53">
        <v>4</v>
      </c>
      <c r="M34" s="54">
        <v>2</v>
      </c>
    </row>
    <row r="35" spans="1:13">
      <c r="A35" s="20" t="s">
        <v>42</v>
      </c>
      <c r="B35" s="21">
        <v>3</v>
      </c>
      <c r="C35" s="22">
        <v>2</v>
      </c>
      <c r="D35" s="22">
        <v>1</v>
      </c>
      <c r="E35" s="21">
        <v>0</v>
      </c>
      <c r="F35" s="22">
        <v>0</v>
      </c>
      <c r="G35" s="23">
        <v>0</v>
      </c>
      <c r="H35" s="22">
        <v>3</v>
      </c>
      <c r="I35" s="22">
        <v>2</v>
      </c>
      <c r="J35" s="22">
        <v>1</v>
      </c>
      <c r="K35" s="21">
        <v>0</v>
      </c>
      <c r="L35" s="53">
        <v>0</v>
      </c>
      <c r="M35" s="54">
        <v>0</v>
      </c>
    </row>
    <row r="36" spans="1:13" ht="20.100000000000001" customHeight="1">
      <c r="A36" s="16" t="s">
        <v>43</v>
      </c>
      <c r="B36" s="17">
        <v>5</v>
      </c>
      <c r="C36" s="18">
        <v>7</v>
      </c>
      <c r="D36" s="18">
        <v>-2</v>
      </c>
      <c r="E36" s="17">
        <v>0</v>
      </c>
      <c r="F36" s="18">
        <v>0</v>
      </c>
      <c r="G36" s="19">
        <v>0</v>
      </c>
      <c r="H36" s="18">
        <v>20</v>
      </c>
      <c r="I36" s="18">
        <v>14</v>
      </c>
      <c r="J36" s="18">
        <v>6</v>
      </c>
      <c r="K36" s="17">
        <v>15</v>
      </c>
      <c r="L36" s="51">
        <v>7</v>
      </c>
      <c r="M36" s="52">
        <v>8</v>
      </c>
    </row>
    <row r="37" spans="1:13">
      <c r="A37" s="20" t="s">
        <v>44</v>
      </c>
      <c r="B37" s="21">
        <v>2</v>
      </c>
      <c r="C37" s="22">
        <v>2</v>
      </c>
      <c r="D37" s="22">
        <v>0</v>
      </c>
      <c r="E37" s="21">
        <v>0</v>
      </c>
      <c r="F37" s="22">
        <v>0</v>
      </c>
      <c r="G37" s="23">
        <v>0</v>
      </c>
      <c r="H37" s="22">
        <v>4</v>
      </c>
      <c r="I37" s="22">
        <v>3</v>
      </c>
      <c r="J37" s="22">
        <v>1</v>
      </c>
      <c r="K37" s="21">
        <v>2</v>
      </c>
      <c r="L37" s="53">
        <v>1</v>
      </c>
      <c r="M37" s="54">
        <v>1</v>
      </c>
    </row>
    <row r="38" spans="1:13">
      <c r="A38" s="20" t="s">
        <v>45</v>
      </c>
      <c r="B38" s="21">
        <v>1</v>
      </c>
      <c r="C38" s="22">
        <v>2</v>
      </c>
      <c r="D38" s="22">
        <v>-1</v>
      </c>
      <c r="E38" s="21">
        <v>0</v>
      </c>
      <c r="F38" s="22">
        <v>0</v>
      </c>
      <c r="G38" s="23">
        <v>0</v>
      </c>
      <c r="H38" s="22">
        <v>5</v>
      </c>
      <c r="I38" s="22">
        <v>4</v>
      </c>
      <c r="J38" s="22">
        <v>1</v>
      </c>
      <c r="K38" s="21">
        <v>4</v>
      </c>
      <c r="L38" s="53">
        <v>2</v>
      </c>
      <c r="M38" s="54">
        <v>2</v>
      </c>
    </row>
    <row r="39" spans="1:13">
      <c r="A39" s="20" t="s">
        <v>46</v>
      </c>
      <c r="B39" s="21">
        <v>1</v>
      </c>
      <c r="C39" s="22">
        <v>2</v>
      </c>
      <c r="D39" s="22">
        <v>-1</v>
      </c>
      <c r="E39" s="21">
        <v>0</v>
      </c>
      <c r="F39" s="22">
        <v>0</v>
      </c>
      <c r="G39" s="23">
        <v>0</v>
      </c>
      <c r="H39" s="22">
        <v>2</v>
      </c>
      <c r="I39" s="22">
        <v>2</v>
      </c>
      <c r="J39" s="22">
        <v>0</v>
      </c>
      <c r="K39" s="21">
        <v>1</v>
      </c>
      <c r="L39" s="53">
        <v>0</v>
      </c>
      <c r="M39" s="54">
        <v>1</v>
      </c>
    </row>
    <row r="40" spans="1:13">
      <c r="A40" s="20" t="s">
        <v>47</v>
      </c>
      <c r="B40" s="21">
        <v>-2</v>
      </c>
      <c r="C40" s="22">
        <v>0</v>
      </c>
      <c r="D40" s="22">
        <v>-2</v>
      </c>
      <c r="E40" s="21">
        <v>0</v>
      </c>
      <c r="F40" s="22">
        <v>0</v>
      </c>
      <c r="G40" s="23">
        <v>0</v>
      </c>
      <c r="H40" s="22">
        <v>2</v>
      </c>
      <c r="I40" s="22">
        <v>1</v>
      </c>
      <c r="J40" s="22">
        <v>1</v>
      </c>
      <c r="K40" s="21">
        <v>4</v>
      </c>
      <c r="L40" s="53">
        <v>1</v>
      </c>
      <c r="M40" s="54">
        <v>3</v>
      </c>
    </row>
    <row r="41" spans="1:13">
      <c r="A41" s="20" t="s">
        <v>48</v>
      </c>
      <c r="B41" s="21">
        <v>3</v>
      </c>
      <c r="C41" s="22">
        <v>1</v>
      </c>
      <c r="D41" s="22">
        <v>2</v>
      </c>
      <c r="E41" s="21">
        <v>0</v>
      </c>
      <c r="F41" s="22">
        <v>0</v>
      </c>
      <c r="G41" s="23">
        <v>0</v>
      </c>
      <c r="H41" s="22">
        <v>7</v>
      </c>
      <c r="I41" s="22">
        <v>4</v>
      </c>
      <c r="J41" s="22">
        <v>3</v>
      </c>
      <c r="K41" s="21">
        <v>4</v>
      </c>
      <c r="L41" s="53">
        <v>3</v>
      </c>
      <c r="M41" s="54">
        <v>1</v>
      </c>
    </row>
    <row r="42" spans="1:13" ht="20.100000000000001" customHeight="1">
      <c r="A42" s="16" t="s">
        <v>49</v>
      </c>
      <c r="B42" s="17">
        <v>-6</v>
      </c>
      <c r="C42" s="18">
        <v>-3</v>
      </c>
      <c r="D42" s="18">
        <v>-3</v>
      </c>
      <c r="E42" s="17">
        <v>0</v>
      </c>
      <c r="F42" s="18">
        <v>0</v>
      </c>
      <c r="G42" s="19">
        <v>0</v>
      </c>
      <c r="H42" s="18">
        <v>11</v>
      </c>
      <c r="I42" s="18">
        <v>7</v>
      </c>
      <c r="J42" s="18">
        <v>4</v>
      </c>
      <c r="K42" s="17">
        <v>17</v>
      </c>
      <c r="L42" s="51">
        <v>10</v>
      </c>
      <c r="M42" s="52">
        <v>7</v>
      </c>
    </row>
    <row r="43" spans="1:13">
      <c r="A43" s="20" t="s">
        <v>50</v>
      </c>
      <c r="B43" s="21">
        <v>0</v>
      </c>
      <c r="C43" s="22">
        <v>0</v>
      </c>
      <c r="D43" s="22">
        <v>0</v>
      </c>
      <c r="E43" s="21">
        <v>0</v>
      </c>
      <c r="F43" s="22">
        <v>0</v>
      </c>
      <c r="G43" s="23">
        <v>0</v>
      </c>
      <c r="H43" s="22">
        <v>2</v>
      </c>
      <c r="I43" s="22">
        <v>2</v>
      </c>
      <c r="J43" s="22">
        <v>0</v>
      </c>
      <c r="K43" s="21">
        <v>2</v>
      </c>
      <c r="L43" s="53">
        <v>2</v>
      </c>
      <c r="M43" s="54">
        <v>0</v>
      </c>
    </row>
    <row r="44" spans="1:13">
      <c r="A44" s="20" t="s">
        <v>51</v>
      </c>
      <c r="B44" s="21">
        <v>-3</v>
      </c>
      <c r="C44" s="22">
        <v>1</v>
      </c>
      <c r="D44" s="22">
        <v>-4</v>
      </c>
      <c r="E44" s="21">
        <v>0</v>
      </c>
      <c r="F44" s="22">
        <v>0</v>
      </c>
      <c r="G44" s="23">
        <v>0</v>
      </c>
      <c r="H44" s="22">
        <v>4</v>
      </c>
      <c r="I44" s="22">
        <v>4</v>
      </c>
      <c r="J44" s="22">
        <v>0</v>
      </c>
      <c r="K44" s="21">
        <v>7</v>
      </c>
      <c r="L44" s="53">
        <v>3</v>
      </c>
      <c r="M44" s="54">
        <v>4</v>
      </c>
    </row>
    <row r="45" spans="1:13">
      <c r="A45" s="20" t="s">
        <v>52</v>
      </c>
      <c r="B45" s="21">
        <v>0</v>
      </c>
      <c r="C45" s="22">
        <v>0</v>
      </c>
      <c r="D45" s="22">
        <v>0</v>
      </c>
      <c r="E45" s="21">
        <v>0</v>
      </c>
      <c r="F45" s="22">
        <v>0</v>
      </c>
      <c r="G45" s="23">
        <v>0</v>
      </c>
      <c r="H45" s="22">
        <v>0</v>
      </c>
      <c r="I45" s="22">
        <v>0</v>
      </c>
      <c r="J45" s="22">
        <v>0</v>
      </c>
      <c r="K45" s="21">
        <v>0</v>
      </c>
      <c r="L45" s="53">
        <v>0</v>
      </c>
      <c r="M45" s="54">
        <v>0</v>
      </c>
    </row>
    <row r="46" spans="1:13">
      <c r="A46" s="20" t="s">
        <v>53</v>
      </c>
      <c r="B46" s="21">
        <v>-1</v>
      </c>
      <c r="C46" s="22">
        <v>-1</v>
      </c>
      <c r="D46" s="22">
        <v>0</v>
      </c>
      <c r="E46" s="21">
        <v>0</v>
      </c>
      <c r="F46" s="22">
        <v>0</v>
      </c>
      <c r="G46" s="23">
        <v>0</v>
      </c>
      <c r="H46" s="22">
        <v>4</v>
      </c>
      <c r="I46" s="22">
        <v>1</v>
      </c>
      <c r="J46" s="22">
        <v>3</v>
      </c>
      <c r="K46" s="21">
        <v>5</v>
      </c>
      <c r="L46" s="53">
        <v>2</v>
      </c>
      <c r="M46" s="54">
        <v>3</v>
      </c>
    </row>
    <row r="47" spans="1:13">
      <c r="A47" s="20" t="s">
        <v>54</v>
      </c>
      <c r="B47" s="21">
        <v>-2</v>
      </c>
      <c r="C47" s="22">
        <v>-3</v>
      </c>
      <c r="D47" s="22">
        <v>1</v>
      </c>
      <c r="E47" s="21">
        <v>0</v>
      </c>
      <c r="F47" s="22">
        <v>0</v>
      </c>
      <c r="G47" s="23">
        <v>0</v>
      </c>
      <c r="H47" s="22">
        <v>1</v>
      </c>
      <c r="I47" s="22">
        <v>0</v>
      </c>
      <c r="J47" s="22">
        <v>1</v>
      </c>
      <c r="K47" s="21">
        <v>3</v>
      </c>
      <c r="L47" s="53">
        <v>3</v>
      </c>
      <c r="M47" s="54">
        <v>0</v>
      </c>
    </row>
    <row r="48" spans="1:13" ht="20.100000000000001" customHeight="1">
      <c r="A48" s="16" t="s">
        <v>55</v>
      </c>
      <c r="B48" s="17">
        <v>-2</v>
      </c>
      <c r="C48" s="18">
        <v>-2</v>
      </c>
      <c r="D48" s="18">
        <v>0</v>
      </c>
      <c r="E48" s="17">
        <v>0</v>
      </c>
      <c r="F48" s="18">
        <v>0</v>
      </c>
      <c r="G48" s="19">
        <v>0</v>
      </c>
      <c r="H48" s="18">
        <v>10</v>
      </c>
      <c r="I48" s="18">
        <v>4</v>
      </c>
      <c r="J48" s="18">
        <v>6</v>
      </c>
      <c r="K48" s="17">
        <v>12</v>
      </c>
      <c r="L48" s="51">
        <v>6</v>
      </c>
      <c r="M48" s="52">
        <v>6</v>
      </c>
    </row>
    <row r="49" spans="1:13">
      <c r="A49" s="20" t="s">
        <v>56</v>
      </c>
      <c r="B49" s="21">
        <v>-1</v>
      </c>
      <c r="C49" s="22">
        <v>-1</v>
      </c>
      <c r="D49" s="22">
        <v>0</v>
      </c>
      <c r="E49" s="21">
        <v>0</v>
      </c>
      <c r="F49" s="22">
        <v>0</v>
      </c>
      <c r="G49" s="23">
        <v>0</v>
      </c>
      <c r="H49" s="22">
        <v>3</v>
      </c>
      <c r="I49" s="22">
        <v>1</v>
      </c>
      <c r="J49" s="22">
        <v>2</v>
      </c>
      <c r="K49" s="21">
        <v>4</v>
      </c>
      <c r="L49" s="53">
        <v>2</v>
      </c>
      <c r="M49" s="54">
        <v>2</v>
      </c>
    </row>
    <row r="50" spans="1:13">
      <c r="A50" s="20" t="s">
        <v>57</v>
      </c>
      <c r="B50" s="21">
        <v>1</v>
      </c>
      <c r="C50" s="22">
        <v>1</v>
      </c>
      <c r="D50" s="22">
        <v>0</v>
      </c>
      <c r="E50" s="21">
        <v>0</v>
      </c>
      <c r="F50" s="22">
        <v>0</v>
      </c>
      <c r="G50" s="23">
        <v>0</v>
      </c>
      <c r="H50" s="22">
        <v>4</v>
      </c>
      <c r="I50" s="22">
        <v>2</v>
      </c>
      <c r="J50" s="22">
        <v>2</v>
      </c>
      <c r="K50" s="21">
        <v>3</v>
      </c>
      <c r="L50" s="53">
        <v>1</v>
      </c>
      <c r="M50" s="54">
        <v>2</v>
      </c>
    </row>
    <row r="51" spans="1:13">
      <c r="A51" s="20" t="s">
        <v>58</v>
      </c>
      <c r="B51" s="21">
        <v>-2</v>
      </c>
      <c r="C51" s="22">
        <v>-1</v>
      </c>
      <c r="D51" s="22">
        <v>-1</v>
      </c>
      <c r="E51" s="21">
        <v>0</v>
      </c>
      <c r="F51" s="22">
        <v>0</v>
      </c>
      <c r="G51" s="23">
        <v>0</v>
      </c>
      <c r="H51" s="22">
        <v>0</v>
      </c>
      <c r="I51" s="22">
        <v>0</v>
      </c>
      <c r="J51" s="22">
        <v>0</v>
      </c>
      <c r="K51" s="21">
        <v>2</v>
      </c>
      <c r="L51" s="53">
        <v>1</v>
      </c>
      <c r="M51" s="54">
        <v>1</v>
      </c>
    </row>
    <row r="52" spans="1:13">
      <c r="A52" s="20" t="s">
        <v>59</v>
      </c>
      <c r="B52" s="21">
        <v>1</v>
      </c>
      <c r="C52" s="22">
        <v>0</v>
      </c>
      <c r="D52" s="22">
        <v>1</v>
      </c>
      <c r="E52" s="21">
        <v>0</v>
      </c>
      <c r="F52" s="22">
        <v>0</v>
      </c>
      <c r="G52" s="23">
        <v>0</v>
      </c>
      <c r="H52" s="22">
        <v>2</v>
      </c>
      <c r="I52" s="22">
        <v>0</v>
      </c>
      <c r="J52" s="22">
        <v>2</v>
      </c>
      <c r="K52" s="21">
        <v>1</v>
      </c>
      <c r="L52" s="53">
        <v>0</v>
      </c>
      <c r="M52" s="54">
        <v>1</v>
      </c>
    </row>
    <row r="53" spans="1:13">
      <c r="A53" s="20" t="s">
        <v>60</v>
      </c>
      <c r="B53" s="21">
        <v>-1</v>
      </c>
      <c r="C53" s="22">
        <v>-1</v>
      </c>
      <c r="D53" s="22">
        <v>0</v>
      </c>
      <c r="E53" s="21">
        <v>0</v>
      </c>
      <c r="F53" s="22">
        <v>0</v>
      </c>
      <c r="G53" s="23">
        <v>0</v>
      </c>
      <c r="H53" s="22">
        <v>1</v>
      </c>
      <c r="I53" s="22">
        <v>1</v>
      </c>
      <c r="J53" s="22">
        <v>0</v>
      </c>
      <c r="K53" s="21">
        <v>2</v>
      </c>
      <c r="L53" s="53">
        <v>2</v>
      </c>
      <c r="M53" s="54">
        <v>0</v>
      </c>
    </row>
    <row r="54" spans="1:13" ht="20.100000000000001" customHeight="1">
      <c r="A54" s="16" t="s">
        <v>61</v>
      </c>
      <c r="B54" s="17">
        <v>4</v>
      </c>
      <c r="C54" s="18">
        <v>2</v>
      </c>
      <c r="D54" s="18">
        <v>2</v>
      </c>
      <c r="E54" s="17">
        <v>0</v>
      </c>
      <c r="F54" s="18">
        <v>0</v>
      </c>
      <c r="G54" s="19">
        <v>0</v>
      </c>
      <c r="H54" s="18">
        <v>9</v>
      </c>
      <c r="I54" s="18">
        <v>5</v>
      </c>
      <c r="J54" s="18">
        <v>4</v>
      </c>
      <c r="K54" s="17">
        <v>5</v>
      </c>
      <c r="L54" s="51">
        <v>3</v>
      </c>
      <c r="M54" s="52">
        <v>2</v>
      </c>
    </row>
    <row r="55" spans="1:13">
      <c r="A55" s="20" t="s">
        <v>62</v>
      </c>
      <c r="B55" s="21">
        <v>1</v>
      </c>
      <c r="C55" s="22">
        <v>0</v>
      </c>
      <c r="D55" s="22">
        <v>1</v>
      </c>
      <c r="E55" s="21">
        <v>0</v>
      </c>
      <c r="F55" s="22">
        <v>0</v>
      </c>
      <c r="G55" s="23">
        <v>0</v>
      </c>
      <c r="H55" s="22">
        <v>2</v>
      </c>
      <c r="I55" s="22">
        <v>1</v>
      </c>
      <c r="J55" s="22">
        <v>1</v>
      </c>
      <c r="K55" s="21">
        <v>1</v>
      </c>
      <c r="L55" s="53">
        <v>1</v>
      </c>
      <c r="M55" s="54">
        <v>0</v>
      </c>
    </row>
    <row r="56" spans="1:13">
      <c r="A56" s="20" t="s">
        <v>63</v>
      </c>
      <c r="B56" s="21">
        <v>1</v>
      </c>
      <c r="C56" s="22">
        <v>-1</v>
      </c>
      <c r="D56" s="22">
        <v>2</v>
      </c>
      <c r="E56" s="21">
        <v>0</v>
      </c>
      <c r="F56" s="22">
        <v>0</v>
      </c>
      <c r="G56" s="23">
        <v>0</v>
      </c>
      <c r="H56" s="22">
        <v>2</v>
      </c>
      <c r="I56" s="22">
        <v>0</v>
      </c>
      <c r="J56" s="22">
        <v>2</v>
      </c>
      <c r="K56" s="21">
        <v>1</v>
      </c>
      <c r="L56" s="53">
        <v>1</v>
      </c>
      <c r="M56" s="54">
        <v>0</v>
      </c>
    </row>
    <row r="57" spans="1:13">
      <c r="A57" s="20" t="s">
        <v>64</v>
      </c>
      <c r="B57" s="21">
        <v>-1</v>
      </c>
      <c r="C57" s="22">
        <v>0</v>
      </c>
      <c r="D57" s="22">
        <v>-1</v>
      </c>
      <c r="E57" s="21">
        <v>0</v>
      </c>
      <c r="F57" s="22">
        <v>0</v>
      </c>
      <c r="G57" s="23">
        <v>0</v>
      </c>
      <c r="H57" s="22">
        <v>0</v>
      </c>
      <c r="I57" s="22">
        <v>0</v>
      </c>
      <c r="J57" s="22">
        <v>0</v>
      </c>
      <c r="K57" s="21">
        <v>1</v>
      </c>
      <c r="L57" s="53">
        <v>0</v>
      </c>
      <c r="M57" s="54">
        <v>1</v>
      </c>
    </row>
    <row r="58" spans="1:13">
      <c r="A58" s="20" t="s">
        <v>65</v>
      </c>
      <c r="B58" s="21">
        <v>-1</v>
      </c>
      <c r="C58" s="22">
        <v>0</v>
      </c>
      <c r="D58" s="22">
        <v>-1</v>
      </c>
      <c r="E58" s="21">
        <v>0</v>
      </c>
      <c r="F58" s="22">
        <v>0</v>
      </c>
      <c r="G58" s="23">
        <v>0</v>
      </c>
      <c r="H58" s="22">
        <v>1</v>
      </c>
      <c r="I58" s="22">
        <v>1</v>
      </c>
      <c r="J58" s="22">
        <v>0</v>
      </c>
      <c r="K58" s="21">
        <v>2</v>
      </c>
      <c r="L58" s="53">
        <v>1</v>
      </c>
      <c r="M58" s="54">
        <v>1</v>
      </c>
    </row>
    <row r="59" spans="1:13">
      <c r="A59" s="20" t="s">
        <v>66</v>
      </c>
      <c r="B59" s="21">
        <v>4</v>
      </c>
      <c r="C59" s="22">
        <v>3</v>
      </c>
      <c r="D59" s="22">
        <v>1</v>
      </c>
      <c r="E59" s="21">
        <v>0</v>
      </c>
      <c r="F59" s="22">
        <v>0</v>
      </c>
      <c r="G59" s="23">
        <v>0</v>
      </c>
      <c r="H59" s="22">
        <v>4</v>
      </c>
      <c r="I59" s="22">
        <v>3</v>
      </c>
      <c r="J59" s="22">
        <v>1</v>
      </c>
      <c r="K59" s="21">
        <v>0</v>
      </c>
      <c r="L59" s="53">
        <v>0</v>
      </c>
      <c r="M59" s="54">
        <v>0</v>
      </c>
    </row>
    <row r="60" spans="1:13" ht="20.100000000000001" customHeight="1">
      <c r="A60" s="16" t="s">
        <v>67</v>
      </c>
      <c r="B60" s="17">
        <v>-6</v>
      </c>
      <c r="C60" s="18">
        <v>-5</v>
      </c>
      <c r="D60" s="18">
        <v>-1</v>
      </c>
      <c r="E60" s="17">
        <v>1</v>
      </c>
      <c r="F60" s="18">
        <v>1</v>
      </c>
      <c r="G60" s="19">
        <v>0</v>
      </c>
      <c r="H60" s="18">
        <v>3</v>
      </c>
      <c r="I60" s="18">
        <v>1</v>
      </c>
      <c r="J60" s="18">
        <v>2</v>
      </c>
      <c r="K60" s="17">
        <v>8</v>
      </c>
      <c r="L60" s="51">
        <v>5</v>
      </c>
      <c r="M60" s="52">
        <v>3</v>
      </c>
    </row>
    <row r="61" spans="1:13">
      <c r="A61" s="20" t="s">
        <v>68</v>
      </c>
      <c r="B61" s="21">
        <v>-2</v>
      </c>
      <c r="C61" s="22">
        <v>-2</v>
      </c>
      <c r="D61" s="22">
        <v>0</v>
      </c>
      <c r="E61" s="21">
        <v>0</v>
      </c>
      <c r="F61" s="22">
        <v>0</v>
      </c>
      <c r="G61" s="23">
        <v>0</v>
      </c>
      <c r="H61" s="22">
        <v>1</v>
      </c>
      <c r="I61" s="22">
        <v>1</v>
      </c>
      <c r="J61" s="22">
        <v>0</v>
      </c>
      <c r="K61" s="21">
        <v>3</v>
      </c>
      <c r="L61" s="53">
        <v>3</v>
      </c>
      <c r="M61" s="54">
        <v>0</v>
      </c>
    </row>
    <row r="62" spans="1:13">
      <c r="A62" s="20" t="s">
        <v>69</v>
      </c>
      <c r="B62" s="21">
        <v>-2</v>
      </c>
      <c r="C62" s="22">
        <v>-1</v>
      </c>
      <c r="D62" s="22">
        <v>-1</v>
      </c>
      <c r="E62" s="21">
        <v>0</v>
      </c>
      <c r="F62" s="22">
        <v>0</v>
      </c>
      <c r="G62" s="23">
        <v>0</v>
      </c>
      <c r="H62" s="22">
        <v>0</v>
      </c>
      <c r="I62" s="22">
        <v>0</v>
      </c>
      <c r="J62" s="22">
        <v>0</v>
      </c>
      <c r="K62" s="21">
        <v>2</v>
      </c>
      <c r="L62" s="53">
        <v>1</v>
      </c>
      <c r="M62" s="54">
        <v>1</v>
      </c>
    </row>
    <row r="63" spans="1:13">
      <c r="A63" s="20" t="s">
        <v>70</v>
      </c>
      <c r="B63" s="21">
        <v>0</v>
      </c>
      <c r="C63" s="22">
        <v>0</v>
      </c>
      <c r="D63" s="22">
        <v>0</v>
      </c>
      <c r="E63" s="21">
        <v>0</v>
      </c>
      <c r="F63" s="22">
        <v>0</v>
      </c>
      <c r="G63" s="23">
        <v>0</v>
      </c>
      <c r="H63" s="22">
        <v>0</v>
      </c>
      <c r="I63" s="22">
        <v>0</v>
      </c>
      <c r="J63" s="22">
        <v>0</v>
      </c>
      <c r="K63" s="21">
        <v>0</v>
      </c>
      <c r="L63" s="53">
        <v>0</v>
      </c>
      <c r="M63" s="54">
        <v>0</v>
      </c>
    </row>
    <row r="64" spans="1:13">
      <c r="A64" s="20" t="s">
        <v>71</v>
      </c>
      <c r="B64" s="21">
        <v>0</v>
      </c>
      <c r="C64" s="22">
        <v>0</v>
      </c>
      <c r="D64" s="22">
        <v>0</v>
      </c>
      <c r="E64" s="21">
        <v>0</v>
      </c>
      <c r="F64" s="22">
        <v>0</v>
      </c>
      <c r="G64" s="23">
        <v>0</v>
      </c>
      <c r="H64" s="22">
        <v>1</v>
      </c>
      <c r="I64" s="22">
        <v>0</v>
      </c>
      <c r="J64" s="22">
        <v>1</v>
      </c>
      <c r="K64" s="21">
        <v>1</v>
      </c>
      <c r="L64" s="53">
        <v>0</v>
      </c>
      <c r="M64" s="54">
        <v>1</v>
      </c>
    </row>
    <row r="65" spans="1:13">
      <c r="A65" s="24" t="s">
        <v>72</v>
      </c>
      <c r="B65" s="25">
        <v>-2</v>
      </c>
      <c r="C65" s="26">
        <v>-2</v>
      </c>
      <c r="D65" s="26">
        <v>0</v>
      </c>
      <c r="E65" s="25">
        <v>1</v>
      </c>
      <c r="F65" s="26">
        <v>1</v>
      </c>
      <c r="G65" s="27">
        <v>0</v>
      </c>
      <c r="H65" s="26">
        <v>1</v>
      </c>
      <c r="I65" s="26">
        <v>0</v>
      </c>
      <c r="J65" s="26">
        <v>1</v>
      </c>
      <c r="K65" s="25">
        <v>2</v>
      </c>
      <c r="L65" s="55">
        <v>1</v>
      </c>
      <c r="M65" s="56">
        <v>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6</v>
      </c>
      <c r="C69" s="58">
        <v>7</v>
      </c>
      <c r="D69" s="59">
        <v>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6</v>
      </c>
      <c r="C70" s="61">
        <v>7</v>
      </c>
      <c r="D70" s="62">
        <v>9</v>
      </c>
    </row>
    <row r="71" spans="1:13">
      <c r="A71" s="24" t="s">
        <v>14</v>
      </c>
      <c r="B71" s="63">
        <v>16</v>
      </c>
      <c r="C71" s="64">
        <v>7</v>
      </c>
      <c r="D71" s="65">
        <v>9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1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5</v>
      </c>
      <c r="C77" s="18">
        <v>-2</v>
      </c>
      <c r="D77" s="18">
        <v>-3</v>
      </c>
      <c r="E77" s="17">
        <v>2</v>
      </c>
      <c r="F77" s="18">
        <v>1</v>
      </c>
      <c r="G77" s="19">
        <v>1</v>
      </c>
      <c r="H77" s="18">
        <v>2</v>
      </c>
      <c r="I77" s="18">
        <v>1</v>
      </c>
      <c r="J77" s="18">
        <v>1</v>
      </c>
      <c r="K77" s="17">
        <v>5</v>
      </c>
      <c r="L77" s="51">
        <v>2</v>
      </c>
      <c r="M77" s="52">
        <v>3</v>
      </c>
    </row>
    <row r="78" spans="1:13">
      <c r="A78" s="40" t="s">
        <v>81</v>
      </c>
      <c r="B78" s="21">
        <v>-2</v>
      </c>
      <c r="C78" s="22">
        <v>-1</v>
      </c>
      <c r="D78" s="22">
        <v>-1</v>
      </c>
      <c r="E78" s="21">
        <v>1</v>
      </c>
      <c r="F78" s="22">
        <v>0</v>
      </c>
      <c r="G78" s="23">
        <v>1</v>
      </c>
      <c r="H78" s="22">
        <v>0</v>
      </c>
      <c r="I78" s="22">
        <v>0</v>
      </c>
      <c r="J78" s="22">
        <v>0</v>
      </c>
      <c r="K78" s="21">
        <v>1</v>
      </c>
      <c r="L78" s="53">
        <v>1</v>
      </c>
      <c r="M78" s="54">
        <v>0</v>
      </c>
    </row>
    <row r="79" spans="1:13">
      <c r="A79" s="40" t="s">
        <v>82</v>
      </c>
      <c r="B79" s="21">
        <v>0</v>
      </c>
      <c r="C79" s="22">
        <v>1</v>
      </c>
      <c r="D79" s="22">
        <v>-1</v>
      </c>
      <c r="E79" s="21">
        <v>0</v>
      </c>
      <c r="F79" s="22">
        <v>0</v>
      </c>
      <c r="G79" s="23">
        <v>0</v>
      </c>
      <c r="H79" s="22">
        <v>2</v>
      </c>
      <c r="I79" s="22">
        <v>1</v>
      </c>
      <c r="J79" s="22">
        <v>1</v>
      </c>
      <c r="K79" s="21">
        <v>2</v>
      </c>
      <c r="L79" s="53">
        <v>0</v>
      </c>
      <c r="M79" s="54">
        <v>2</v>
      </c>
    </row>
    <row r="80" spans="1:13">
      <c r="A80" s="40" t="s">
        <v>83</v>
      </c>
      <c r="B80" s="21">
        <v>-1</v>
      </c>
      <c r="C80" s="22">
        <v>0</v>
      </c>
      <c r="D80" s="22">
        <v>-1</v>
      </c>
      <c r="E80" s="21">
        <v>0</v>
      </c>
      <c r="F80" s="22">
        <v>0</v>
      </c>
      <c r="G80" s="23">
        <v>0</v>
      </c>
      <c r="H80" s="22">
        <v>0</v>
      </c>
      <c r="I80" s="22">
        <v>0</v>
      </c>
      <c r="J80" s="22">
        <v>0</v>
      </c>
      <c r="K80" s="21">
        <v>1</v>
      </c>
      <c r="L80" s="53">
        <v>0</v>
      </c>
      <c r="M80" s="54">
        <v>1</v>
      </c>
    </row>
    <row r="81" spans="1:13">
      <c r="A81" s="40" t="s">
        <v>84</v>
      </c>
      <c r="B81" s="21">
        <v>0</v>
      </c>
      <c r="C81" s="22">
        <v>0</v>
      </c>
      <c r="D81" s="22">
        <v>0</v>
      </c>
      <c r="E81" s="21">
        <v>0</v>
      </c>
      <c r="F81" s="22">
        <v>0</v>
      </c>
      <c r="G81" s="23">
        <v>0</v>
      </c>
      <c r="H81" s="22">
        <v>0</v>
      </c>
      <c r="I81" s="22">
        <v>0</v>
      </c>
      <c r="J81" s="22">
        <v>0</v>
      </c>
      <c r="K81" s="21">
        <v>0</v>
      </c>
      <c r="L81" s="53">
        <v>0</v>
      </c>
      <c r="M81" s="54">
        <v>0</v>
      </c>
    </row>
    <row r="82" spans="1:13">
      <c r="A82" s="40" t="s">
        <v>85</v>
      </c>
      <c r="B82" s="21">
        <v>-2</v>
      </c>
      <c r="C82" s="22">
        <v>-2</v>
      </c>
      <c r="D82" s="22">
        <v>0</v>
      </c>
      <c r="E82" s="21">
        <v>1</v>
      </c>
      <c r="F82" s="22">
        <v>1</v>
      </c>
      <c r="G82" s="23">
        <v>0</v>
      </c>
      <c r="H82" s="22">
        <v>0</v>
      </c>
      <c r="I82" s="22">
        <v>0</v>
      </c>
      <c r="J82" s="22">
        <v>0</v>
      </c>
      <c r="K82" s="21">
        <v>1</v>
      </c>
      <c r="L82" s="53">
        <v>1</v>
      </c>
      <c r="M82" s="54">
        <v>0</v>
      </c>
    </row>
    <row r="83" spans="1:13" ht="19.5" customHeight="1">
      <c r="A83" s="34" t="s">
        <v>86</v>
      </c>
      <c r="B83" s="17">
        <v>0</v>
      </c>
      <c r="C83" s="18">
        <v>0</v>
      </c>
      <c r="D83" s="18">
        <v>0</v>
      </c>
      <c r="E83" s="17">
        <v>0</v>
      </c>
      <c r="F83" s="18">
        <v>0</v>
      </c>
      <c r="G83" s="19">
        <v>0</v>
      </c>
      <c r="H83" s="18">
        <v>1</v>
      </c>
      <c r="I83" s="18">
        <v>0</v>
      </c>
      <c r="J83" s="18">
        <v>1</v>
      </c>
      <c r="K83" s="17">
        <v>1</v>
      </c>
      <c r="L83" s="51">
        <v>0</v>
      </c>
      <c r="M83" s="52">
        <v>1</v>
      </c>
    </row>
    <row r="84" spans="1:13">
      <c r="A84" s="40" t="s">
        <v>87</v>
      </c>
      <c r="B84" s="21">
        <v>0</v>
      </c>
      <c r="C84" s="22">
        <v>0</v>
      </c>
      <c r="D84" s="22">
        <v>0</v>
      </c>
      <c r="E84" s="21">
        <v>0</v>
      </c>
      <c r="F84" s="22">
        <v>0</v>
      </c>
      <c r="G84" s="23">
        <v>0</v>
      </c>
      <c r="H84" s="22">
        <v>0</v>
      </c>
      <c r="I84" s="22">
        <v>0</v>
      </c>
      <c r="J84" s="22">
        <v>0</v>
      </c>
      <c r="K84" s="21">
        <v>0</v>
      </c>
      <c r="L84" s="53">
        <v>0</v>
      </c>
      <c r="M84" s="54">
        <v>0</v>
      </c>
    </row>
    <row r="85" spans="1:13">
      <c r="A85" s="40" t="s">
        <v>88</v>
      </c>
      <c r="B85" s="21">
        <v>0</v>
      </c>
      <c r="C85" s="22">
        <v>0</v>
      </c>
      <c r="D85" s="22">
        <v>0</v>
      </c>
      <c r="E85" s="21">
        <v>0</v>
      </c>
      <c r="F85" s="22">
        <v>0</v>
      </c>
      <c r="G85" s="23">
        <v>0</v>
      </c>
      <c r="H85" s="22">
        <v>0</v>
      </c>
      <c r="I85" s="22">
        <v>0</v>
      </c>
      <c r="J85" s="22">
        <v>0</v>
      </c>
      <c r="K85" s="21">
        <v>0</v>
      </c>
      <c r="L85" s="53">
        <v>0</v>
      </c>
      <c r="M85" s="54">
        <v>0</v>
      </c>
    </row>
    <row r="86" spans="1:13">
      <c r="A86" s="40" t="s">
        <v>89</v>
      </c>
      <c r="B86" s="21">
        <v>1</v>
      </c>
      <c r="C86" s="22">
        <v>0</v>
      </c>
      <c r="D86" s="22">
        <v>1</v>
      </c>
      <c r="E86" s="21">
        <v>0</v>
      </c>
      <c r="F86" s="22">
        <v>0</v>
      </c>
      <c r="G86" s="23">
        <v>0</v>
      </c>
      <c r="H86" s="22">
        <v>1</v>
      </c>
      <c r="I86" s="22">
        <v>0</v>
      </c>
      <c r="J86" s="22">
        <v>1</v>
      </c>
      <c r="K86" s="21">
        <v>0</v>
      </c>
      <c r="L86" s="53">
        <v>0</v>
      </c>
      <c r="M86" s="54">
        <v>0</v>
      </c>
    </row>
    <row r="87" spans="1:13">
      <c r="A87" s="40" t="s">
        <v>90</v>
      </c>
      <c r="B87" s="21">
        <v>0</v>
      </c>
      <c r="C87" s="22">
        <v>0</v>
      </c>
      <c r="D87" s="22">
        <v>0</v>
      </c>
      <c r="E87" s="21">
        <v>0</v>
      </c>
      <c r="F87" s="22">
        <v>0</v>
      </c>
      <c r="G87" s="23">
        <v>0</v>
      </c>
      <c r="H87" s="22">
        <v>0</v>
      </c>
      <c r="I87" s="22">
        <v>0</v>
      </c>
      <c r="J87" s="22">
        <v>0</v>
      </c>
      <c r="K87" s="21">
        <v>0</v>
      </c>
      <c r="L87" s="53">
        <v>0</v>
      </c>
      <c r="M87" s="54">
        <v>0</v>
      </c>
    </row>
    <row r="88" spans="1:13">
      <c r="A88" s="40" t="s">
        <v>91</v>
      </c>
      <c r="B88" s="21">
        <v>-1</v>
      </c>
      <c r="C88" s="22">
        <v>0</v>
      </c>
      <c r="D88" s="22">
        <v>-1</v>
      </c>
      <c r="E88" s="21">
        <v>0</v>
      </c>
      <c r="F88" s="22">
        <v>0</v>
      </c>
      <c r="G88" s="23">
        <v>0</v>
      </c>
      <c r="H88" s="22">
        <v>0</v>
      </c>
      <c r="I88" s="22">
        <v>0</v>
      </c>
      <c r="J88" s="22">
        <v>0</v>
      </c>
      <c r="K88" s="21">
        <v>1</v>
      </c>
      <c r="L88" s="53">
        <v>0</v>
      </c>
      <c r="M88" s="54">
        <v>1</v>
      </c>
    </row>
    <row r="89" spans="1:13" ht="19.5" customHeight="1">
      <c r="A89" s="34" t="s">
        <v>92</v>
      </c>
      <c r="B89" s="17">
        <v>-1</v>
      </c>
      <c r="C89" s="18">
        <v>-1</v>
      </c>
      <c r="D89" s="18">
        <v>0</v>
      </c>
      <c r="E89" s="17">
        <v>1</v>
      </c>
      <c r="F89" s="18">
        <v>0</v>
      </c>
      <c r="G89" s="19">
        <v>1</v>
      </c>
      <c r="H89" s="18">
        <v>1</v>
      </c>
      <c r="I89" s="18">
        <v>0</v>
      </c>
      <c r="J89" s="18">
        <v>1</v>
      </c>
      <c r="K89" s="17">
        <v>1</v>
      </c>
      <c r="L89" s="51">
        <v>1</v>
      </c>
      <c r="M89" s="52">
        <v>0</v>
      </c>
    </row>
    <row r="90" spans="1:13">
      <c r="A90" s="40" t="s">
        <v>93</v>
      </c>
      <c r="B90" s="21">
        <v>1</v>
      </c>
      <c r="C90" s="22">
        <v>0</v>
      </c>
      <c r="D90" s="22">
        <v>1</v>
      </c>
      <c r="E90" s="21">
        <v>0</v>
      </c>
      <c r="F90" s="22">
        <v>0</v>
      </c>
      <c r="G90" s="23">
        <v>0</v>
      </c>
      <c r="H90" s="22">
        <v>1</v>
      </c>
      <c r="I90" s="22">
        <v>0</v>
      </c>
      <c r="J90" s="22">
        <v>1</v>
      </c>
      <c r="K90" s="21">
        <v>0</v>
      </c>
      <c r="L90" s="53">
        <v>0</v>
      </c>
      <c r="M90" s="54">
        <v>0</v>
      </c>
    </row>
    <row r="91" spans="1:13">
      <c r="A91" s="40" t="s">
        <v>94</v>
      </c>
      <c r="B91" s="21">
        <v>0</v>
      </c>
      <c r="C91" s="22">
        <v>0</v>
      </c>
      <c r="D91" s="22">
        <v>0</v>
      </c>
      <c r="E91" s="21">
        <v>0</v>
      </c>
      <c r="F91" s="22">
        <v>0</v>
      </c>
      <c r="G91" s="23">
        <v>0</v>
      </c>
      <c r="H91" s="22">
        <v>0</v>
      </c>
      <c r="I91" s="22">
        <v>0</v>
      </c>
      <c r="J91" s="22">
        <v>0</v>
      </c>
      <c r="K91" s="21">
        <v>0</v>
      </c>
      <c r="L91" s="53">
        <v>0</v>
      </c>
      <c r="M91" s="54">
        <v>0</v>
      </c>
    </row>
    <row r="92" spans="1:13">
      <c r="A92" s="40" t="s">
        <v>95</v>
      </c>
      <c r="B92" s="21">
        <v>0</v>
      </c>
      <c r="C92" s="22">
        <v>0</v>
      </c>
      <c r="D92" s="22">
        <v>0</v>
      </c>
      <c r="E92" s="21">
        <v>0</v>
      </c>
      <c r="F92" s="22">
        <v>0</v>
      </c>
      <c r="G92" s="23">
        <v>0</v>
      </c>
      <c r="H92" s="22">
        <v>0</v>
      </c>
      <c r="I92" s="22">
        <v>0</v>
      </c>
      <c r="J92" s="22">
        <v>0</v>
      </c>
      <c r="K92" s="21">
        <v>0</v>
      </c>
      <c r="L92" s="53">
        <v>0</v>
      </c>
      <c r="M92" s="54">
        <v>0</v>
      </c>
    </row>
    <row r="93" spans="1:13">
      <c r="A93" s="40" t="s">
        <v>96</v>
      </c>
      <c r="B93" s="21">
        <v>0</v>
      </c>
      <c r="C93" s="22">
        <v>0</v>
      </c>
      <c r="D93" s="22">
        <v>0</v>
      </c>
      <c r="E93" s="21">
        <v>0</v>
      </c>
      <c r="F93" s="22">
        <v>0</v>
      </c>
      <c r="G93" s="23">
        <v>0</v>
      </c>
      <c r="H93" s="22">
        <v>0</v>
      </c>
      <c r="I93" s="22">
        <v>0</v>
      </c>
      <c r="J93" s="22">
        <v>0</v>
      </c>
      <c r="K93" s="21">
        <v>0</v>
      </c>
      <c r="L93" s="53">
        <v>0</v>
      </c>
      <c r="M93" s="54">
        <v>0</v>
      </c>
    </row>
    <row r="94" spans="1:13">
      <c r="A94" s="40" t="s">
        <v>97</v>
      </c>
      <c r="B94" s="21">
        <v>-2</v>
      </c>
      <c r="C94" s="22">
        <v>-1</v>
      </c>
      <c r="D94" s="22">
        <v>-1</v>
      </c>
      <c r="E94" s="21">
        <v>1</v>
      </c>
      <c r="F94" s="22">
        <v>0</v>
      </c>
      <c r="G94" s="23">
        <v>1</v>
      </c>
      <c r="H94" s="22">
        <v>0</v>
      </c>
      <c r="I94" s="22">
        <v>0</v>
      </c>
      <c r="J94" s="22">
        <v>0</v>
      </c>
      <c r="K94" s="21">
        <v>1</v>
      </c>
      <c r="L94" s="53">
        <v>1</v>
      </c>
      <c r="M94" s="54">
        <v>0</v>
      </c>
    </row>
    <row r="95" spans="1:13" ht="19.5" customHeight="1">
      <c r="A95" s="34" t="s">
        <v>98</v>
      </c>
      <c r="B95" s="17">
        <v>-3</v>
      </c>
      <c r="C95" s="18">
        <v>-1</v>
      </c>
      <c r="D95" s="18">
        <v>-2</v>
      </c>
      <c r="E95" s="17">
        <v>1</v>
      </c>
      <c r="F95" s="18">
        <v>0</v>
      </c>
      <c r="G95" s="19">
        <v>1</v>
      </c>
      <c r="H95" s="18">
        <v>1</v>
      </c>
      <c r="I95" s="18">
        <v>0</v>
      </c>
      <c r="J95" s="18">
        <v>1</v>
      </c>
      <c r="K95" s="17">
        <v>3</v>
      </c>
      <c r="L95" s="51">
        <v>1</v>
      </c>
      <c r="M95" s="52">
        <v>2</v>
      </c>
    </row>
    <row r="96" spans="1:13">
      <c r="A96" s="40" t="s">
        <v>99</v>
      </c>
      <c r="B96" s="21">
        <v>0</v>
      </c>
      <c r="C96" s="22">
        <v>0</v>
      </c>
      <c r="D96" s="22">
        <v>0</v>
      </c>
      <c r="E96" s="21">
        <v>0</v>
      </c>
      <c r="F96" s="22">
        <v>0</v>
      </c>
      <c r="G96" s="23">
        <v>0</v>
      </c>
      <c r="H96" s="22">
        <v>0</v>
      </c>
      <c r="I96" s="22">
        <v>0</v>
      </c>
      <c r="J96" s="22">
        <v>0</v>
      </c>
      <c r="K96" s="21">
        <v>0</v>
      </c>
      <c r="L96" s="53">
        <v>0</v>
      </c>
      <c r="M96" s="54">
        <v>0</v>
      </c>
    </row>
    <row r="97" spans="1:13">
      <c r="A97" s="40" t="s">
        <v>100</v>
      </c>
      <c r="B97" s="21">
        <v>-3</v>
      </c>
      <c r="C97" s="22">
        <v>-1</v>
      </c>
      <c r="D97" s="22">
        <v>-2</v>
      </c>
      <c r="E97" s="21">
        <v>0</v>
      </c>
      <c r="F97" s="22">
        <v>0</v>
      </c>
      <c r="G97" s="23">
        <v>0</v>
      </c>
      <c r="H97" s="22">
        <v>0</v>
      </c>
      <c r="I97" s="22">
        <v>0</v>
      </c>
      <c r="J97" s="22">
        <v>0</v>
      </c>
      <c r="K97" s="21">
        <v>3</v>
      </c>
      <c r="L97" s="53">
        <v>1</v>
      </c>
      <c r="M97" s="54">
        <v>2</v>
      </c>
    </row>
    <row r="98" spans="1:13">
      <c r="A98" s="40" t="s">
        <v>101</v>
      </c>
      <c r="B98" s="21">
        <v>0</v>
      </c>
      <c r="C98" s="22">
        <v>0</v>
      </c>
      <c r="D98" s="22">
        <v>0</v>
      </c>
      <c r="E98" s="21">
        <v>0</v>
      </c>
      <c r="F98" s="22">
        <v>0</v>
      </c>
      <c r="G98" s="23">
        <v>0</v>
      </c>
      <c r="H98" s="22">
        <v>0</v>
      </c>
      <c r="I98" s="22">
        <v>0</v>
      </c>
      <c r="J98" s="22">
        <v>0</v>
      </c>
      <c r="K98" s="21">
        <v>0</v>
      </c>
      <c r="L98" s="53">
        <v>0</v>
      </c>
      <c r="M98" s="54">
        <v>0</v>
      </c>
    </row>
    <row r="99" spans="1:13">
      <c r="A99" s="40" t="s">
        <v>102</v>
      </c>
      <c r="B99" s="21">
        <v>-1</v>
      </c>
      <c r="C99" s="22">
        <v>0</v>
      </c>
      <c r="D99" s="22">
        <v>-1</v>
      </c>
      <c r="E99" s="21">
        <v>1</v>
      </c>
      <c r="F99" s="22">
        <v>0</v>
      </c>
      <c r="G99" s="23">
        <v>1</v>
      </c>
      <c r="H99" s="22">
        <v>0</v>
      </c>
      <c r="I99" s="22">
        <v>0</v>
      </c>
      <c r="J99" s="22">
        <v>0</v>
      </c>
      <c r="K99" s="21">
        <v>0</v>
      </c>
      <c r="L99" s="53">
        <v>0</v>
      </c>
      <c r="M99" s="54">
        <v>0</v>
      </c>
    </row>
    <row r="100" spans="1:13">
      <c r="A100" s="40" t="s">
        <v>103</v>
      </c>
      <c r="B100" s="21">
        <v>1</v>
      </c>
      <c r="C100" s="22">
        <v>0</v>
      </c>
      <c r="D100" s="22">
        <v>1</v>
      </c>
      <c r="E100" s="21">
        <v>0</v>
      </c>
      <c r="F100" s="22">
        <v>0</v>
      </c>
      <c r="G100" s="23">
        <v>0</v>
      </c>
      <c r="H100" s="22">
        <v>1</v>
      </c>
      <c r="I100" s="22">
        <v>0</v>
      </c>
      <c r="J100" s="22">
        <v>1</v>
      </c>
      <c r="K100" s="21">
        <v>0</v>
      </c>
      <c r="L100" s="53">
        <v>0</v>
      </c>
      <c r="M100" s="54">
        <v>0</v>
      </c>
    </row>
    <row r="101" spans="1:13" ht="19.5" customHeight="1">
      <c r="A101" s="34" t="s">
        <v>104</v>
      </c>
      <c r="B101" s="17">
        <v>-9</v>
      </c>
      <c r="C101" s="18">
        <v>-6</v>
      </c>
      <c r="D101" s="18">
        <v>-3</v>
      </c>
      <c r="E101" s="17">
        <v>9</v>
      </c>
      <c r="F101" s="18">
        <v>6</v>
      </c>
      <c r="G101" s="19">
        <v>3</v>
      </c>
      <c r="H101" s="18">
        <v>2</v>
      </c>
      <c r="I101" s="18">
        <v>1</v>
      </c>
      <c r="J101" s="18">
        <v>1</v>
      </c>
      <c r="K101" s="17">
        <v>2</v>
      </c>
      <c r="L101" s="51">
        <v>1</v>
      </c>
      <c r="M101" s="52">
        <v>1</v>
      </c>
    </row>
    <row r="102" spans="1:13">
      <c r="A102" s="40" t="s">
        <v>105</v>
      </c>
      <c r="B102" s="21">
        <v>-2</v>
      </c>
      <c r="C102" s="22">
        <v>0</v>
      </c>
      <c r="D102" s="22">
        <v>-2</v>
      </c>
      <c r="E102" s="21">
        <v>1</v>
      </c>
      <c r="F102" s="22">
        <v>0</v>
      </c>
      <c r="G102" s="23">
        <v>1</v>
      </c>
      <c r="H102" s="22">
        <v>1</v>
      </c>
      <c r="I102" s="22">
        <v>1</v>
      </c>
      <c r="J102" s="22">
        <v>0</v>
      </c>
      <c r="K102" s="21">
        <v>2</v>
      </c>
      <c r="L102" s="53">
        <v>1</v>
      </c>
      <c r="M102" s="54">
        <v>1</v>
      </c>
    </row>
    <row r="103" spans="1:13">
      <c r="A103" s="40" t="s">
        <v>106</v>
      </c>
      <c r="B103" s="21">
        <v>-3</v>
      </c>
      <c r="C103" s="22">
        <v>-3</v>
      </c>
      <c r="D103" s="22">
        <v>0</v>
      </c>
      <c r="E103" s="21">
        <v>3</v>
      </c>
      <c r="F103" s="22">
        <v>3</v>
      </c>
      <c r="G103" s="23">
        <v>0</v>
      </c>
      <c r="H103" s="22">
        <v>0</v>
      </c>
      <c r="I103" s="22">
        <v>0</v>
      </c>
      <c r="J103" s="22">
        <v>0</v>
      </c>
      <c r="K103" s="21">
        <v>0</v>
      </c>
      <c r="L103" s="53">
        <v>0</v>
      </c>
      <c r="M103" s="54">
        <v>0</v>
      </c>
    </row>
    <row r="104" spans="1:13">
      <c r="A104" s="40" t="s">
        <v>107</v>
      </c>
      <c r="B104" s="21">
        <v>-1</v>
      </c>
      <c r="C104" s="22">
        <v>0</v>
      </c>
      <c r="D104" s="22">
        <v>-1</v>
      </c>
      <c r="E104" s="21">
        <v>2</v>
      </c>
      <c r="F104" s="22">
        <v>0</v>
      </c>
      <c r="G104" s="23">
        <v>2</v>
      </c>
      <c r="H104" s="22">
        <v>1</v>
      </c>
      <c r="I104" s="22">
        <v>0</v>
      </c>
      <c r="J104" s="22">
        <v>1</v>
      </c>
      <c r="K104" s="21">
        <v>0</v>
      </c>
      <c r="L104" s="53">
        <v>0</v>
      </c>
      <c r="M104" s="54">
        <v>0</v>
      </c>
    </row>
    <row r="105" spans="1:13">
      <c r="A105" s="40" t="s">
        <v>108</v>
      </c>
      <c r="B105" s="21">
        <v>-1</v>
      </c>
      <c r="C105" s="22">
        <v>-1</v>
      </c>
      <c r="D105" s="22">
        <v>0</v>
      </c>
      <c r="E105" s="21">
        <v>1</v>
      </c>
      <c r="F105" s="22">
        <v>1</v>
      </c>
      <c r="G105" s="23">
        <v>0</v>
      </c>
      <c r="H105" s="22">
        <v>0</v>
      </c>
      <c r="I105" s="22">
        <v>0</v>
      </c>
      <c r="J105" s="22">
        <v>0</v>
      </c>
      <c r="K105" s="21">
        <v>0</v>
      </c>
      <c r="L105" s="53">
        <v>0</v>
      </c>
      <c r="M105" s="54">
        <v>0</v>
      </c>
    </row>
    <row r="106" spans="1:13">
      <c r="A106" s="40" t="s">
        <v>109</v>
      </c>
      <c r="B106" s="21">
        <v>-2</v>
      </c>
      <c r="C106" s="22">
        <v>-2</v>
      </c>
      <c r="D106" s="22">
        <v>0</v>
      </c>
      <c r="E106" s="21">
        <v>2</v>
      </c>
      <c r="F106" s="22">
        <v>2</v>
      </c>
      <c r="G106" s="23">
        <v>0</v>
      </c>
      <c r="H106" s="22">
        <v>0</v>
      </c>
      <c r="I106" s="22">
        <v>0</v>
      </c>
      <c r="J106" s="22">
        <v>0</v>
      </c>
      <c r="K106" s="21">
        <v>0</v>
      </c>
      <c r="L106" s="53">
        <v>0</v>
      </c>
      <c r="M106" s="54">
        <v>0</v>
      </c>
    </row>
    <row r="107" spans="1:13" ht="19.5" customHeight="1">
      <c r="A107" s="34" t="s">
        <v>110</v>
      </c>
      <c r="B107" s="17">
        <v>-10</v>
      </c>
      <c r="C107" s="18">
        <v>-5</v>
      </c>
      <c r="D107" s="18">
        <v>-5</v>
      </c>
      <c r="E107" s="17">
        <v>8</v>
      </c>
      <c r="F107" s="18">
        <v>4</v>
      </c>
      <c r="G107" s="19">
        <v>4</v>
      </c>
      <c r="H107" s="18">
        <v>0</v>
      </c>
      <c r="I107" s="18">
        <v>0</v>
      </c>
      <c r="J107" s="18">
        <v>0</v>
      </c>
      <c r="K107" s="17">
        <v>2</v>
      </c>
      <c r="L107" s="51">
        <v>1</v>
      </c>
      <c r="M107" s="52">
        <v>1</v>
      </c>
    </row>
    <row r="108" spans="1:13">
      <c r="A108" s="40" t="s">
        <v>111</v>
      </c>
      <c r="B108" s="21">
        <v>-2</v>
      </c>
      <c r="C108" s="22">
        <v>0</v>
      </c>
      <c r="D108" s="22">
        <v>-2</v>
      </c>
      <c r="E108" s="21">
        <v>1</v>
      </c>
      <c r="F108" s="22">
        <v>0</v>
      </c>
      <c r="G108" s="23">
        <v>1</v>
      </c>
      <c r="H108" s="22">
        <v>0</v>
      </c>
      <c r="I108" s="22">
        <v>0</v>
      </c>
      <c r="J108" s="22">
        <v>0</v>
      </c>
      <c r="K108" s="21">
        <v>1</v>
      </c>
      <c r="L108" s="53">
        <v>0</v>
      </c>
      <c r="M108" s="54">
        <v>1</v>
      </c>
    </row>
    <row r="109" spans="1:13">
      <c r="A109" s="40" t="s">
        <v>112</v>
      </c>
      <c r="B109" s="21">
        <v>-1</v>
      </c>
      <c r="C109" s="22">
        <v>-1</v>
      </c>
      <c r="D109" s="22">
        <v>0</v>
      </c>
      <c r="E109" s="21">
        <v>1</v>
      </c>
      <c r="F109" s="22">
        <v>1</v>
      </c>
      <c r="G109" s="23">
        <v>0</v>
      </c>
      <c r="H109" s="22">
        <v>0</v>
      </c>
      <c r="I109" s="22">
        <v>0</v>
      </c>
      <c r="J109" s="22">
        <v>0</v>
      </c>
      <c r="K109" s="21">
        <v>0</v>
      </c>
      <c r="L109" s="53">
        <v>0</v>
      </c>
      <c r="M109" s="54">
        <v>0</v>
      </c>
    </row>
    <row r="110" spans="1:13">
      <c r="A110" s="40" t="s">
        <v>113</v>
      </c>
      <c r="B110" s="21">
        <v>-5</v>
      </c>
      <c r="C110" s="22">
        <v>-3</v>
      </c>
      <c r="D110" s="22">
        <v>-2</v>
      </c>
      <c r="E110" s="21">
        <v>5</v>
      </c>
      <c r="F110" s="22">
        <v>3</v>
      </c>
      <c r="G110" s="23">
        <v>2</v>
      </c>
      <c r="H110" s="22">
        <v>0</v>
      </c>
      <c r="I110" s="22">
        <v>0</v>
      </c>
      <c r="J110" s="22">
        <v>0</v>
      </c>
      <c r="K110" s="21">
        <v>0</v>
      </c>
      <c r="L110" s="53">
        <v>0</v>
      </c>
      <c r="M110" s="54">
        <v>0</v>
      </c>
    </row>
    <row r="111" spans="1:13">
      <c r="A111" s="40" t="s">
        <v>114</v>
      </c>
      <c r="B111" s="21">
        <v>-1</v>
      </c>
      <c r="C111" s="22">
        <v>-1</v>
      </c>
      <c r="D111" s="22">
        <v>0</v>
      </c>
      <c r="E111" s="21">
        <v>0</v>
      </c>
      <c r="F111" s="22">
        <v>0</v>
      </c>
      <c r="G111" s="23">
        <v>0</v>
      </c>
      <c r="H111" s="22">
        <v>0</v>
      </c>
      <c r="I111" s="22">
        <v>0</v>
      </c>
      <c r="J111" s="22">
        <v>0</v>
      </c>
      <c r="K111" s="21">
        <v>1</v>
      </c>
      <c r="L111" s="53">
        <v>1</v>
      </c>
      <c r="M111" s="54">
        <v>0</v>
      </c>
    </row>
    <row r="112" spans="1:13">
      <c r="A112" s="40" t="s">
        <v>115</v>
      </c>
      <c r="B112" s="21">
        <v>-1</v>
      </c>
      <c r="C112" s="22">
        <v>0</v>
      </c>
      <c r="D112" s="22">
        <v>-1</v>
      </c>
      <c r="E112" s="21">
        <v>1</v>
      </c>
      <c r="F112" s="22">
        <v>0</v>
      </c>
      <c r="G112" s="23">
        <v>1</v>
      </c>
      <c r="H112" s="22">
        <v>0</v>
      </c>
      <c r="I112" s="22">
        <v>0</v>
      </c>
      <c r="J112" s="22">
        <v>0</v>
      </c>
      <c r="K112" s="21">
        <v>0</v>
      </c>
      <c r="L112" s="53">
        <v>0</v>
      </c>
      <c r="M112" s="54">
        <v>0</v>
      </c>
    </row>
    <row r="113" spans="1:13" ht="19.5" customHeight="1">
      <c r="A113" s="34" t="s">
        <v>116</v>
      </c>
      <c r="B113" s="17">
        <v>-8</v>
      </c>
      <c r="C113" s="18">
        <v>-3</v>
      </c>
      <c r="D113" s="18">
        <v>-5</v>
      </c>
      <c r="E113" s="17">
        <v>4</v>
      </c>
      <c r="F113" s="18">
        <v>2</v>
      </c>
      <c r="G113" s="19">
        <v>2</v>
      </c>
      <c r="H113" s="18">
        <v>0</v>
      </c>
      <c r="I113" s="18">
        <v>0</v>
      </c>
      <c r="J113" s="18">
        <v>0</v>
      </c>
      <c r="K113" s="17">
        <v>4</v>
      </c>
      <c r="L113" s="51">
        <v>1</v>
      </c>
      <c r="M113" s="52">
        <v>3</v>
      </c>
    </row>
    <row r="114" spans="1:13">
      <c r="A114" s="40" t="s">
        <v>117</v>
      </c>
      <c r="B114" s="21">
        <v>-1</v>
      </c>
      <c r="C114" s="22">
        <v>0</v>
      </c>
      <c r="D114" s="22">
        <v>-1</v>
      </c>
      <c r="E114" s="21">
        <v>0</v>
      </c>
      <c r="F114" s="22">
        <v>0</v>
      </c>
      <c r="G114" s="23">
        <v>0</v>
      </c>
      <c r="H114" s="22">
        <v>0</v>
      </c>
      <c r="I114" s="22">
        <v>0</v>
      </c>
      <c r="J114" s="22">
        <v>0</v>
      </c>
      <c r="K114" s="21">
        <v>1</v>
      </c>
      <c r="L114" s="53">
        <v>0</v>
      </c>
      <c r="M114" s="54">
        <v>1</v>
      </c>
    </row>
    <row r="115" spans="1:13">
      <c r="A115" s="40" t="s">
        <v>118</v>
      </c>
      <c r="B115" s="21">
        <v>-2</v>
      </c>
      <c r="C115" s="22">
        <v>-1</v>
      </c>
      <c r="D115" s="22">
        <v>-1</v>
      </c>
      <c r="E115" s="21">
        <v>0</v>
      </c>
      <c r="F115" s="22">
        <v>0</v>
      </c>
      <c r="G115" s="23">
        <v>0</v>
      </c>
      <c r="H115" s="22">
        <v>0</v>
      </c>
      <c r="I115" s="22">
        <v>0</v>
      </c>
      <c r="J115" s="22">
        <v>0</v>
      </c>
      <c r="K115" s="21">
        <v>2</v>
      </c>
      <c r="L115" s="53">
        <v>1</v>
      </c>
      <c r="M115" s="54">
        <v>1</v>
      </c>
    </row>
    <row r="116" spans="1:13">
      <c r="A116" s="40" t="s">
        <v>119</v>
      </c>
      <c r="B116" s="21">
        <v>0</v>
      </c>
      <c r="C116" s="22">
        <v>0</v>
      </c>
      <c r="D116" s="22">
        <v>0</v>
      </c>
      <c r="E116" s="21">
        <v>0</v>
      </c>
      <c r="F116" s="22">
        <v>0</v>
      </c>
      <c r="G116" s="23">
        <v>0</v>
      </c>
      <c r="H116" s="22">
        <v>0</v>
      </c>
      <c r="I116" s="22">
        <v>0</v>
      </c>
      <c r="J116" s="22">
        <v>0</v>
      </c>
      <c r="K116" s="21">
        <v>0</v>
      </c>
      <c r="L116" s="53">
        <v>0</v>
      </c>
      <c r="M116" s="54">
        <v>0</v>
      </c>
    </row>
    <row r="117" spans="1:13">
      <c r="A117" s="40" t="s">
        <v>120</v>
      </c>
      <c r="B117" s="21">
        <v>-2</v>
      </c>
      <c r="C117" s="22">
        <v>-1</v>
      </c>
      <c r="D117" s="22">
        <v>-1</v>
      </c>
      <c r="E117" s="21">
        <v>1</v>
      </c>
      <c r="F117" s="22">
        <v>1</v>
      </c>
      <c r="G117" s="23">
        <v>0</v>
      </c>
      <c r="H117" s="22">
        <v>0</v>
      </c>
      <c r="I117" s="22">
        <v>0</v>
      </c>
      <c r="J117" s="22">
        <v>0</v>
      </c>
      <c r="K117" s="21">
        <v>1</v>
      </c>
      <c r="L117" s="53">
        <v>0</v>
      </c>
      <c r="M117" s="54">
        <v>1</v>
      </c>
    </row>
    <row r="118" spans="1:13">
      <c r="A118" s="40" t="s">
        <v>121</v>
      </c>
      <c r="B118" s="21">
        <v>-3</v>
      </c>
      <c r="C118" s="22">
        <v>-1</v>
      </c>
      <c r="D118" s="22">
        <v>-2</v>
      </c>
      <c r="E118" s="21">
        <v>3</v>
      </c>
      <c r="F118" s="22">
        <v>1</v>
      </c>
      <c r="G118" s="23">
        <v>2</v>
      </c>
      <c r="H118" s="22">
        <v>0</v>
      </c>
      <c r="I118" s="22">
        <v>0</v>
      </c>
      <c r="J118" s="22">
        <v>0</v>
      </c>
      <c r="K118" s="21">
        <v>0</v>
      </c>
      <c r="L118" s="53">
        <v>0</v>
      </c>
      <c r="M118" s="54">
        <v>0</v>
      </c>
    </row>
    <row r="119" spans="1:13" ht="19.5" customHeight="1">
      <c r="A119" s="34" t="s">
        <v>122</v>
      </c>
      <c r="B119" s="17">
        <v>-4</v>
      </c>
      <c r="C119" s="18">
        <v>-1</v>
      </c>
      <c r="D119" s="18">
        <v>-3</v>
      </c>
      <c r="E119" s="17">
        <v>5</v>
      </c>
      <c r="F119" s="18">
        <v>2</v>
      </c>
      <c r="G119" s="19">
        <v>3</v>
      </c>
      <c r="H119" s="18">
        <v>1</v>
      </c>
      <c r="I119" s="18">
        <v>1</v>
      </c>
      <c r="J119" s="18">
        <v>0</v>
      </c>
      <c r="K119" s="17">
        <v>0</v>
      </c>
      <c r="L119" s="51">
        <v>0</v>
      </c>
      <c r="M119" s="52">
        <v>0</v>
      </c>
    </row>
    <row r="120" spans="1:13">
      <c r="A120" s="40" t="s">
        <v>123</v>
      </c>
      <c r="B120" s="21">
        <v>0</v>
      </c>
      <c r="C120" s="22">
        <v>1</v>
      </c>
      <c r="D120" s="22">
        <v>-1</v>
      </c>
      <c r="E120" s="21">
        <v>1</v>
      </c>
      <c r="F120" s="22">
        <v>0</v>
      </c>
      <c r="G120" s="23">
        <v>1</v>
      </c>
      <c r="H120" s="22">
        <v>1</v>
      </c>
      <c r="I120" s="22">
        <v>1</v>
      </c>
      <c r="J120" s="22">
        <v>0</v>
      </c>
      <c r="K120" s="21">
        <v>0</v>
      </c>
      <c r="L120" s="53">
        <v>0</v>
      </c>
      <c r="M120" s="54">
        <v>0</v>
      </c>
    </row>
    <row r="121" spans="1:13">
      <c r="A121" s="40" t="s">
        <v>124</v>
      </c>
      <c r="B121" s="21">
        <v>-2</v>
      </c>
      <c r="C121" s="22">
        <v>-2</v>
      </c>
      <c r="D121" s="22">
        <v>0</v>
      </c>
      <c r="E121" s="21">
        <v>2</v>
      </c>
      <c r="F121" s="22">
        <v>2</v>
      </c>
      <c r="G121" s="23">
        <v>0</v>
      </c>
      <c r="H121" s="22">
        <v>0</v>
      </c>
      <c r="I121" s="22">
        <v>0</v>
      </c>
      <c r="J121" s="22">
        <v>0</v>
      </c>
      <c r="K121" s="21">
        <v>0</v>
      </c>
      <c r="L121" s="53">
        <v>0</v>
      </c>
      <c r="M121" s="54">
        <v>0</v>
      </c>
    </row>
    <row r="122" spans="1:13">
      <c r="A122" s="40" t="s">
        <v>125</v>
      </c>
      <c r="B122" s="21">
        <v>0</v>
      </c>
      <c r="C122" s="22">
        <v>0</v>
      </c>
      <c r="D122" s="22">
        <v>0</v>
      </c>
      <c r="E122" s="21">
        <v>0</v>
      </c>
      <c r="F122" s="22">
        <v>0</v>
      </c>
      <c r="G122" s="23">
        <v>0</v>
      </c>
      <c r="H122" s="22">
        <v>0</v>
      </c>
      <c r="I122" s="22">
        <v>0</v>
      </c>
      <c r="J122" s="22">
        <v>0</v>
      </c>
      <c r="K122" s="21">
        <v>0</v>
      </c>
      <c r="L122" s="53">
        <v>0</v>
      </c>
      <c r="M122" s="54">
        <v>0</v>
      </c>
    </row>
    <row r="123" spans="1:13">
      <c r="A123" s="40" t="s">
        <v>126</v>
      </c>
      <c r="B123" s="21">
        <v>-1</v>
      </c>
      <c r="C123" s="22">
        <v>0</v>
      </c>
      <c r="D123" s="22">
        <v>-1</v>
      </c>
      <c r="E123" s="21">
        <v>1</v>
      </c>
      <c r="F123" s="22">
        <v>0</v>
      </c>
      <c r="G123" s="23">
        <v>1</v>
      </c>
      <c r="H123" s="22">
        <v>0</v>
      </c>
      <c r="I123" s="22">
        <v>0</v>
      </c>
      <c r="J123" s="22">
        <v>0</v>
      </c>
      <c r="K123" s="21">
        <v>0</v>
      </c>
      <c r="L123" s="53">
        <v>0</v>
      </c>
      <c r="M123" s="54">
        <v>0</v>
      </c>
    </row>
    <row r="124" spans="1:13">
      <c r="A124" s="40" t="s">
        <v>127</v>
      </c>
      <c r="B124" s="21">
        <v>-1</v>
      </c>
      <c r="C124" s="22">
        <v>0</v>
      </c>
      <c r="D124" s="22">
        <v>-1</v>
      </c>
      <c r="E124" s="21">
        <v>1</v>
      </c>
      <c r="F124" s="22">
        <v>0</v>
      </c>
      <c r="G124" s="23">
        <v>1</v>
      </c>
      <c r="H124" s="22">
        <v>0</v>
      </c>
      <c r="I124" s="22">
        <v>0</v>
      </c>
      <c r="J124" s="22">
        <v>0</v>
      </c>
      <c r="K124" s="21">
        <v>0</v>
      </c>
      <c r="L124" s="53">
        <v>0</v>
      </c>
      <c r="M124" s="54">
        <v>0</v>
      </c>
    </row>
    <row r="125" spans="1:13" ht="19.5" customHeight="1">
      <c r="A125" s="34" t="s">
        <v>128</v>
      </c>
      <c r="B125" s="17">
        <v>-12</v>
      </c>
      <c r="C125" s="18">
        <v>-6</v>
      </c>
      <c r="D125" s="18">
        <v>-6</v>
      </c>
      <c r="E125" s="17">
        <v>11</v>
      </c>
      <c r="F125" s="18">
        <v>5</v>
      </c>
      <c r="G125" s="19">
        <v>6</v>
      </c>
      <c r="H125" s="18">
        <v>0</v>
      </c>
      <c r="I125" s="18">
        <v>0</v>
      </c>
      <c r="J125" s="18">
        <v>0</v>
      </c>
      <c r="K125" s="17">
        <v>1</v>
      </c>
      <c r="L125" s="51">
        <v>1</v>
      </c>
      <c r="M125" s="52">
        <v>0</v>
      </c>
    </row>
    <row r="126" spans="1:13">
      <c r="A126" s="40" t="s">
        <v>129</v>
      </c>
      <c r="B126" s="21">
        <v>-1</v>
      </c>
      <c r="C126" s="22">
        <v>-1</v>
      </c>
      <c r="D126" s="22">
        <v>0</v>
      </c>
      <c r="E126" s="21">
        <v>1</v>
      </c>
      <c r="F126" s="22">
        <v>1</v>
      </c>
      <c r="G126" s="23">
        <v>0</v>
      </c>
      <c r="H126" s="22">
        <v>0</v>
      </c>
      <c r="I126" s="22">
        <v>0</v>
      </c>
      <c r="J126" s="22">
        <v>0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5</v>
      </c>
      <c r="C127" s="22">
        <v>-2</v>
      </c>
      <c r="D127" s="22">
        <v>-3</v>
      </c>
      <c r="E127" s="21">
        <v>5</v>
      </c>
      <c r="F127" s="22">
        <v>2</v>
      </c>
      <c r="G127" s="23">
        <v>3</v>
      </c>
      <c r="H127" s="22">
        <v>0</v>
      </c>
      <c r="I127" s="22">
        <v>0</v>
      </c>
      <c r="J127" s="22">
        <v>0</v>
      </c>
      <c r="K127" s="21">
        <v>0</v>
      </c>
      <c r="L127" s="53">
        <v>0</v>
      </c>
      <c r="M127" s="54">
        <v>0</v>
      </c>
    </row>
    <row r="128" spans="1:13">
      <c r="A128" s="40" t="s">
        <v>131</v>
      </c>
      <c r="B128" s="21">
        <v>0</v>
      </c>
      <c r="C128" s="22">
        <v>0</v>
      </c>
      <c r="D128" s="22">
        <v>0</v>
      </c>
      <c r="E128" s="21">
        <v>0</v>
      </c>
      <c r="F128" s="22">
        <v>0</v>
      </c>
      <c r="G128" s="23">
        <v>0</v>
      </c>
      <c r="H128" s="22">
        <v>0</v>
      </c>
      <c r="I128" s="22">
        <v>0</v>
      </c>
      <c r="J128" s="22">
        <v>0</v>
      </c>
      <c r="K128" s="21">
        <v>0</v>
      </c>
      <c r="L128" s="53">
        <v>0</v>
      </c>
      <c r="M128" s="54">
        <v>0</v>
      </c>
    </row>
    <row r="129" spans="1:13">
      <c r="A129" s="40" t="s">
        <v>132</v>
      </c>
      <c r="B129" s="21">
        <v>-5</v>
      </c>
      <c r="C129" s="22">
        <v>-2</v>
      </c>
      <c r="D129" s="22">
        <v>-3</v>
      </c>
      <c r="E129" s="21">
        <v>5</v>
      </c>
      <c r="F129" s="22">
        <v>2</v>
      </c>
      <c r="G129" s="23">
        <v>3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1</v>
      </c>
      <c r="C130" s="22">
        <v>-1</v>
      </c>
      <c r="D130" s="22">
        <v>0</v>
      </c>
      <c r="E130" s="21">
        <v>0</v>
      </c>
      <c r="F130" s="22">
        <v>0</v>
      </c>
      <c r="G130" s="23">
        <v>0</v>
      </c>
      <c r="H130" s="22">
        <v>0</v>
      </c>
      <c r="I130" s="22">
        <v>0</v>
      </c>
      <c r="J130" s="22">
        <v>0</v>
      </c>
      <c r="K130" s="21">
        <v>1</v>
      </c>
      <c r="L130" s="53">
        <v>1</v>
      </c>
      <c r="M130" s="54">
        <v>0</v>
      </c>
    </row>
    <row r="131" spans="1:13" ht="19.5" customHeight="1">
      <c r="A131" s="34" t="s">
        <v>134</v>
      </c>
      <c r="B131" s="17">
        <v>-2</v>
      </c>
      <c r="C131" s="18">
        <v>0</v>
      </c>
      <c r="D131" s="18">
        <v>-2</v>
      </c>
      <c r="E131" s="17">
        <v>3</v>
      </c>
      <c r="F131" s="18">
        <v>1</v>
      </c>
      <c r="G131" s="19">
        <v>2</v>
      </c>
      <c r="H131" s="18">
        <v>1</v>
      </c>
      <c r="I131" s="18">
        <v>1</v>
      </c>
      <c r="J131" s="18">
        <v>0</v>
      </c>
      <c r="K131" s="17">
        <v>0</v>
      </c>
      <c r="L131" s="51">
        <v>0</v>
      </c>
      <c r="M131" s="52">
        <v>0</v>
      </c>
    </row>
    <row r="132" spans="1:13">
      <c r="A132" s="40" t="s">
        <v>135</v>
      </c>
      <c r="B132" s="21">
        <v>-1</v>
      </c>
      <c r="C132" s="22">
        <v>-1</v>
      </c>
      <c r="D132" s="22">
        <v>0</v>
      </c>
      <c r="E132" s="21">
        <v>1</v>
      </c>
      <c r="F132" s="22">
        <v>1</v>
      </c>
      <c r="G132" s="23">
        <v>0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1</v>
      </c>
      <c r="C133" s="22">
        <v>1</v>
      </c>
      <c r="D133" s="22">
        <v>0</v>
      </c>
      <c r="E133" s="21">
        <v>0</v>
      </c>
      <c r="F133" s="22">
        <v>0</v>
      </c>
      <c r="G133" s="23">
        <v>0</v>
      </c>
      <c r="H133" s="22">
        <v>1</v>
      </c>
      <c r="I133" s="22">
        <v>1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2</v>
      </c>
      <c r="C134" s="22">
        <v>0</v>
      </c>
      <c r="D134" s="22">
        <v>-2</v>
      </c>
      <c r="E134" s="21">
        <v>2</v>
      </c>
      <c r="F134" s="22">
        <v>0</v>
      </c>
      <c r="G134" s="23">
        <v>2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0</v>
      </c>
      <c r="C135" s="22">
        <v>0</v>
      </c>
      <c r="D135" s="22">
        <v>0</v>
      </c>
      <c r="E135" s="21">
        <v>0</v>
      </c>
      <c r="F135" s="22">
        <v>0</v>
      </c>
      <c r="G135" s="23">
        <v>0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0</v>
      </c>
      <c r="C136" s="22">
        <v>0</v>
      </c>
      <c r="D136" s="22">
        <v>0</v>
      </c>
      <c r="E136" s="21">
        <v>0</v>
      </c>
      <c r="F136" s="22">
        <v>0</v>
      </c>
      <c r="G136" s="23">
        <v>0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</v>
      </c>
      <c r="C137" s="43">
        <v>0</v>
      </c>
      <c r="D137" s="43">
        <v>-1</v>
      </c>
      <c r="E137" s="42">
        <v>0</v>
      </c>
      <c r="F137" s="43">
        <v>0</v>
      </c>
      <c r="G137" s="44">
        <v>0</v>
      </c>
      <c r="H137" s="43">
        <v>0</v>
      </c>
      <c r="I137" s="43">
        <v>0</v>
      </c>
      <c r="J137" s="43">
        <v>0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18" orientation="portrait" blackAndWhite="1" useFirstPageNumber="1" horizontalDpi="300" verticalDpi="300" r:id="rId1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4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355</v>
      </c>
      <c r="C5" s="14">
        <v>492</v>
      </c>
      <c r="D5" s="15">
        <v>863</v>
      </c>
      <c r="E5" s="13">
        <v>12258</v>
      </c>
      <c r="F5" s="14">
        <v>6415</v>
      </c>
      <c r="G5" s="15">
        <v>5843</v>
      </c>
      <c r="H5" s="13">
        <v>54263</v>
      </c>
      <c r="I5" s="14">
        <v>29236</v>
      </c>
      <c r="J5" s="15">
        <v>25027</v>
      </c>
      <c r="K5" s="13">
        <v>49297</v>
      </c>
      <c r="L5" s="14">
        <v>26857</v>
      </c>
      <c r="M5" s="15">
        <v>22440</v>
      </c>
    </row>
    <row r="6" spans="1:13" ht="19.5" customHeight="1">
      <c r="A6" s="16" t="s">
        <v>13</v>
      </c>
      <c r="B6" s="17">
        <v>9291</v>
      </c>
      <c r="C6" s="18">
        <v>4833</v>
      </c>
      <c r="D6" s="19">
        <v>4458</v>
      </c>
      <c r="E6" s="17">
        <v>33</v>
      </c>
      <c r="F6" s="18">
        <v>14</v>
      </c>
      <c r="G6" s="19">
        <v>19</v>
      </c>
      <c r="H6" s="17">
        <v>3288</v>
      </c>
      <c r="I6" s="18">
        <v>1671</v>
      </c>
      <c r="J6" s="19">
        <v>1617</v>
      </c>
      <c r="K6" s="17">
        <v>2611</v>
      </c>
      <c r="L6" s="18">
        <v>1352</v>
      </c>
      <c r="M6" s="19">
        <v>1259</v>
      </c>
    </row>
    <row r="7" spans="1:13">
      <c r="A7" s="20" t="s">
        <v>14</v>
      </c>
      <c r="B7" s="21">
        <v>8792</v>
      </c>
      <c r="C7" s="22">
        <v>4592</v>
      </c>
      <c r="D7" s="23">
        <v>4200</v>
      </c>
      <c r="E7" s="21">
        <v>18</v>
      </c>
      <c r="F7" s="22">
        <v>10</v>
      </c>
      <c r="G7" s="23">
        <v>8</v>
      </c>
      <c r="H7" s="21">
        <v>645</v>
      </c>
      <c r="I7" s="22">
        <v>327</v>
      </c>
      <c r="J7" s="23">
        <v>318</v>
      </c>
      <c r="K7" s="21">
        <v>482</v>
      </c>
      <c r="L7" s="22">
        <v>253</v>
      </c>
      <c r="M7" s="23">
        <v>229</v>
      </c>
    </row>
    <row r="8" spans="1:13">
      <c r="A8" s="20" t="s">
        <v>15</v>
      </c>
      <c r="B8" s="21">
        <v>184</v>
      </c>
      <c r="C8" s="22">
        <v>82</v>
      </c>
      <c r="D8" s="23">
        <v>102</v>
      </c>
      <c r="E8" s="21">
        <v>7</v>
      </c>
      <c r="F8" s="22">
        <v>2</v>
      </c>
      <c r="G8" s="23">
        <v>5</v>
      </c>
      <c r="H8" s="21">
        <v>906</v>
      </c>
      <c r="I8" s="22">
        <v>469</v>
      </c>
      <c r="J8" s="23">
        <v>437</v>
      </c>
      <c r="K8" s="21">
        <v>715</v>
      </c>
      <c r="L8" s="22">
        <v>385</v>
      </c>
      <c r="M8" s="23">
        <v>330</v>
      </c>
    </row>
    <row r="9" spans="1:13">
      <c r="A9" s="20" t="s">
        <v>16</v>
      </c>
      <c r="B9" s="21">
        <v>110</v>
      </c>
      <c r="C9" s="22">
        <v>73</v>
      </c>
      <c r="D9" s="23">
        <v>37</v>
      </c>
      <c r="E9" s="21">
        <v>6</v>
      </c>
      <c r="F9" s="22">
        <v>2</v>
      </c>
      <c r="G9" s="23">
        <v>4</v>
      </c>
      <c r="H9" s="21">
        <v>668</v>
      </c>
      <c r="I9" s="22">
        <v>346</v>
      </c>
      <c r="J9" s="23">
        <v>322</v>
      </c>
      <c r="K9" s="21">
        <v>552</v>
      </c>
      <c r="L9" s="22">
        <v>271</v>
      </c>
      <c r="M9" s="23">
        <v>281</v>
      </c>
    </row>
    <row r="10" spans="1:13">
      <c r="A10" s="20" t="s">
        <v>17</v>
      </c>
      <c r="B10" s="21">
        <v>131</v>
      </c>
      <c r="C10" s="22">
        <v>62</v>
      </c>
      <c r="D10" s="23">
        <v>69</v>
      </c>
      <c r="E10" s="21">
        <v>2</v>
      </c>
      <c r="F10" s="22">
        <v>0</v>
      </c>
      <c r="G10" s="23">
        <v>2</v>
      </c>
      <c r="H10" s="21">
        <v>624</v>
      </c>
      <c r="I10" s="22">
        <v>311</v>
      </c>
      <c r="J10" s="23">
        <v>313</v>
      </c>
      <c r="K10" s="21">
        <v>491</v>
      </c>
      <c r="L10" s="22">
        <v>249</v>
      </c>
      <c r="M10" s="23">
        <v>242</v>
      </c>
    </row>
    <row r="11" spans="1:13">
      <c r="A11" s="20" t="s">
        <v>18</v>
      </c>
      <c r="B11" s="21">
        <v>74</v>
      </c>
      <c r="C11" s="22">
        <v>24</v>
      </c>
      <c r="D11" s="23">
        <v>50</v>
      </c>
      <c r="E11" s="21">
        <v>0</v>
      </c>
      <c r="F11" s="22">
        <v>0</v>
      </c>
      <c r="G11" s="23">
        <v>0</v>
      </c>
      <c r="H11" s="21">
        <v>445</v>
      </c>
      <c r="I11" s="22">
        <v>218</v>
      </c>
      <c r="J11" s="23">
        <v>227</v>
      </c>
      <c r="K11" s="21">
        <v>371</v>
      </c>
      <c r="L11" s="22">
        <v>194</v>
      </c>
      <c r="M11" s="23">
        <v>177</v>
      </c>
    </row>
    <row r="12" spans="1:13" ht="20.100000000000001" customHeight="1">
      <c r="A12" s="16" t="s">
        <v>19</v>
      </c>
      <c r="B12" s="17">
        <v>319</v>
      </c>
      <c r="C12" s="18">
        <v>143</v>
      </c>
      <c r="D12" s="19">
        <v>176</v>
      </c>
      <c r="E12" s="17">
        <v>4</v>
      </c>
      <c r="F12" s="18">
        <v>1</v>
      </c>
      <c r="G12" s="19">
        <v>3</v>
      </c>
      <c r="H12" s="17">
        <v>1637</v>
      </c>
      <c r="I12" s="18">
        <v>800</v>
      </c>
      <c r="J12" s="19">
        <v>837</v>
      </c>
      <c r="K12" s="17">
        <v>1314</v>
      </c>
      <c r="L12" s="18">
        <v>656</v>
      </c>
      <c r="M12" s="19">
        <v>658</v>
      </c>
    </row>
    <row r="13" spans="1:13">
      <c r="A13" s="20" t="s">
        <v>20</v>
      </c>
      <c r="B13" s="21">
        <v>76</v>
      </c>
      <c r="C13" s="22">
        <v>10</v>
      </c>
      <c r="D13" s="23">
        <v>66</v>
      </c>
      <c r="E13" s="21">
        <v>0</v>
      </c>
      <c r="F13" s="22">
        <v>0</v>
      </c>
      <c r="G13" s="23">
        <v>0</v>
      </c>
      <c r="H13" s="21">
        <v>395</v>
      </c>
      <c r="I13" s="22">
        <v>181</v>
      </c>
      <c r="J13" s="23">
        <v>214</v>
      </c>
      <c r="K13" s="21">
        <v>319</v>
      </c>
      <c r="L13" s="22">
        <v>171</v>
      </c>
      <c r="M13" s="23">
        <v>148</v>
      </c>
    </row>
    <row r="14" spans="1:13">
      <c r="A14" s="20" t="s">
        <v>21</v>
      </c>
      <c r="B14" s="21">
        <v>49</v>
      </c>
      <c r="C14" s="22">
        <v>19</v>
      </c>
      <c r="D14" s="23">
        <v>30</v>
      </c>
      <c r="E14" s="21">
        <v>2</v>
      </c>
      <c r="F14" s="22">
        <v>0</v>
      </c>
      <c r="G14" s="23">
        <v>2</v>
      </c>
      <c r="H14" s="21">
        <v>368</v>
      </c>
      <c r="I14" s="22">
        <v>177</v>
      </c>
      <c r="J14" s="23">
        <v>191</v>
      </c>
      <c r="K14" s="21">
        <v>317</v>
      </c>
      <c r="L14" s="22">
        <v>158</v>
      </c>
      <c r="M14" s="23">
        <v>159</v>
      </c>
    </row>
    <row r="15" spans="1:13">
      <c r="A15" s="20" t="s">
        <v>22</v>
      </c>
      <c r="B15" s="21">
        <v>89</v>
      </c>
      <c r="C15" s="22">
        <v>56</v>
      </c>
      <c r="D15" s="23">
        <v>33</v>
      </c>
      <c r="E15" s="21">
        <v>1</v>
      </c>
      <c r="F15" s="22">
        <v>0</v>
      </c>
      <c r="G15" s="23">
        <v>1</v>
      </c>
      <c r="H15" s="21">
        <v>367</v>
      </c>
      <c r="I15" s="22">
        <v>189</v>
      </c>
      <c r="J15" s="23">
        <v>178</v>
      </c>
      <c r="K15" s="21">
        <v>277</v>
      </c>
      <c r="L15" s="22">
        <v>133</v>
      </c>
      <c r="M15" s="23">
        <v>144</v>
      </c>
    </row>
    <row r="16" spans="1:13">
      <c r="A16" s="20" t="s">
        <v>23</v>
      </c>
      <c r="B16" s="21">
        <v>56</v>
      </c>
      <c r="C16" s="22">
        <v>35</v>
      </c>
      <c r="D16" s="23">
        <v>21</v>
      </c>
      <c r="E16" s="21">
        <v>1</v>
      </c>
      <c r="F16" s="22">
        <v>1</v>
      </c>
      <c r="G16" s="23">
        <v>0</v>
      </c>
      <c r="H16" s="21">
        <v>253</v>
      </c>
      <c r="I16" s="22">
        <v>135</v>
      </c>
      <c r="J16" s="23">
        <v>118</v>
      </c>
      <c r="K16" s="21">
        <v>196</v>
      </c>
      <c r="L16" s="22">
        <v>99</v>
      </c>
      <c r="M16" s="23">
        <v>97</v>
      </c>
    </row>
    <row r="17" spans="1:13">
      <c r="A17" s="20" t="s">
        <v>24</v>
      </c>
      <c r="B17" s="21">
        <v>49</v>
      </c>
      <c r="C17" s="22">
        <v>23</v>
      </c>
      <c r="D17" s="23">
        <v>26</v>
      </c>
      <c r="E17" s="21">
        <v>0</v>
      </c>
      <c r="F17" s="22">
        <v>0</v>
      </c>
      <c r="G17" s="23">
        <v>0</v>
      </c>
      <c r="H17" s="21">
        <v>254</v>
      </c>
      <c r="I17" s="22">
        <v>118</v>
      </c>
      <c r="J17" s="23">
        <v>136</v>
      </c>
      <c r="K17" s="21">
        <v>205</v>
      </c>
      <c r="L17" s="22">
        <v>95</v>
      </c>
      <c r="M17" s="23">
        <v>110</v>
      </c>
    </row>
    <row r="18" spans="1:13" ht="20.100000000000001" customHeight="1">
      <c r="A18" s="16" t="s">
        <v>25</v>
      </c>
      <c r="B18" s="17">
        <v>206</v>
      </c>
      <c r="C18" s="18">
        <v>114</v>
      </c>
      <c r="D18" s="19">
        <v>92</v>
      </c>
      <c r="E18" s="17">
        <v>8</v>
      </c>
      <c r="F18" s="18">
        <v>3</v>
      </c>
      <c r="G18" s="19">
        <v>5</v>
      </c>
      <c r="H18" s="17">
        <v>940</v>
      </c>
      <c r="I18" s="18">
        <v>488</v>
      </c>
      <c r="J18" s="19">
        <v>452</v>
      </c>
      <c r="K18" s="17">
        <v>726</v>
      </c>
      <c r="L18" s="18">
        <v>371</v>
      </c>
      <c r="M18" s="19">
        <v>355</v>
      </c>
    </row>
    <row r="19" spans="1:13">
      <c r="A19" s="20" t="s">
        <v>26</v>
      </c>
      <c r="B19" s="21">
        <v>68</v>
      </c>
      <c r="C19" s="22">
        <v>47</v>
      </c>
      <c r="D19" s="23">
        <v>21</v>
      </c>
      <c r="E19" s="21">
        <v>0</v>
      </c>
      <c r="F19" s="22">
        <v>0</v>
      </c>
      <c r="G19" s="23">
        <v>0</v>
      </c>
      <c r="H19" s="21">
        <v>229</v>
      </c>
      <c r="I19" s="22">
        <v>129</v>
      </c>
      <c r="J19" s="23">
        <v>100</v>
      </c>
      <c r="K19" s="21">
        <v>161</v>
      </c>
      <c r="L19" s="22">
        <v>82</v>
      </c>
      <c r="M19" s="23">
        <v>79</v>
      </c>
    </row>
    <row r="20" spans="1:13">
      <c r="A20" s="20" t="s">
        <v>27</v>
      </c>
      <c r="B20" s="21">
        <v>10</v>
      </c>
      <c r="C20" s="22">
        <v>9</v>
      </c>
      <c r="D20" s="23">
        <v>1</v>
      </c>
      <c r="E20" s="21">
        <v>2</v>
      </c>
      <c r="F20" s="22">
        <v>0</v>
      </c>
      <c r="G20" s="23">
        <v>2</v>
      </c>
      <c r="H20" s="21">
        <v>179</v>
      </c>
      <c r="I20" s="22">
        <v>84</v>
      </c>
      <c r="J20" s="23">
        <v>95</v>
      </c>
      <c r="K20" s="21">
        <v>167</v>
      </c>
      <c r="L20" s="22">
        <v>75</v>
      </c>
      <c r="M20" s="23">
        <v>92</v>
      </c>
    </row>
    <row r="21" spans="1:13">
      <c r="A21" s="20" t="s">
        <v>28</v>
      </c>
      <c r="B21" s="21">
        <v>65</v>
      </c>
      <c r="C21" s="22">
        <v>26</v>
      </c>
      <c r="D21" s="23">
        <v>39</v>
      </c>
      <c r="E21" s="21">
        <v>3</v>
      </c>
      <c r="F21" s="22">
        <v>1</v>
      </c>
      <c r="G21" s="23">
        <v>2</v>
      </c>
      <c r="H21" s="21">
        <v>212</v>
      </c>
      <c r="I21" s="22">
        <v>108</v>
      </c>
      <c r="J21" s="23">
        <v>104</v>
      </c>
      <c r="K21" s="21">
        <v>144</v>
      </c>
      <c r="L21" s="22">
        <v>81</v>
      </c>
      <c r="M21" s="23">
        <v>63</v>
      </c>
    </row>
    <row r="22" spans="1:13">
      <c r="A22" s="20" t="s">
        <v>29</v>
      </c>
      <c r="B22" s="21">
        <v>43</v>
      </c>
      <c r="C22" s="22">
        <v>24</v>
      </c>
      <c r="D22" s="23">
        <v>19</v>
      </c>
      <c r="E22" s="21">
        <v>2</v>
      </c>
      <c r="F22" s="22">
        <v>2</v>
      </c>
      <c r="G22" s="23">
        <v>0</v>
      </c>
      <c r="H22" s="21">
        <v>181</v>
      </c>
      <c r="I22" s="22">
        <v>101</v>
      </c>
      <c r="J22" s="23">
        <v>80</v>
      </c>
      <c r="K22" s="21">
        <v>136</v>
      </c>
      <c r="L22" s="22">
        <v>75</v>
      </c>
      <c r="M22" s="23">
        <v>61</v>
      </c>
    </row>
    <row r="23" spans="1:13">
      <c r="A23" s="20" t="s">
        <v>30</v>
      </c>
      <c r="B23" s="21">
        <v>20</v>
      </c>
      <c r="C23" s="22">
        <v>8</v>
      </c>
      <c r="D23" s="23">
        <v>12</v>
      </c>
      <c r="E23" s="21">
        <v>1</v>
      </c>
      <c r="F23" s="22">
        <v>0</v>
      </c>
      <c r="G23" s="23">
        <v>1</v>
      </c>
      <c r="H23" s="21">
        <v>139</v>
      </c>
      <c r="I23" s="22">
        <v>66</v>
      </c>
      <c r="J23" s="23">
        <v>73</v>
      </c>
      <c r="K23" s="21">
        <v>118</v>
      </c>
      <c r="L23" s="22">
        <v>58</v>
      </c>
      <c r="M23" s="23">
        <v>60</v>
      </c>
    </row>
    <row r="24" spans="1:13" ht="20.100000000000001" customHeight="1">
      <c r="A24" s="16" t="s">
        <v>31</v>
      </c>
      <c r="B24" s="17">
        <v>880</v>
      </c>
      <c r="C24" s="18">
        <v>532</v>
      </c>
      <c r="D24" s="19">
        <v>348</v>
      </c>
      <c r="E24" s="17">
        <v>18</v>
      </c>
      <c r="F24" s="18">
        <v>11</v>
      </c>
      <c r="G24" s="19">
        <v>7</v>
      </c>
      <c r="H24" s="17">
        <v>2481</v>
      </c>
      <c r="I24" s="18">
        <v>1423</v>
      </c>
      <c r="J24" s="19">
        <v>1058</v>
      </c>
      <c r="K24" s="17">
        <v>1583</v>
      </c>
      <c r="L24" s="18">
        <v>880</v>
      </c>
      <c r="M24" s="19">
        <v>703</v>
      </c>
    </row>
    <row r="25" spans="1:13">
      <c r="A25" s="20" t="s">
        <v>32</v>
      </c>
      <c r="B25" s="21">
        <v>8</v>
      </c>
      <c r="C25" s="22">
        <v>-10</v>
      </c>
      <c r="D25" s="23">
        <v>18</v>
      </c>
      <c r="E25" s="21">
        <v>1</v>
      </c>
      <c r="F25" s="22">
        <v>1</v>
      </c>
      <c r="G25" s="23">
        <v>0</v>
      </c>
      <c r="H25" s="21">
        <v>153</v>
      </c>
      <c r="I25" s="22">
        <v>69</v>
      </c>
      <c r="J25" s="23">
        <v>84</v>
      </c>
      <c r="K25" s="21">
        <v>144</v>
      </c>
      <c r="L25" s="22">
        <v>78</v>
      </c>
      <c r="M25" s="23">
        <v>66</v>
      </c>
    </row>
    <row r="26" spans="1:13">
      <c r="A26" s="20" t="s">
        <v>33</v>
      </c>
      <c r="B26" s="21">
        <v>32</v>
      </c>
      <c r="C26" s="22">
        <v>10</v>
      </c>
      <c r="D26" s="23">
        <v>22</v>
      </c>
      <c r="E26" s="21">
        <v>5</v>
      </c>
      <c r="F26" s="22">
        <v>3</v>
      </c>
      <c r="G26" s="23">
        <v>2</v>
      </c>
      <c r="H26" s="21">
        <v>222</v>
      </c>
      <c r="I26" s="22">
        <v>110</v>
      </c>
      <c r="J26" s="23">
        <v>112</v>
      </c>
      <c r="K26" s="21">
        <v>185</v>
      </c>
      <c r="L26" s="22">
        <v>97</v>
      </c>
      <c r="M26" s="23">
        <v>88</v>
      </c>
    </row>
    <row r="27" spans="1:13">
      <c r="A27" s="20" t="s">
        <v>34</v>
      </c>
      <c r="B27" s="21">
        <v>40</v>
      </c>
      <c r="C27" s="22">
        <v>20</v>
      </c>
      <c r="D27" s="23">
        <v>20</v>
      </c>
      <c r="E27" s="21">
        <v>1</v>
      </c>
      <c r="F27" s="22">
        <v>1</v>
      </c>
      <c r="G27" s="23">
        <v>0</v>
      </c>
      <c r="H27" s="21">
        <v>212</v>
      </c>
      <c r="I27" s="22">
        <v>111</v>
      </c>
      <c r="J27" s="23">
        <v>101</v>
      </c>
      <c r="K27" s="21">
        <v>171</v>
      </c>
      <c r="L27" s="22">
        <v>90</v>
      </c>
      <c r="M27" s="23">
        <v>81</v>
      </c>
    </row>
    <row r="28" spans="1:13">
      <c r="A28" s="20" t="s">
        <v>35</v>
      </c>
      <c r="B28" s="21">
        <v>304</v>
      </c>
      <c r="C28" s="22">
        <v>202</v>
      </c>
      <c r="D28" s="23">
        <v>102</v>
      </c>
      <c r="E28" s="21">
        <v>6</v>
      </c>
      <c r="F28" s="22">
        <v>3</v>
      </c>
      <c r="G28" s="23">
        <v>3</v>
      </c>
      <c r="H28" s="21">
        <v>692</v>
      </c>
      <c r="I28" s="22">
        <v>426</v>
      </c>
      <c r="J28" s="23">
        <v>266</v>
      </c>
      <c r="K28" s="21">
        <v>382</v>
      </c>
      <c r="L28" s="22">
        <v>221</v>
      </c>
      <c r="M28" s="23">
        <v>161</v>
      </c>
    </row>
    <row r="29" spans="1:13">
      <c r="A29" s="20" t="s">
        <v>36</v>
      </c>
      <c r="B29" s="21">
        <v>496</v>
      </c>
      <c r="C29" s="22">
        <v>310</v>
      </c>
      <c r="D29" s="23">
        <v>186</v>
      </c>
      <c r="E29" s="21">
        <v>5</v>
      </c>
      <c r="F29" s="22">
        <v>3</v>
      </c>
      <c r="G29" s="23">
        <v>2</v>
      </c>
      <c r="H29" s="21">
        <v>1202</v>
      </c>
      <c r="I29" s="22">
        <v>707</v>
      </c>
      <c r="J29" s="23">
        <v>495</v>
      </c>
      <c r="K29" s="21">
        <v>701</v>
      </c>
      <c r="L29" s="22">
        <v>394</v>
      </c>
      <c r="M29" s="23">
        <v>307</v>
      </c>
    </row>
    <row r="30" spans="1:13" ht="20.100000000000001" customHeight="1">
      <c r="A30" s="16" t="s">
        <v>37</v>
      </c>
      <c r="B30" s="17">
        <v>-58</v>
      </c>
      <c r="C30" s="18">
        <v>101</v>
      </c>
      <c r="D30" s="19">
        <v>-159</v>
      </c>
      <c r="E30" s="17">
        <v>15</v>
      </c>
      <c r="F30" s="18">
        <v>9</v>
      </c>
      <c r="G30" s="19">
        <v>6</v>
      </c>
      <c r="H30" s="17">
        <v>8421</v>
      </c>
      <c r="I30" s="18">
        <v>4671</v>
      </c>
      <c r="J30" s="19">
        <v>3750</v>
      </c>
      <c r="K30" s="17">
        <v>8464</v>
      </c>
      <c r="L30" s="18">
        <v>4561</v>
      </c>
      <c r="M30" s="19">
        <v>3903</v>
      </c>
    </row>
    <row r="31" spans="1:13">
      <c r="A31" s="20" t="s">
        <v>38</v>
      </c>
      <c r="B31" s="21">
        <v>248</v>
      </c>
      <c r="C31" s="22">
        <v>145</v>
      </c>
      <c r="D31" s="23">
        <v>103</v>
      </c>
      <c r="E31" s="21">
        <v>4</v>
      </c>
      <c r="F31" s="22">
        <v>2</v>
      </c>
      <c r="G31" s="23">
        <v>2</v>
      </c>
      <c r="H31" s="21">
        <v>1110</v>
      </c>
      <c r="I31" s="22">
        <v>623</v>
      </c>
      <c r="J31" s="23">
        <v>487</v>
      </c>
      <c r="K31" s="21">
        <v>858</v>
      </c>
      <c r="L31" s="22">
        <v>476</v>
      </c>
      <c r="M31" s="23">
        <v>382</v>
      </c>
    </row>
    <row r="32" spans="1:13">
      <c r="A32" s="20" t="s">
        <v>39</v>
      </c>
      <c r="B32" s="21">
        <v>237</v>
      </c>
      <c r="C32" s="22">
        <v>165</v>
      </c>
      <c r="D32" s="23">
        <v>72</v>
      </c>
      <c r="E32" s="21">
        <v>1</v>
      </c>
      <c r="F32" s="22">
        <v>1</v>
      </c>
      <c r="G32" s="23">
        <v>0</v>
      </c>
      <c r="H32" s="21">
        <v>1378</v>
      </c>
      <c r="I32" s="22">
        <v>732</v>
      </c>
      <c r="J32" s="23">
        <v>646</v>
      </c>
      <c r="K32" s="21">
        <v>1140</v>
      </c>
      <c r="L32" s="22">
        <v>566</v>
      </c>
      <c r="M32" s="23">
        <v>574</v>
      </c>
    </row>
    <row r="33" spans="1:13">
      <c r="A33" s="20" t="s">
        <v>40</v>
      </c>
      <c r="B33" s="21">
        <v>-112</v>
      </c>
      <c r="C33" s="22">
        <v>-69</v>
      </c>
      <c r="D33" s="23">
        <v>-43</v>
      </c>
      <c r="E33" s="21">
        <v>4</v>
      </c>
      <c r="F33" s="22">
        <v>3</v>
      </c>
      <c r="G33" s="23">
        <v>1</v>
      </c>
      <c r="H33" s="21">
        <v>1695</v>
      </c>
      <c r="I33" s="22">
        <v>884</v>
      </c>
      <c r="J33" s="23">
        <v>811</v>
      </c>
      <c r="K33" s="21">
        <v>1803</v>
      </c>
      <c r="L33" s="22">
        <v>950</v>
      </c>
      <c r="M33" s="23">
        <v>853</v>
      </c>
    </row>
    <row r="34" spans="1:13">
      <c r="A34" s="20" t="s">
        <v>41</v>
      </c>
      <c r="B34" s="21">
        <v>-391</v>
      </c>
      <c r="C34" s="22">
        <v>-202</v>
      </c>
      <c r="D34" s="23">
        <v>-189</v>
      </c>
      <c r="E34" s="21">
        <v>4</v>
      </c>
      <c r="F34" s="22">
        <v>2</v>
      </c>
      <c r="G34" s="23">
        <v>2</v>
      </c>
      <c r="H34" s="21">
        <v>2188</v>
      </c>
      <c r="I34" s="22">
        <v>1220</v>
      </c>
      <c r="J34" s="23">
        <v>968</v>
      </c>
      <c r="K34" s="21">
        <v>2575</v>
      </c>
      <c r="L34" s="22">
        <v>1420</v>
      </c>
      <c r="M34" s="23">
        <v>1155</v>
      </c>
    </row>
    <row r="35" spans="1:13">
      <c r="A35" s="20" t="s">
        <v>42</v>
      </c>
      <c r="B35" s="21">
        <v>-40</v>
      </c>
      <c r="C35" s="22">
        <v>62</v>
      </c>
      <c r="D35" s="23">
        <v>-102</v>
      </c>
      <c r="E35" s="21">
        <v>2</v>
      </c>
      <c r="F35" s="22">
        <v>1</v>
      </c>
      <c r="G35" s="23">
        <v>1</v>
      </c>
      <c r="H35" s="21">
        <v>2050</v>
      </c>
      <c r="I35" s="22">
        <v>1212</v>
      </c>
      <c r="J35" s="23">
        <v>838</v>
      </c>
      <c r="K35" s="21">
        <v>2088</v>
      </c>
      <c r="L35" s="22">
        <v>1149</v>
      </c>
      <c r="M35" s="23">
        <v>939</v>
      </c>
    </row>
    <row r="36" spans="1:13" ht="20.100000000000001" customHeight="1">
      <c r="A36" s="16" t="s">
        <v>43</v>
      </c>
      <c r="B36" s="17">
        <v>-311</v>
      </c>
      <c r="C36" s="18">
        <v>-108</v>
      </c>
      <c r="D36" s="19">
        <v>-203</v>
      </c>
      <c r="E36" s="17">
        <v>17</v>
      </c>
      <c r="F36" s="18">
        <v>12</v>
      </c>
      <c r="G36" s="19">
        <v>5</v>
      </c>
      <c r="H36" s="17">
        <v>9950</v>
      </c>
      <c r="I36" s="18">
        <v>5472</v>
      </c>
      <c r="J36" s="19">
        <v>4478</v>
      </c>
      <c r="K36" s="17">
        <v>10244</v>
      </c>
      <c r="L36" s="18">
        <v>5568</v>
      </c>
      <c r="M36" s="19">
        <v>4676</v>
      </c>
    </row>
    <row r="37" spans="1:13">
      <c r="A37" s="20" t="s">
        <v>44</v>
      </c>
      <c r="B37" s="21">
        <v>-82</v>
      </c>
      <c r="C37" s="22">
        <v>30</v>
      </c>
      <c r="D37" s="23">
        <v>-112</v>
      </c>
      <c r="E37" s="21">
        <v>6</v>
      </c>
      <c r="F37" s="22">
        <v>5</v>
      </c>
      <c r="G37" s="23">
        <v>1</v>
      </c>
      <c r="H37" s="21">
        <v>2262</v>
      </c>
      <c r="I37" s="22">
        <v>1321</v>
      </c>
      <c r="J37" s="23">
        <v>941</v>
      </c>
      <c r="K37" s="21">
        <v>2338</v>
      </c>
      <c r="L37" s="22">
        <v>1286</v>
      </c>
      <c r="M37" s="23">
        <v>1052</v>
      </c>
    </row>
    <row r="38" spans="1:13">
      <c r="A38" s="20" t="s">
        <v>45</v>
      </c>
      <c r="B38" s="21">
        <v>-145</v>
      </c>
      <c r="C38" s="22">
        <v>-42</v>
      </c>
      <c r="D38" s="23">
        <v>-103</v>
      </c>
      <c r="E38" s="21">
        <v>3</v>
      </c>
      <c r="F38" s="22">
        <v>3</v>
      </c>
      <c r="G38" s="23">
        <v>0</v>
      </c>
      <c r="H38" s="21">
        <v>2025</v>
      </c>
      <c r="I38" s="22">
        <v>1127</v>
      </c>
      <c r="J38" s="23">
        <v>898</v>
      </c>
      <c r="K38" s="21">
        <v>2167</v>
      </c>
      <c r="L38" s="22">
        <v>1166</v>
      </c>
      <c r="M38" s="23">
        <v>1001</v>
      </c>
    </row>
    <row r="39" spans="1:13">
      <c r="A39" s="20" t="s">
        <v>46</v>
      </c>
      <c r="B39" s="21">
        <v>-51</v>
      </c>
      <c r="C39" s="22">
        <v>-24</v>
      </c>
      <c r="D39" s="23">
        <v>-27</v>
      </c>
      <c r="E39" s="21">
        <v>2</v>
      </c>
      <c r="F39" s="22">
        <v>1</v>
      </c>
      <c r="G39" s="23">
        <v>1</v>
      </c>
      <c r="H39" s="21">
        <v>1982</v>
      </c>
      <c r="I39" s="22">
        <v>1049</v>
      </c>
      <c r="J39" s="23">
        <v>933</v>
      </c>
      <c r="K39" s="21">
        <v>2031</v>
      </c>
      <c r="L39" s="22">
        <v>1072</v>
      </c>
      <c r="M39" s="23">
        <v>959</v>
      </c>
    </row>
    <row r="40" spans="1:13">
      <c r="A40" s="20" t="s">
        <v>47</v>
      </c>
      <c r="B40" s="21">
        <v>-4</v>
      </c>
      <c r="C40" s="22">
        <v>-32</v>
      </c>
      <c r="D40" s="23">
        <v>28</v>
      </c>
      <c r="E40" s="21">
        <v>4</v>
      </c>
      <c r="F40" s="22">
        <v>3</v>
      </c>
      <c r="G40" s="23">
        <v>1</v>
      </c>
      <c r="H40" s="21">
        <v>1904</v>
      </c>
      <c r="I40" s="22">
        <v>1002</v>
      </c>
      <c r="J40" s="23">
        <v>902</v>
      </c>
      <c r="K40" s="21">
        <v>1904</v>
      </c>
      <c r="L40" s="22">
        <v>1031</v>
      </c>
      <c r="M40" s="23">
        <v>873</v>
      </c>
    </row>
    <row r="41" spans="1:13">
      <c r="A41" s="20" t="s">
        <v>48</v>
      </c>
      <c r="B41" s="21">
        <v>-29</v>
      </c>
      <c r="C41" s="22">
        <v>-40</v>
      </c>
      <c r="D41" s="23">
        <v>11</v>
      </c>
      <c r="E41" s="21">
        <v>2</v>
      </c>
      <c r="F41" s="22">
        <v>0</v>
      </c>
      <c r="G41" s="23">
        <v>2</v>
      </c>
      <c r="H41" s="21">
        <v>1777</v>
      </c>
      <c r="I41" s="22">
        <v>973</v>
      </c>
      <c r="J41" s="23">
        <v>804</v>
      </c>
      <c r="K41" s="21">
        <v>1804</v>
      </c>
      <c r="L41" s="22">
        <v>1013</v>
      </c>
      <c r="M41" s="23">
        <v>791</v>
      </c>
    </row>
    <row r="42" spans="1:13" ht="20.100000000000001" customHeight="1">
      <c r="A42" s="16" t="s">
        <v>49</v>
      </c>
      <c r="B42" s="17">
        <v>364</v>
      </c>
      <c r="C42" s="18">
        <v>80</v>
      </c>
      <c r="D42" s="19">
        <v>284</v>
      </c>
      <c r="E42" s="17">
        <v>27</v>
      </c>
      <c r="F42" s="18">
        <v>16</v>
      </c>
      <c r="G42" s="19">
        <v>11</v>
      </c>
      <c r="H42" s="17">
        <v>7217</v>
      </c>
      <c r="I42" s="18">
        <v>3909</v>
      </c>
      <c r="J42" s="19">
        <v>3308</v>
      </c>
      <c r="K42" s="17">
        <v>6826</v>
      </c>
      <c r="L42" s="18">
        <v>3813</v>
      </c>
      <c r="M42" s="19">
        <v>3013</v>
      </c>
    </row>
    <row r="43" spans="1:13">
      <c r="A43" s="20" t="s">
        <v>50</v>
      </c>
      <c r="B43" s="21">
        <v>42</v>
      </c>
      <c r="C43" s="22">
        <v>10</v>
      </c>
      <c r="D43" s="23">
        <v>32</v>
      </c>
      <c r="E43" s="21">
        <v>7</v>
      </c>
      <c r="F43" s="22">
        <v>5</v>
      </c>
      <c r="G43" s="23">
        <v>2</v>
      </c>
      <c r="H43" s="21">
        <v>1684</v>
      </c>
      <c r="I43" s="22">
        <v>947</v>
      </c>
      <c r="J43" s="23">
        <v>737</v>
      </c>
      <c r="K43" s="21">
        <v>1635</v>
      </c>
      <c r="L43" s="22">
        <v>932</v>
      </c>
      <c r="M43" s="23">
        <v>703</v>
      </c>
    </row>
    <row r="44" spans="1:13">
      <c r="A44" s="20" t="s">
        <v>51</v>
      </c>
      <c r="B44" s="21">
        <v>23</v>
      </c>
      <c r="C44" s="22">
        <v>-26</v>
      </c>
      <c r="D44" s="23">
        <v>49</v>
      </c>
      <c r="E44" s="21">
        <v>4</v>
      </c>
      <c r="F44" s="22">
        <v>3</v>
      </c>
      <c r="G44" s="23">
        <v>1</v>
      </c>
      <c r="H44" s="21">
        <v>1529</v>
      </c>
      <c r="I44" s="22">
        <v>808</v>
      </c>
      <c r="J44" s="23">
        <v>721</v>
      </c>
      <c r="K44" s="21">
        <v>1502</v>
      </c>
      <c r="L44" s="22">
        <v>831</v>
      </c>
      <c r="M44" s="23">
        <v>671</v>
      </c>
    </row>
    <row r="45" spans="1:13">
      <c r="A45" s="20" t="s">
        <v>52</v>
      </c>
      <c r="B45" s="21">
        <v>23</v>
      </c>
      <c r="C45" s="22">
        <v>-4</v>
      </c>
      <c r="D45" s="23">
        <v>27</v>
      </c>
      <c r="E45" s="21">
        <v>3</v>
      </c>
      <c r="F45" s="22">
        <v>2</v>
      </c>
      <c r="G45" s="23">
        <v>1</v>
      </c>
      <c r="H45" s="21">
        <v>1420</v>
      </c>
      <c r="I45" s="22">
        <v>773</v>
      </c>
      <c r="J45" s="23">
        <v>647</v>
      </c>
      <c r="K45" s="21">
        <v>1394</v>
      </c>
      <c r="L45" s="22">
        <v>775</v>
      </c>
      <c r="M45" s="23">
        <v>619</v>
      </c>
    </row>
    <row r="46" spans="1:13">
      <c r="A46" s="20" t="s">
        <v>53</v>
      </c>
      <c r="B46" s="21">
        <v>152</v>
      </c>
      <c r="C46" s="22">
        <v>59</v>
      </c>
      <c r="D46" s="23">
        <v>93</v>
      </c>
      <c r="E46" s="21">
        <v>10</v>
      </c>
      <c r="F46" s="22">
        <v>5</v>
      </c>
      <c r="G46" s="23">
        <v>5</v>
      </c>
      <c r="H46" s="21">
        <v>1356</v>
      </c>
      <c r="I46" s="22">
        <v>717</v>
      </c>
      <c r="J46" s="23">
        <v>639</v>
      </c>
      <c r="K46" s="21">
        <v>1194</v>
      </c>
      <c r="L46" s="22">
        <v>653</v>
      </c>
      <c r="M46" s="23">
        <v>541</v>
      </c>
    </row>
    <row r="47" spans="1:13">
      <c r="A47" s="20" t="s">
        <v>54</v>
      </c>
      <c r="B47" s="21">
        <v>124</v>
      </c>
      <c r="C47" s="22">
        <v>41</v>
      </c>
      <c r="D47" s="23">
        <v>83</v>
      </c>
      <c r="E47" s="21">
        <v>3</v>
      </c>
      <c r="F47" s="22">
        <v>1</v>
      </c>
      <c r="G47" s="23">
        <v>2</v>
      </c>
      <c r="H47" s="21">
        <v>1228</v>
      </c>
      <c r="I47" s="22">
        <v>664</v>
      </c>
      <c r="J47" s="23">
        <v>564</v>
      </c>
      <c r="K47" s="21">
        <v>1101</v>
      </c>
      <c r="L47" s="22">
        <v>622</v>
      </c>
      <c r="M47" s="23">
        <v>479</v>
      </c>
    </row>
    <row r="48" spans="1:13" ht="20.100000000000001" customHeight="1">
      <c r="A48" s="16" t="s">
        <v>55</v>
      </c>
      <c r="B48" s="17">
        <v>630</v>
      </c>
      <c r="C48" s="18">
        <v>249</v>
      </c>
      <c r="D48" s="19">
        <v>381</v>
      </c>
      <c r="E48" s="17">
        <v>47</v>
      </c>
      <c r="F48" s="18">
        <v>32</v>
      </c>
      <c r="G48" s="19">
        <v>15</v>
      </c>
      <c r="H48" s="17">
        <v>5234</v>
      </c>
      <c r="I48" s="18">
        <v>2887</v>
      </c>
      <c r="J48" s="19">
        <v>2347</v>
      </c>
      <c r="K48" s="17">
        <v>4557</v>
      </c>
      <c r="L48" s="18">
        <v>2606</v>
      </c>
      <c r="M48" s="19">
        <v>1951</v>
      </c>
    </row>
    <row r="49" spans="1:13">
      <c r="A49" s="20" t="s">
        <v>56</v>
      </c>
      <c r="B49" s="21">
        <v>119</v>
      </c>
      <c r="C49" s="22">
        <v>48</v>
      </c>
      <c r="D49" s="23">
        <v>71</v>
      </c>
      <c r="E49" s="21">
        <v>13</v>
      </c>
      <c r="F49" s="22">
        <v>9</v>
      </c>
      <c r="G49" s="23">
        <v>4</v>
      </c>
      <c r="H49" s="21">
        <v>1220</v>
      </c>
      <c r="I49" s="22">
        <v>676</v>
      </c>
      <c r="J49" s="23">
        <v>544</v>
      </c>
      <c r="K49" s="21">
        <v>1088</v>
      </c>
      <c r="L49" s="22">
        <v>619</v>
      </c>
      <c r="M49" s="23">
        <v>469</v>
      </c>
    </row>
    <row r="50" spans="1:13">
      <c r="A50" s="20" t="s">
        <v>57</v>
      </c>
      <c r="B50" s="21">
        <v>95</v>
      </c>
      <c r="C50" s="22">
        <v>36</v>
      </c>
      <c r="D50" s="23">
        <v>59</v>
      </c>
      <c r="E50" s="21">
        <v>4</v>
      </c>
      <c r="F50" s="22">
        <v>2</v>
      </c>
      <c r="G50" s="23">
        <v>2</v>
      </c>
      <c r="H50" s="21">
        <v>1101</v>
      </c>
      <c r="I50" s="22">
        <v>609</v>
      </c>
      <c r="J50" s="23">
        <v>492</v>
      </c>
      <c r="K50" s="21">
        <v>1002</v>
      </c>
      <c r="L50" s="22">
        <v>571</v>
      </c>
      <c r="M50" s="23">
        <v>431</v>
      </c>
    </row>
    <row r="51" spans="1:13">
      <c r="A51" s="20" t="s">
        <v>58</v>
      </c>
      <c r="B51" s="21">
        <v>156</v>
      </c>
      <c r="C51" s="22">
        <v>69</v>
      </c>
      <c r="D51" s="23">
        <v>87</v>
      </c>
      <c r="E51" s="21">
        <v>7</v>
      </c>
      <c r="F51" s="22">
        <v>3</v>
      </c>
      <c r="G51" s="23">
        <v>4</v>
      </c>
      <c r="H51" s="21">
        <v>1066</v>
      </c>
      <c r="I51" s="22">
        <v>585</v>
      </c>
      <c r="J51" s="23">
        <v>481</v>
      </c>
      <c r="K51" s="21">
        <v>903</v>
      </c>
      <c r="L51" s="22">
        <v>513</v>
      </c>
      <c r="M51" s="23">
        <v>390</v>
      </c>
    </row>
    <row r="52" spans="1:13">
      <c r="A52" s="20" t="s">
        <v>59</v>
      </c>
      <c r="B52" s="21">
        <v>129</v>
      </c>
      <c r="C52" s="22">
        <v>34</v>
      </c>
      <c r="D52" s="23">
        <v>95</v>
      </c>
      <c r="E52" s="21">
        <v>7</v>
      </c>
      <c r="F52" s="22">
        <v>6</v>
      </c>
      <c r="G52" s="23">
        <v>1</v>
      </c>
      <c r="H52" s="21">
        <v>971</v>
      </c>
      <c r="I52" s="22">
        <v>520</v>
      </c>
      <c r="J52" s="23">
        <v>451</v>
      </c>
      <c r="K52" s="21">
        <v>835</v>
      </c>
      <c r="L52" s="22">
        <v>480</v>
      </c>
      <c r="M52" s="23">
        <v>355</v>
      </c>
    </row>
    <row r="53" spans="1:13">
      <c r="A53" s="20" t="s">
        <v>60</v>
      </c>
      <c r="B53" s="21">
        <v>131</v>
      </c>
      <c r="C53" s="22">
        <v>62</v>
      </c>
      <c r="D53" s="23">
        <v>69</v>
      </c>
      <c r="E53" s="21">
        <v>16</v>
      </c>
      <c r="F53" s="22">
        <v>12</v>
      </c>
      <c r="G53" s="23">
        <v>4</v>
      </c>
      <c r="H53" s="21">
        <v>876</v>
      </c>
      <c r="I53" s="22">
        <v>497</v>
      </c>
      <c r="J53" s="23">
        <v>379</v>
      </c>
      <c r="K53" s="21">
        <v>729</v>
      </c>
      <c r="L53" s="22">
        <v>423</v>
      </c>
      <c r="M53" s="23">
        <v>306</v>
      </c>
    </row>
    <row r="54" spans="1:13" ht="20.100000000000001" customHeight="1">
      <c r="A54" s="16" t="s">
        <v>61</v>
      </c>
      <c r="B54" s="17">
        <v>377</v>
      </c>
      <c r="C54" s="18">
        <v>167</v>
      </c>
      <c r="D54" s="19">
        <v>210</v>
      </c>
      <c r="E54" s="17">
        <v>62</v>
      </c>
      <c r="F54" s="18">
        <v>37</v>
      </c>
      <c r="G54" s="19">
        <v>25</v>
      </c>
      <c r="H54" s="17">
        <v>3543</v>
      </c>
      <c r="I54" s="18">
        <v>2003</v>
      </c>
      <c r="J54" s="19">
        <v>1540</v>
      </c>
      <c r="K54" s="17">
        <v>3104</v>
      </c>
      <c r="L54" s="18">
        <v>1799</v>
      </c>
      <c r="M54" s="19">
        <v>1305</v>
      </c>
    </row>
    <row r="55" spans="1:13">
      <c r="A55" s="20" t="s">
        <v>62</v>
      </c>
      <c r="B55" s="21">
        <v>99</v>
      </c>
      <c r="C55" s="22">
        <v>41</v>
      </c>
      <c r="D55" s="23">
        <v>58</v>
      </c>
      <c r="E55" s="21">
        <v>8</v>
      </c>
      <c r="F55" s="22">
        <v>4</v>
      </c>
      <c r="G55" s="23">
        <v>4</v>
      </c>
      <c r="H55" s="21">
        <v>823</v>
      </c>
      <c r="I55" s="22">
        <v>447</v>
      </c>
      <c r="J55" s="23">
        <v>376</v>
      </c>
      <c r="K55" s="21">
        <v>716</v>
      </c>
      <c r="L55" s="22">
        <v>402</v>
      </c>
      <c r="M55" s="23">
        <v>314</v>
      </c>
    </row>
    <row r="56" spans="1:13">
      <c r="A56" s="20" t="s">
        <v>63</v>
      </c>
      <c r="B56" s="21">
        <v>57</v>
      </c>
      <c r="C56" s="22">
        <v>-4</v>
      </c>
      <c r="D56" s="23">
        <v>61</v>
      </c>
      <c r="E56" s="21">
        <v>7</v>
      </c>
      <c r="F56" s="22">
        <v>6</v>
      </c>
      <c r="G56" s="23">
        <v>1</v>
      </c>
      <c r="H56" s="21">
        <v>755</v>
      </c>
      <c r="I56" s="22">
        <v>409</v>
      </c>
      <c r="J56" s="23">
        <v>346</v>
      </c>
      <c r="K56" s="21">
        <v>691</v>
      </c>
      <c r="L56" s="22">
        <v>407</v>
      </c>
      <c r="M56" s="23">
        <v>284</v>
      </c>
    </row>
    <row r="57" spans="1:13">
      <c r="A57" s="20" t="s">
        <v>64</v>
      </c>
      <c r="B57" s="21">
        <v>57</v>
      </c>
      <c r="C57" s="22">
        <v>20</v>
      </c>
      <c r="D57" s="23">
        <v>37</v>
      </c>
      <c r="E57" s="21">
        <v>17</v>
      </c>
      <c r="F57" s="22">
        <v>10</v>
      </c>
      <c r="G57" s="23">
        <v>7</v>
      </c>
      <c r="H57" s="21">
        <v>714</v>
      </c>
      <c r="I57" s="22">
        <v>412</v>
      </c>
      <c r="J57" s="23">
        <v>302</v>
      </c>
      <c r="K57" s="21">
        <v>640</v>
      </c>
      <c r="L57" s="22">
        <v>382</v>
      </c>
      <c r="M57" s="23">
        <v>258</v>
      </c>
    </row>
    <row r="58" spans="1:13">
      <c r="A58" s="20" t="s">
        <v>65</v>
      </c>
      <c r="B58" s="21">
        <v>54</v>
      </c>
      <c r="C58" s="22">
        <v>30</v>
      </c>
      <c r="D58" s="23">
        <v>24</v>
      </c>
      <c r="E58" s="21">
        <v>13</v>
      </c>
      <c r="F58" s="22">
        <v>9</v>
      </c>
      <c r="G58" s="23">
        <v>4</v>
      </c>
      <c r="H58" s="21">
        <v>622</v>
      </c>
      <c r="I58" s="22">
        <v>359</v>
      </c>
      <c r="J58" s="23">
        <v>263</v>
      </c>
      <c r="K58" s="21">
        <v>555</v>
      </c>
      <c r="L58" s="22">
        <v>320</v>
      </c>
      <c r="M58" s="23">
        <v>235</v>
      </c>
    </row>
    <row r="59" spans="1:13">
      <c r="A59" s="20" t="s">
        <v>66</v>
      </c>
      <c r="B59" s="21">
        <v>110</v>
      </c>
      <c r="C59" s="22">
        <v>80</v>
      </c>
      <c r="D59" s="23">
        <v>30</v>
      </c>
      <c r="E59" s="21">
        <v>17</v>
      </c>
      <c r="F59" s="22">
        <v>8</v>
      </c>
      <c r="G59" s="23">
        <v>9</v>
      </c>
      <c r="H59" s="21">
        <v>629</v>
      </c>
      <c r="I59" s="22">
        <v>376</v>
      </c>
      <c r="J59" s="23">
        <v>253</v>
      </c>
      <c r="K59" s="21">
        <v>502</v>
      </c>
      <c r="L59" s="22">
        <v>288</v>
      </c>
      <c r="M59" s="23">
        <v>214</v>
      </c>
    </row>
    <row r="60" spans="1:13" ht="20.100000000000001" customHeight="1">
      <c r="A60" s="16" t="s">
        <v>67</v>
      </c>
      <c r="B60" s="17">
        <v>168</v>
      </c>
      <c r="C60" s="18">
        <v>7</v>
      </c>
      <c r="D60" s="19">
        <v>161</v>
      </c>
      <c r="E60" s="17">
        <v>145</v>
      </c>
      <c r="F60" s="18">
        <v>91</v>
      </c>
      <c r="G60" s="19">
        <v>54</v>
      </c>
      <c r="H60" s="17">
        <v>2815</v>
      </c>
      <c r="I60" s="18">
        <v>1543</v>
      </c>
      <c r="J60" s="19">
        <v>1272</v>
      </c>
      <c r="K60" s="17">
        <v>2502</v>
      </c>
      <c r="L60" s="18">
        <v>1445</v>
      </c>
      <c r="M60" s="19">
        <v>1057</v>
      </c>
    </row>
    <row r="61" spans="1:13">
      <c r="A61" s="20" t="s">
        <v>68</v>
      </c>
      <c r="B61" s="21">
        <v>50</v>
      </c>
      <c r="C61" s="22">
        <v>-5</v>
      </c>
      <c r="D61" s="23">
        <v>55</v>
      </c>
      <c r="E61" s="21">
        <v>21</v>
      </c>
      <c r="F61" s="22">
        <v>14</v>
      </c>
      <c r="G61" s="23">
        <v>7</v>
      </c>
      <c r="H61" s="21">
        <v>632</v>
      </c>
      <c r="I61" s="22">
        <v>340</v>
      </c>
      <c r="J61" s="23">
        <v>292</v>
      </c>
      <c r="K61" s="21">
        <v>561</v>
      </c>
      <c r="L61" s="22">
        <v>331</v>
      </c>
      <c r="M61" s="23">
        <v>230</v>
      </c>
    </row>
    <row r="62" spans="1:13">
      <c r="A62" s="20" t="s">
        <v>69</v>
      </c>
      <c r="B62" s="21">
        <v>36</v>
      </c>
      <c r="C62" s="22">
        <v>15</v>
      </c>
      <c r="D62" s="23">
        <v>21</v>
      </c>
      <c r="E62" s="21">
        <v>21</v>
      </c>
      <c r="F62" s="22">
        <v>12</v>
      </c>
      <c r="G62" s="23">
        <v>9</v>
      </c>
      <c r="H62" s="21">
        <v>604</v>
      </c>
      <c r="I62" s="22">
        <v>344</v>
      </c>
      <c r="J62" s="23">
        <v>260</v>
      </c>
      <c r="K62" s="21">
        <v>547</v>
      </c>
      <c r="L62" s="22">
        <v>317</v>
      </c>
      <c r="M62" s="23">
        <v>230</v>
      </c>
    </row>
    <row r="63" spans="1:13">
      <c r="A63" s="20" t="s">
        <v>70</v>
      </c>
      <c r="B63" s="21">
        <v>56</v>
      </c>
      <c r="C63" s="22">
        <v>33</v>
      </c>
      <c r="D63" s="23">
        <v>23</v>
      </c>
      <c r="E63" s="21">
        <v>32</v>
      </c>
      <c r="F63" s="22">
        <v>18</v>
      </c>
      <c r="G63" s="23">
        <v>14</v>
      </c>
      <c r="H63" s="21">
        <v>558</v>
      </c>
      <c r="I63" s="22">
        <v>313</v>
      </c>
      <c r="J63" s="23">
        <v>245</v>
      </c>
      <c r="K63" s="21">
        <v>470</v>
      </c>
      <c r="L63" s="22">
        <v>262</v>
      </c>
      <c r="M63" s="23">
        <v>208</v>
      </c>
    </row>
    <row r="64" spans="1:13">
      <c r="A64" s="20" t="s">
        <v>71</v>
      </c>
      <c r="B64" s="21">
        <v>24</v>
      </c>
      <c r="C64" s="22">
        <v>2</v>
      </c>
      <c r="D64" s="23">
        <v>22</v>
      </c>
      <c r="E64" s="21">
        <v>37</v>
      </c>
      <c r="F64" s="22">
        <v>21</v>
      </c>
      <c r="G64" s="23">
        <v>16</v>
      </c>
      <c r="H64" s="21">
        <v>539</v>
      </c>
      <c r="I64" s="22">
        <v>294</v>
      </c>
      <c r="J64" s="23">
        <v>245</v>
      </c>
      <c r="K64" s="21">
        <v>478</v>
      </c>
      <c r="L64" s="22">
        <v>271</v>
      </c>
      <c r="M64" s="23">
        <v>207</v>
      </c>
    </row>
    <row r="65" spans="1:13">
      <c r="A65" s="24" t="s">
        <v>72</v>
      </c>
      <c r="B65" s="25">
        <v>2</v>
      </c>
      <c r="C65" s="26">
        <v>-38</v>
      </c>
      <c r="D65" s="27">
        <v>40</v>
      </c>
      <c r="E65" s="25">
        <v>34</v>
      </c>
      <c r="F65" s="26">
        <v>26</v>
      </c>
      <c r="G65" s="27">
        <v>8</v>
      </c>
      <c r="H65" s="25">
        <v>482</v>
      </c>
      <c r="I65" s="26">
        <v>252</v>
      </c>
      <c r="J65" s="27">
        <v>230</v>
      </c>
      <c r="K65" s="25">
        <v>446</v>
      </c>
      <c r="L65" s="26">
        <v>264</v>
      </c>
      <c r="M65" s="27">
        <v>18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13">
        <v>8647</v>
      </c>
      <c r="C69" s="14">
        <v>4528</v>
      </c>
      <c r="D69" s="15">
        <v>411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17">
        <v>8647</v>
      </c>
      <c r="C70" s="18">
        <v>4528</v>
      </c>
      <c r="D70" s="19">
        <v>4119</v>
      </c>
    </row>
    <row r="71" spans="1:13">
      <c r="A71" s="24" t="s">
        <v>14</v>
      </c>
      <c r="B71" s="25">
        <v>8647</v>
      </c>
      <c r="C71" s="26">
        <v>4528</v>
      </c>
      <c r="D71" s="27">
        <v>4119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4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12</v>
      </c>
      <c r="C77" s="18">
        <v>-3</v>
      </c>
      <c r="D77" s="19">
        <v>-9</v>
      </c>
      <c r="E77" s="17">
        <v>236</v>
      </c>
      <c r="F77" s="18">
        <v>167</v>
      </c>
      <c r="G77" s="19">
        <v>69</v>
      </c>
      <c r="H77" s="17">
        <v>2176</v>
      </c>
      <c r="I77" s="18">
        <v>1263</v>
      </c>
      <c r="J77" s="19">
        <v>913</v>
      </c>
      <c r="K77" s="17">
        <v>1952</v>
      </c>
      <c r="L77" s="18">
        <v>1099</v>
      </c>
      <c r="M77" s="19">
        <v>853</v>
      </c>
    </row>
    <row r="78" spans="1:13">
      <c r="A78" s="40" t="s">
        <v>81</v>
      </c>
      <c r="B78" s="21">
        <v>24</v>
      </c>
      <c r="C78" s="22">
        <v>8</v>
      </c>
      <c r="D78" s="23">
        <v>16</v>
      </c>
      <c r="E78" s="21">
        <v>42</v>
      </c>
      <c r="F78" s="22">
        <v>29</v>
      </c>
      <c r="G78" s="23">
        <v>13</v>
      </c>
      <c r="H78" s="21">
        <v>528</v>
      </c>
      <c r="I78" s="22">
        <v>300</v>
      </c>
      <c r="J78" s="23">
        <v>228</v>
      </c>
      <c r="K78" s="21">
        <v>462</v>
      </c>
      <c r="L78" s="22">
        <v>263</v>
      </c>
      <c r="M78" s="23">
        <v>199</v>
      </c>
    </row>
    <row r="79" spans="1:13">
      <c r="A79" s="40" t="s">
        <v>82</v>
      </c>
      <c r="B79" s="21">
        <v>-29</v>
      </c>
      <c r="C79" s="22">
        <v>-12</v>
      </c>
      <c r="D79" s="23">
        <v>-17</v>
      </c>
      <c r="E79" s="21">
        <v>50</v>
      </c>
      <c r="F79" s="22">
        <v>32</v>
      </c>
      <c r="G79" s="23">
        <v>18</v>
      </c>
      <c r="H79" s="21">
        <v>469</v>
      </c>
      <c r="I79" s="22">
        <v>281</v>
      </c>
      <c r="J79" s="23">
        <v>188</v>
      </c>
      <c r="K79" s="21">
        <v>448</v>
      </c>
      <c r="L79" s="22">
        <v>261</v>
      </c>
      <c r="M79" s="23">
        <v>187</v>
      </c>
    </row>
    <row r="80" spans="1:13">
      <c r="A80" s="40" t="s">
        <v>83</v>
      </c>
      <c r="B80" s="21">
        <v>-11</v>
      </c>
      <c r="C80" s="22">
        <v>-8</v>
      </c>
      <c r="D80" s="23">
        <v>-3</v>
      </c>
      <c r="E80" s="21">
        <v>44</v>
      </c>
      <c r="F80" s="22">
        <v>32</v>
      </c>
      <c r="G80" s="23">
        <v>12</v>
      </c>
      <c r="H80" s="21">
        <v>423</v>
      </c>
      <c r="I80" s="22">
        <v>246</v>
      </c>
      <c r="J80" s="23">
        <v>177</v>
      </c>
      <c r="K80" s="21">
        <v>390</v>
      </c>
      <c r="L80" s="22">
        <v>222</v>
      </c>
      <c r="M80" s="23">
        <v>168</v>
      </c>
    </row>
    <row r="81" spans="1:13">
      <c r="A81" s="40" t="s">
        <v>84</v>
      </c>
      <c r="B81" s="21">
        <v>-35</v>
      </c>
      <c r="C81" s="22">
        <v>-6</v>
      </c>
      <c r="D81" s="23">
        <v>-29</v>
      </c>
      <c r="E81" s="21">
        <v>47</v>
      </c>
      <c r="F81" s="22">
        <v>38</v>
      </c>
      <c r="G81" s="23">
        <v>9</v>
      </c>
      <c r="H81" s="21">
        <v>343</v>
      </c>
      <c r="I81" s="22">
        <v>215</v>
      </c>
      <c r="J81" s="23">
        <v>128</v>
      </c>
      <c r="K81" s="21">
        <v>331</v>
      </c>
      <c r="L81" s="22">
        <v>183</v>
      </c>
      <c r="M81" s="23">
        <v>148</v>
      </c>
    </row>
    <row r="82" spans="1:13">
      <c r="A82" s="40" t="s">
        <v>85</v>
      </c>
      <c r="B82" s="21">
        <v>39</v>
      </c>
      <c r="C82" s="22">
        <v>15</v>
      </c>
      <c r="D82" s="23">
        <v>24</v>
      </c>
      <c r="E82" s="21">
        <v>53</v>
      </c>
      <c r="F82" s="22">
        <v>36</v>
      </c>
      <c r="G82" s="23">
        <v>17</v>
      </c>
      <c r="H82" s="21">
        <v>413</v>
      </c>
      <c r="I82" s="22">
        <v>221</v>
      </c>
      <c r="J82" s="23">
        <v>192</v>
      </c>
      <c r="K82" s="21">
        <v>321</v>
      </c>
      <c r="L82" s="22">
        <v>170</v>
      </c>
      <c r="M82" s="23">
        <v>151</v>
      </c>
    </row>
    <row r="83" spans="1:13" ht="19.5" customHeight="1">
      <c r="A83" s="34" t="s">
        <v>86</v>
      </c>
      <c r="B83" s="17">
        <v>-92</v>
      </c>
      <c r="C83" s="18">
        <v>-99</v>
      </c>
      <c r="D83" s="19">
        <v>7</v>
      </c>
      <c r="E83" s="17">
        <v>272</v>
      </c>
      <c r="F83" s="18">
        <v>175</v>
      </c>
      <c r="G83" s="19">
        <v>97</v>
      </c>
      <c r="H83" s="17">
        <v>1463</v>
      </c>
      <c r="I83" s="18">
        <v>815</v>
      </c>
      <c r="J83" s="19">
        <v>648</v>
      </c>
      <c r="K83" s="17">
        <v>1283</v>
      </c>
      <c r="L83" s="18">
        <v>739</v>
      </c>
      <c r="M83" s="19">
        <v>544</v>
      </c>
    </row>
    <row r="84" spans="1:13">
      <c r="A84" s="40" t="s">
        <v>87</v>
      </c>
      <c r="B84" s="21">
        <v>-15</v>
      </c>
      <c r="C84" s="22">
        <v>0</v>
      </c>
      <c r="D84" s="23">
        <v>-15</v>
      </c>
      <c r="E84" s="21">
        <v>54</v>
      </c>
      <c r="F84" s="22">
        <v>32</v>
      </c>
      <c r="G84" s="23">
        <v>22</v>
      </c>
      <c r="H84" s="21">
        <v>323</v>
      </c>
      <c r="I84" s="22">
        <v>183</v>
      </c>
      <c r="J84" s="23">
        <v>140</v>
      </c>
      <c r="K84" s="21">
        <v>284</v>
      </c>
      <c r="L84" s="22">
        <v>151</v>
      </c>
      <c r="M84" s="23">
        <v>133</v>
      </c>
    </row>
    <row r="85" spans="1:13">
      <c r="A85" s="40" t="s">
        <v>88</v>
      </c>
      <c r="B85" s="21">
        <v>5</v>
      </c>
      <c r="C85" s="22">
        <v>-22</v>
      </c>
      <c r="D85" s="23">
        <v>27</v>
      </c>
      <c r="E85" s="21">
        <v>42</v>
      </c>
      <c r="F85" s="22">
        <v>29</v>
      </c>
      <c r="G85" s="23">
        <v>13</v>
      </c>
      <c r="H85" s="21">
        <v>340</v>
      </c>
      <c r="I85" s="22">
        <v>180</v>
      </c>
      <c r="J85" s="23">
        <v>160</v>
      </c>
      <c r="K85" s="21">
        <v>293</v>
      </c>
      <c r="L85" s="22">
        <v>173</v>
      </c>
      <c r="M85" s="23">
        <v>120</v>
      </c>
    </row>
    <row r="86" spans="1:13">
      <c r="A86" s="40" t="s">
        <v>89</v>
      </c>
      <c r="B86" s="21">
        <v>-2</v>
      </c>
      <c r="C86" s="22">
        <v>0</v>
      </c>
      <c r="D86" s="23">
        <v>-2</v>
      </c>
      <c r="E86" s="21">
        <v>52</v>
      </c>
      <c r="F86" s="22">
        <v>29</v>
      </c>
      <c r="G86" s="23">
        <v>23</v>
      </c>
      <c r="H86" s="21">
        <v>289</v>
      </c>
      <c r="I86" s="22">
        <v>161</v>
      </c>
      <c r="J86" s="23">
        <v>128</v>
      </c>
      <c r="K86" s="21">
        <v>239</v>
      </c>
      <c r="L86" s="22">
        <v>132</v>
      </c>
      <c r="M86" s="23">
        <v>107</v>
      </c>
    </row>
    <row r="87" spans="1:13">
      <c r="A87" s="40" t="s">
        <v>90</v>
      </c>
      <c r="B87" s="21">
        <v>-49</v>
      </c>
      <c r="C87" s="22">
        <v>-45</v>
      </c>
      <c r="D87" s="23">
        <v>-4</v>
      </c>
      <c r="E87" s="21">
        <v>52</v>
      </c>
      <c r="F87" s="22">
        <v>33</v>
      </c>
      <c r="G87" s="23">
        <v>19</v>
      </c>
      <c r="H87" s="21">
        <v>258</v>
      </c>
      <c r="I87" s="22">
        <v>154</v>
      </c>
      <c r="J87" s="23">
        <v>104</v>
      </c>
      <c r="K87" s="21">
        <v>255</v>
      </c>
      <c r="L87" s="22">
        <v>166</v>
      </c>
      <c r="M87" s="23">
        <v>89</v>
      </c>
    </row>
    <row r="88" spans="1:13">
      <c r="A88" s="40" t="s">
        <v>91</v>
      </c>
      <c r="B88" s="21">
        <v>-31</v>
      </c>
      <c r="C88" s="22">
        <v>-32</v>
      </c>
      <c r="D88" s="23">
        <v>1</v>
      </c>
      <c r="E88" s="21">
        <v>72</v>
      </c>
      <c r="F88" s="22">
        <v>52</v>
      </c>
      <c r="G88" s="23">
        <v>20</v>
      </c>
      <c r="H88" s="21">
        <v>253</v>
      </c>
      <c r="I88" s="22">
        <v>137</v>
      </c>
      <c r="J88" s="23">
        <v>116</v>
      </c>
      <c r="K88" s="21">
        <v>212</v>
      </c>
      <c r="L88" s="22">
        <v>117</v>
      </c>
      <c r="M88" s="23">
        <v>95</v>
      </c>
    </row>
    <row r="89" spans="1:13" ht="19.5" customHeight="1">
      <c r="A89" s="34" t="s">
        <v>92</v>
      </c>
      <c r="B89" s="17">
        <v>-111</v>
      </c>
      <c r="C89" s="18">
        <v>-127</v>
      </c>
      <c r="D89" s="19">
        <v>16</v>
      </c>
      <c r="E89" s="17">
        <v>323</v>
      </c>
      <c r="F89" s="18">
        <v>212</v>
      </c>
      <c r="G89" s="19">
        <v>111</v>
      </c>
      <c r="H89" s="17">
        <v>1158</v>
      </c>
      <c r="I89" s="18">
        <v>667</v>
      </c>
      <c r="J89" s="19">
        <v>491</v>
      </c>
      <c r="K89" s="17">
        <v>946</v>
      </c>
      <c r="L89" s="18">
        <v>582</v>
      </c>
      <c r="M89" s="19">
        <v>364</v>
      </c>
    </row>
    <row r="90" spans="1:13">
      <c r="A90" s="40" t="s">
        <v>93</v>
      </c>
      <c r="B90" s="21">
        <v>-21</v>
      </c>
      <c r="C90" s="22">
        <v>-24</v>
      </c>
      <c r="D90" s="23">
        <v>3</v>
      </c>
      <c r="E90" s="21">
        <v>56</v>
      </c>
      <c r="F90" s="22">
        <v>35</v>
      </c>
      <c r="G90" s="23">
        <v>21</v>
      </c>
      <c r="H90" s="21">
        <v>295</v>
      </c>
      <c r="I90" s="22">
        <v>174</v>
      </c>
      <c r="J90" s="23">
        <v>121</v>
      </c>
      <c r="K90" s="21">
        <v>260</v>
      </c>
      <c r="L90" s="22">
        <v>163</v>
      </c>
      <c r="M90" s="23">
        <v>97</v>
      </c>
    </row>
    <row r="91" spans="1:13">
      <c r="A91" s="40" t="s">
        <v>94</v>
      </c>
      <c r="B91" s="21">
        <v>-13</v>
      </c>
      <c r="C91" s="22">
        <v>-28</v>
      </c>
      <c r="D91" s="23">
        <v>15</v>
      </c>
      <c r="E91" s="21">
        <v>60</v>
      </c>
      <c r="F91" s="22">
        <v>44</v>
      </c>
      <c r="G91" s="23">
        <v>16</v>
      </c>
      <c r="H91" s="21">
        <v>238</v>
      </c>
      <c r="I91" s="22">
        <v>138</v>
      </c>
      <c r="J91" s="23">
        <v>100</v>
      </c>
      <c r="K91" s="21">
        <v>191</v>
      </c>
      <c r="L91" s="22">
        <v>122</v>
      </c>
      <c r="M91" s="23">
        <v>69</v>
      </c>
    </row>
    <row r="92" spans="1:13">
      <c r="A92" s="40" t="s">
        <v>95</v>
      </c>
      <c r="B92" s="21">
        <v>-15</v>
      </c>
      <c r="C92" s="22">
        <v>-22</v>
      </c>
      <c r="D92" s="23">
        <v>7</v>
      </c>
      <c r="E92" s="21">
        <v>65</v>
      </c>
      <c r="F92" s="22">
        <v>39</v>
      </c>
      <c r="G92" s="23">
        <v>26</v>
      </c>
      <c r="H92" s="21">
        <v>208</v>
      </c>
      <c r="I92" s="22">
        <v>121</v>
      </c>
      <c r="J92" s="23">
        <v>87</v>
      </c>
      <c r="K92" s="21">
        <v>158</v>
      </c>
      <c r="L92" s="22">
        <v>104</v>
      </c>
      <c r="M92" s="23">
        <v>54</v>
      </c>
    </row>
    <row r="93" spans="1:13">
      <c r="A93" s="40" t="s">
        <v>96</v>
      </c>
      <c r="B93" s="21">
        <v>-17</v>
      </c>
      <c r="C93" s="22">
        <v>-20</v>
      </c>
      <c r="D93" s="23">
        <v>3</v>
      </c>
      <c r="E93" s="21">
        <v>69</v>
      </c>
      <c r="F93" s="22">
        <v>46</v>
      </c>
      <c r="G93" s="23">
        <v>23</v>
      </c>
      <c r="H93" s="21">
        <v>212</v>
      </c>
      <c r="I93" s="22">
        <v>117</v>
      </c>
      <c r="J93" s="23">
        <v>95</v>
      </c>
      <c r="K93" s="21">
        <v>160</v>
      </c>
      <c r="L93" s="22">
        <v>91</v>
      </c>
      <c r="M93" s="23">
        <v>69</v>
      </c>
    </row>
    <row r="94" spans="1:13">
      <c r="A94" s="40" t="s">
        <v>97</v>
      </c>
      <c r="B94" s="21">
        <v>-45</v>
      </c>
      <c r="C94" s="22">
        <v>-33</v>
      </c>
      <c r="D94" s="23">
        <v>-12</v>
      </c>
      <c r="E94" s="21">
        <v>73</v>
      </c>
      <c r="F94" s="22">
        <v>48</v>
      </c>
      <c r="G94" s="23">
        <v>25</v>
      </c>
      <c r="H94" s="21">
        <v>205</v>
      </c>
      <c r="I94" s="22">
        <v>117</v>
      </c>
      <c r="J94" s="23">
        <v>88</v>
      </c>
      <c r="K94" s="21">
        <v>177</v>
      </c>
      <c r="L94" s="22">
        <v>102</v>
      </c>
      <c r="M94" s="23">
        <v>75</v>
      </c>
    </row>
    <row r="95" spans="1:13" ht="19.5" customHeight="1">
      <c r="A95" s="34" t="s">
        <v>98</v>
      </c>
      <c r="B95" s="17">
        <v>-585</v>
      </c>
      <c r="C95" s="18">
        <v>-385</v>
      </c>
      <c r="D95" s="19">
        <v>-200</v>
      </c>
      <c r="E95" s="17">
        <v>679</v>
      </c>
      <c r="F95" s="18">
        <v>452</v>
      </c>
      <c r="G95" s="19">
        <v>227</v>
      </c>
      <c r="H95" s="17">
        <v>867</v>
      </c>
      <c r="I95" s="18">
        <v>476</v>
      </c>
      <c r="J95" s="19">
        <v>391</v>
      </c>
      <c r="K95" s="17">
        <v>773</v>
      </c>
      <c r="L95" s="18">
        <v>409</v>
      </c>
      <c r="M95" s="19">
        <v>364</v>
      </c>
    </row>
    <row r="96" spans="1:13">
      <c r="A96" s="40" t="s">
        <v>99</v>
      </c>
      <c r="B96" s="21">
        <v>-55</v>
      </c>
      <c r="C96" s="22">
        <v>-24</v>
      </c>
      <c r="D96" s="23">
        <v>-31</v>
      </c>
      <c r="E96" s="21">
        <v>82</v>
      </c>
      <c r="F96" s="22">
        <v>52</v>
      </c>
      <c r="G96" s="23">
        <v>30</v>
      </c>
      <c r="H96" s="21">
        <v>183</v>
      </c>
      <c r="I96" s="22">
        <v>115</v>
      </c>
      <c r="J96" s="23">
        <v>68</v>
      </c>
      <c r="K96" s="21">
        <v>156</v>
      </c>
      <c r="L96" s="22">
        <v>87</v>
      </c>
      <c r="M96" s="23">
        <v>69</v>
      </c>
    </row>
    <row r="97" spans="1:13">
      <c r="A97" s="40" t="s">
        <v>100</v>
      </c>
      <c r="B97" s="21">
        <v>-69</v>
      </c>
      <c r="C97" s="22">
        <v>-55</v>
      </c>
      <c r="D97" s="23">
        <v>-14</v>
      </c>
      <c r="E97" s="21">
        <v>99</v>
      </c>
      <c r="F97" s="22">
        <v>69</v>
      </c>
      <c r="G97" s="23">
        <v>30</v>
      </c>
      <c r="H97" s="21">
        <v>157</v>
      </c>
      <c r="I97" s="22">
        <v>87</v>
      </c>
      <c r="J97" s="23">
        <v>70</v>
      </c>
      <c r="K97" s="21">
        <v>127</v>
      </c>
      <c r="L97" s="22">
        <v>73</v>
      </c>
      <c r="M97" s="23">
        <v>54</v>
      </c>
    </row>
    <row r="98" spans="1:13">
      <c r="A98" s="40" t="s">
        <v>101</v>
      </c>
      <c r="B98" s="21">
        <v>-131</v>
      </c>
      <c r="C98" s="22">
        <v>-95</v>
      </c>
      <c r="D98" s="23">
        <v>-36</v>
      </c>
      <c r="E98" s="21">
        <v>129</v>
      </c>
      <c r="F98" s="22">
        <v>87</v>
      </c>
      <c r="G98" s="23">
        <v>42</v>
      </c>
      <c r="H98" s="21">
        <v>169</v>
      </c>
      <c r="I98" s="22">
        <v>83</v>
      </c>
      <c r="J98" s="23">
        <v>86</v>
      </c>
      <c r="K98" s="21">
        <v>171</v>
      </c>
      <c r="L98" s="22">
        <v>91</v>
      </c>
      <c r="M98" s="23">
        <v>80</v>
      </c>
    </row>
    <row r="99" spans="1:13">
      <c r="A99" s="40" t="s">
        <v>102</v>
      </c>
      <c r="B99" s="21">
        <v>-141</v>
      </c>
      <c r="C99" s="22">
        <v>-76</v>
      </c>
      <c r="D99" s="23">
        <v>-65</v>
      </c>
      <c r="E99" s="21">
        <v>163</v>
      </c>
      <c r="F99" s="22">
        <v>101</v>
      </c>
      <c r="G99" s="23">
        <v>62</v>
      </c>
      <c r="H99" s="21">
        <v>182</v>
      </c>
      <c r="I99" s="22">
        <v>98</v>
      </c>
      <c r="J99" s="23">
        <v>84</v>
      </c>
      <c r="K99" s="21">
        <v>160</v>
      </c>
      <c r="L99" s="22">
        <v>73</v>
      </c>
      <c r="M99" s="23">
        <v>87</v>
      </c>
    </row>
    <row r="100" spans="1:13">
      <c r="A100" s="40" t="s">
        <v>103</v>
      </c>
      <c r="B100" s="21">
        <v>-189</v>
      </c>
      <c r="C100" s="22">
        <v>-135</v>
      </c>
      <c r="D100" s="23">
        <v>-54</v>
      </c>
      <c r="E100" s="21">
        <v>206</v>
      </c>
      <c r="F100" s="22">
        <v>143</v>
      </c>
      <c r="G100" s="23">
        <v>63</v>
      </c>
      <c r="H100" s="21">
        <v>176</v>
      </c>
      <c r="I100" s="22">
        <v>93</v>
      </c>
      <c r="J100" s="23">
        <v>83</v>
      </c>
      <c r="K100" s="21">
        <v>159</v>
      </c>
      <c r="L100" s="22">
        <v>85</v>
      </c>
      <c r="M100" s="23">
        <v>74</v>
      </c>
    </row>
    <row r="101" spans="1:13" ht="19.5" customHeight="1">
      <c r="A101" s="34" t="s">
        <v>104</v>
      </c>
      <c r="B101" s="17">
        <v>-990</v>
      </c>
      <c r="C101" s="18">
        <v>-661</v>
      </c>
      <c r="D101" s="19">
        <v>-329</v>
      </c>
      <c r="E101" s="17">
        <v>1095</v>
      </c>
      <c r="F101" s="18">
        <v>723</v>
      </c>
      <c r="G101" s="19">
        <v>372</v>
      </c>
      <c r="H101" s="17">
        <v>790</v>
      </c>
      <c r="I101" s="18">
        <v>389</v>
      </c>
      <c r="J101" s="19">
        <v>401</v>
      </c>
      <c r="K101" s="17">
        <v>685</v>
      </c>
      <c r="L101" s="18">
        <v>327</v>
      </c>
      <c r="M101" s="19">
        <v>358</v>
      </c>
    </row>
    <row r="102" spans="1:13">
      <c r="A102" s="40" t="s">
        <v>105</v>
      </c>
      <c r="B102" s="21">
        <v>-180</v>
      </c>
      <c r="C102" s="22">
        <v>-113</v>
      </c>
      <c r="D102" s="23">
        <v>-67</v>
      </c>
      <c r="E102" s="21">
        <v>211</v>
      </c>
      <c r="F102" s="22">
        <v>152</v>
      </c>
      <c r="G102" s="23">
        <v>59</v>
      </c>
      <c r="H102" s="21">
        <v>209</v>
      </c>
      <c r="I102" s="22">
        <v>120</v>
      </c>
      <c r="J102" s="23">
        <v>89</v>
      </c>
      <c r="K102" s="21">
        <v>178</v>
      </c>
      <c r="L102" s="22">
        <v>81</v>
      </c>
      <c r="M102" s="23">
        <v>97</v>
      </c>
    </row>
    <row r="103" spans="1:13">
      <c r="A103" s="40" t="s">
        <v>106</v>
      </c>
      <c r="B103" s="21">
        <v>-195</v>
      </c>
      <c r="C103" s="22">
        <v>-140</v>
      </c>
      <c r="D103" s="23">
        <v>-55</v>
      </c>
      <c r="E103" s="21">
        <v>226</v>
      </c>
      <c r="F103" s="22">
        <v>143</v>
      </c>
      <c r="G103" s="23">
        <v>83</v>
      </c>
      <c r="H103" s="21">
        <v>187</v>
      </c>
      <c r="I103" s="22">
        <v>85</v>
      </c>
      <c r="J103" s="23">
        <v>102</v>
      </c>
      <c r="K103" s="21">
        <v>156</v>
      </c>
      <c r="L103" s="22">
        <v>82</v>
      </c>
      <c r="M103" s="23">
        <v>74</v>
      </c>
    </row>
    <row r="104" spans="1:13">
      <c r="A104" s="40" t="s">
        <v>107</v>
      </c>
      <c r="B104" s="21">
        <v>-240</v>
      </c>
      <c r="C104" s="22">
        <v>-153</v>
      </c>
      <c r="D104" s="23">
        <v>-87</v>
      </c>
      <c r="E104" s="21">
        <v>235</v>
      </c>
      <c r="F104" s="22">
        <v>149</v>
      </c>
      <c r="G104" s="23">
        <v>86</v>
      </c>
      <c r="H104" s="21">
        <v>154</v>
      </c>
      <c r="I104" s="22">
        <v>71</v>
      </c>
      <c r="J104" s="23">
        <v>83</v>
      </c>
      <c r="K104" s="21">
        <v>159</v>
      </c>
      <c r="L104" s="22">
        <v>75</v>
      </c>
      <c r="M104" s="23">
        <v>84</v>
      </c>
    </row>
    <row r="105" spans="1:13">
      <c r="A105" s="40" t="s">
        <v>108</v>
      </c>
      <c r="B105" s="21">
        <v>-189</v>
      </c>
      <c r="C105" s="22">
        <v>-123</v>
      </c>
      <c r="D105" s="23">
        <v>-66</v>
      </c>
      <c r="E105" s="21">
        <v>197</v>
      </c>
      <c r="F105" s="22">
        <v>132</v>
      </c>
      <c r="G105" s="23">
        <v>65</v>
      </c>
      <c r="H105" s="21">
        <v>117</v>
      </c>
      <c r="I105" s="22">
        <v>61</v>
      </c>
      <c r="J105" s="23">
        <v>56</v>
      </c>
      <c r="K105" s="21">
        <v>109</v>
      </c>
      <c r="L105" s="22">
        <v>52</v>
      </c>
      <c r="M105" s="23">
        <v>57</v>
      </c>
    </row>
    <row r="106" spans="1:13">
      <c r="A106" s="40" t="s">
        <v>109</v>
      </c>
      <c r="B106" s="21">
        <v>-186</v>
      </c>
      <c r="C106" s="22">
        <v>-132</v>
      </c>
      <c r="D106" s="23">
        <v>-54</v>
      </c>
      <c r="E106" s="21">
        <v>226</v>
      </c>
      <c r="F106" s="22">
        <v>147</v>
      </c>
      <c r="G106" s="23">
        <v>79</v>
      </c>
      <c r="H106" s="21">
        <v>123</v>
      </c>
      <c r="I106" s="22">
        <v>52</v>
      </c>
      <c r="J106" s="23">
        <v>71</v>
      </c>
      <c r="K106" s="21">
        <v>83</v>
      </c>
      <c r="L106" s="22">
        <v>37</v>
      </c>
      <c r="M106" s="23">
        <v>46</v>
      </c>
    </row>
    <row r="107" spans="1:13" ht="19.5" customHeight="1">
      <c r="A107" s="34" t="s">
        <v>110</v>
      </c>
      <c r="B107" s="17">
        <v>-1387</v>
      </c>
      <c r="C107" s="18">
        <v>-992</v>
      </c>
      <c r="D107" s="19">
        <v>-395</v>
      </c>
      <c r="E107" s="17">
        <v>1550</v>
      </c>
      <c r="F107" s="18">
        <v>1035</v>
      </c>
      <c r="G107" s="19">
        <v>515</v>
      </c>
      <c r="H107" s="17">
        <v>728</v>
      </c>
      <c r="I107" s="18">
        <v>291</v>
      </c>
      <c r="J107" s="19">
        <v>437</v>
      </c>
      <c r="K107" s="17">
        <v>565</v>
      </c>
      <c r="L107" s="18">
        <v>248</v>
      </c>
      <c r="M107" s="19">
        <v>317</v>
      </c>
    </row>
    <row r="108" spans="1:13">
      <c r="A108" s="40" t="s">
        <v>111</v>
      </c>
      <c r="B108" s="21">
        <v>-277</v>
      </c>
      <c r="C108" s="22">
        <v>-187</v>
      </c>
      <c r="D108" s="23">
        <v>-90</v>
      </c>
      <c r="E108" s="21">
        <v>286</v>
      </c>
      <c r="F108" s="22">
        <v>187</v>
      </c>
      <c r="G108" s="23">
        <v>99</v>
      </c>
      <c r="H108" s="21">
        <v>128</v>
      </c>
      <c r="I108" s="22">
        <v>56</v>
      </c>
      <c r="J108" s="23">
        <v>72</v>
      </c>
      <c r="K108" s="21">
        <v>119</v>
      </c>
      <c r="L108" s="22">
        <v>56</v>
      </c>
      <c r="M108" s="23">
        <v>63</v>
      </c>
    </row>
    <row r="109" spans="1:13">
      <c r="A109" s="40" t="s">
        <v>112</v>
      </c>
      <c r="B109" s="21">
        <v>-238</v>
      </c>
      <c r="C109" s="22">
        <v>-187</v>
      </c>
      <c r="D109" s="23">
        <v>-51</v>
      </c>
      <c r="E109" s="21">
        <v>279</v>
      </c>
      <c r="F109" s="22">
        <v>191</v>
      </c>
      <c r="G109" s="23">
        <v>88</v>
      </c>
      <c r="H109" s="21">
        <v>153</v>
      </c>
      <c r="I109" s="22">
        <v>64</v>
      </c>
      <c r="J109" s="23">
        <v>89</v>
      </c>
      <c r="K109" s="21">
        <v>112</v>
      </c>
      <c r="L109" s="22">
        <v>60</v>
      </c>
      <c r="M109" s="23">
        <v>52</v>
      </c>
    </row>
    <row r="110" spans="1:13">
      <c r="A110" s="40" t="s">
        <v>113</v>
      </c>
      <c r="B110" s="21">
        <v>-278</v>
      </c>
      <c r="C110" s="22">
        <v>-212</v>
      </c>
      <c r="D110" s="23">
        <v>-66</v>
      </c>
      <c r="E110" s="21">
        <v>313</v>
      </c>
      <c r="F110" s="22">
        <v>226</v>
      </c>
      <c r="G110" s="23">
        <v>87</v>
      </c>
      <c r="H110" s="21">
        <v>151</v>
      </c>
      <c r="I110" s="22">
        <v>62</v>
      </c>
      <c r="J110" s="23">
        <v>89</v>
      </c>
      <c r="K110" s="21">
        <v>116</v>
      </c>
      <c r="L110" s="22">
        <v>48</v>
      </c>
      <c r="M110" s="23">
        <v>68</v>
      </c>
    </row>
    <row r="111" spans="1:13">
      <c r="A111" s="40" t="s">
        <v>114</v>
      </c>
      <c r="B111" s="21">
        <v>-302</v>
      </c>
      <c r="C111" s="22">
        <v>-213</v>
      </c>
      <c r="D111" s="23">
        <v>-89</v>
      </c>
      <c r="E111" s="21">
        <v>352</v>
      </c>
      <c r="F111" s="22">
        <v>231</v>
      </c>
      <c r="G111" s="23">
        <v>121</v>
      </c>
      <c r="H111" s="21">
        <v>165</v>
      </c>
      <c r="I111" s="22">
        <v>64</v>
      </c>
      <c r="J111" s="23">
        <v>101</v>
      </c>
      <c r="K111" s="21">
        <v>115</v>
      </c>
      <c r="L111" s="22">
        <v>46</v>
      </c>
      <c r="M111" s="23">
        <v>69</v>
      </c>
    </row>
    <row r="112" spans="1:13">
      <c r="A112" s="40" t="s">
        <v>115</v>
      </c>
      <c r="B112" s="21">
        <v>-292</v>
      </c>
      <c r="C112" s="22">
        <v>-193</v>
      </c>
      <c r="D112" s="23">
        <v>-99</v>
      </c>
      <c r="E112" s="21">
        <v>320</v>
      </c>
      <c r="F112" s="22">
        <v>200</v>
      </c>
      <c r="G112" s="23">
        <v>120</v>
      </c>
      <c r="H112" s="21">
        <v>131</v>
      </c>
      <c r="I112" s="22">
        <v>45</v>
      </c>
      <c r="J112" s="23">
        <v>86</v>
      </c>
      <c r="K112" s="21">
        <v>103</v>
      </c>
      <c r="L112" s="22">
        <v>38</v>
      </c>
      <c r="M112" s="23">
        <v>65</v>
      </c>
    </row>
    <row r="113" spans="1:13" ht="19.5" customHeight="1">
      <c r="A113" s="34" t="s">
        <v>116</v>
      </c>
      <c r="B113" s="17">
        <v>-1868</v>
      </c>
      <c r="C113" s="18">
        <v>-1166</v>
      </c>
      <c r="D113" s="19">
        <v>-702</v>
      </c>
      <c r="E113" s="17">
        <v>1991</v>
      </c>
      <c r="F113" s="18">
        <v>1168</v>
      </c>
      <c r="G113" s="19">
        <v>823</v>
      </c>
      <c r="H113" s="17">
        <v>614</v>
      </c>
      <c r="I113" s="18">
        <v>207</v>
      </c>
      <c r="J113" s="19">
        <v>407</v>
      </c>
      <c r="K113" s="17">
        <v>491</v>
      </c>
      <c r="L113" s="18">
        <v>205</v>
      </c>
      <c r="M113" s="19">
        <v>286</v>
      </c>
    </row>
    <row r="114" spans="1:13">
      <c r="A114" s="40" t="s">
        <v>117</v>
      </c>
      <c r="B114" s="21">
        <v>-280</v>
      </c>
      <c r="C114" s="22">
        <v>-182</v>
      </c>
      <c r="D114" s="23">
        <v>-98</v>
      </c>
      <c r="E114" s="21">
        <v>314</v>
      </c>
      <c r="F114" s="22">
        <v>195</v>
      </c>
      <c r="G114" s="23">
        <v>119</v>
      </c>
      <c r="H114" s="21">
        <v>135</v>
      </c>
      <c r="I114" s="22">
        <v>45</v>
      </c>
      <c r="J114" s="23">
        <v>90</v>
      </c>
      <c r="K114" s="21">
        <v>101</v>
      </c>
      <c r="L114" s="22">
        <v>32</v>
      </c>
      <c r="M114" s="23">
        <v>69</v>
      </c>
    </row>
    <row r="115" spans="1:13">
      <c r="A115" s="40" t="s">
        <v>118</v>
      </c>
      <c r="B115" s="21">
        <v>-369</v>
      </c>
      <c r="C115" s="22">
        <v>-237</v>
      </c>
      <c r="D115" s="23">
        <v>-132</v>
      </c>
      <c r="E115" s="21">
        <v>390</v>
      </c>
      <c r="F115" s="22">
        <v>228</v>
      </c>
      <c r="G115" s="23">
        <v>162</v>
      </c>
      <c r="H115" s="21">
        <v>125</v>
      </c>
      <c r="I115" s="22">
        <v>37</v>
      </c>
      <c r="J115" s="23">
        <v>88</v>
      </c>
      <c r="K115" s="21">
        <v>104</v>
      </c>
      <c r="L115" s="22">
        <v>46</v>
      </c>
      <c r="M115" s="23">
        <v>58</v>
      </c>
    </row>
    <row r="116" spans="1:13">
      <c r="A116" s="40" t="s">
        <v>119</v>
      </c>
      <c r="B116" s="21">
        <v>-389</v>
      </c>
      <c r="C116" s="22">
        <v>-222</v>
      </c>
      <c r="D116" s="23">
        <v>-167</v>
      </c>
      <c r="E116" s="21">
        <v>401</v>
      </c>
      <c r="F116" s="22">
        <v>227</v>
      </c>
      <c r="G116" s="23">
        <v>174</v>
      </c>
      <c r="H116" s="21">
        <v>107</v>
      </c>
      <c r="I116" s="22">
        <v>43</v>
      </c>
      <c r="J116" s="23">
        <v>64</v>
      </c>
      <c r="K116" s="21">
        <v>95</v>
      </c>
      <c r="L116" s="22">
        <v>38</v>
      </c>
      <c r="M116" s="23">
        <v>57</v>
      </c>
    </row>
    <row r="117" spans="1:13">
      <c r="A117" s="40" t="s">
        <v>120</v>
      </c>
      <c r="B117" s="21">
        <v>-390</v>
      </c>
      <c r="C117" s="22">
        <v>-254</v>
      </c>
      <c r="D117" s="23">
        <v>-136</v>
      </c>
      <c r="E117" s="21">
        <v>418</v>
      </c>
      <c r="F117" s="22">
        <v>247</v>
      </c>
      <c r="G117" s="23">
        <v>171</v>
      </c>
      <c r="H117" s="21">
        <v>116</v>
      </c>
      <c r="I117" s="22">
        <v>38</v>
      </c>
      <c r="J117" s="23">
        <v>78</v>
      </c>
      <c r="K117" s="21">
        <v>88</v>
      </c>
      <c r="L117" s="22">
        <v>45</v>
      </c>
      <c r="M117" s="23">
        <v>43</v>
      </c>
    </row>
    <row r="118" spans="1:13">
      <c r="A118" s="40" t="s">
        <v>121</v>
      </c>
      <c r="B118" s="21">
        <v>-440</v>
      </c>
      <c r="C118" s="22">
        <v>-271</v>
      </c>
      <c r="D118" s="23">
        <v>-169</v>
      </c>
      <c r="E118" s="21">
        <v>468</v>
      </c>
      <c r="F118" s="22">
        <v>271</v>
      </c>
      <c r="G118" s="23">
        <v>197</v>
      </c>
      <c r="H118" s="21">
        <v>131</v>
      </c>
      <c r="I118" s="22">
        <v>44</v>
      </c>
      <c r="J118" s="23">
        <v>87</v>
      </c>
      <c r="K118" s="21">
        <v>103</v>
      </c>
      <c r="L118" s="22">
        <v>44</v>
      </c>
      <c r="M118" s="23">
        <v>59</v>
      </c>
    </row>
    <row r="119" spans="1:13" ht="19.5" customHeight="1">
      <c r="A119" s="34" t="s">
        <v>122</v>
      </c>
      <c r="B119" s="17">
        <v>-2222</v>
      </c>
      <c r="C119" s="18">
        <v>-1146</v>
      </c>
      <c r="D119" s="19">
        <v>-1076</v>
      </c>
      <c r="E119" s="17">
        <v>2396</v>
      </c>
      <c r="F119" s="18">
        <v>1200</v>
      </c>
      <c r="G119" s="19">
        <v>1196</v>
      </c>
      <c r="H119" s="17">
        <v>563</v>
      </c>
      <c r="I119" s="18">
        <v>168</v>
      </c>
      <c r="J119" s="19">
        <v>395</v>
      </c>
      <c r="K119" s="17">
        <v>389</v>
      </c>
      <c r="L119" s="18">
        <v>114</v>
      </c>
      <c r="M119" s="19">
        <v>275</v>
      </c>
    </row>
    <row r="120" spans="1:13">
      <c r="A120" s="40" t="s">
        <v>123</v>
      </c>
      <c r="B120" s="21">
        <v>-411</v>
      </c>
      <c r="C120" s="22">
        <v>-239</v>
      </c>
      <c r="D120" s="23">
        <v>-172</v>
      </c>
      <c r="E120" s="21">
        <v>442</v>
      </c>
      <c r="F120" s="22">
        <v>253</v>
      </c>
      <c r="G120" s="23">
        <v>189</v>
      </c>
      <c r="H120" s="21">
        <v>110</v>
      </c>
      <c r="I120" s="22">
        <v>41</v>
      </c>
      <c r="J120" s="23">
        <v>69</v>
      </c>
      <c r="K120" s="21">
        <v>79</v>
      </c>
      <c r="L120" s="22">
        <v>27</v>
      </c>
      <c r="M120" s="23">
        <v>52</v>
      </c>
    </row>
    <row r="121" spans="1:13">
      <c r="A121" s="40" t="s">
        <v>124</v>
      </c>
      <c r="B121" s="21">
        <v>-443</v>
      </c>
      <c r="C121" s="22">
        <v>-237</v>
      </c>
      <c r="D121" s="23">
        <v>-206</v>
      </c>
      <c r="E121" s="21">
        <v>475</v>
      </c>
      <c r="F121" s="22">
        <v>241</v>
      </c>
      <c r="G121" s="23">
        <v>234</v>
      </c>
      <c r="H121" s="21">
        <v>120</v>
      </c>
      <c r="I121" s="22">
        <v>34</v>
      </c>
      <c r="J121" s="23">
        <v>86</v>
      </c>
      <c r="K121" s="21">
        <v>88</v>
      </c>
      <c r="L121" s="22">
        <v>30</v>
      </c>
      <c r="M121" s="23">
        <v>58</v>
      </c>
    </row>
    <row r="122" spans="1:13">
      <c r="A122" s="40" t="s">
        <v>125</v>
      </c>
      <c r="B122" s="21">
        <v>-488</v>
      </c>
      <c r="C122" s="22">
        <v>-240</v>
      </c>
      <c r="D122" s="23">
        <v>-248</v>
      </c>
      <c r="E122" s="21">
        <v>514</v>
      </c>
      <c r="F122" s="22">
        <v>256</v>
      </c>
      <c r="G122" s="23">
        <v>258</v>
      </c>
      <c r="H122" s="21">
        <v>116</v>
      </c>
      <c r="I122" s="22">
        <v>38</v>
      </c>
      <c r="J122" s="23">
        <v>78</v>
      </c>
      <c r="K122" s="21">
        <v>90</v>
      </c>
      <c r="L122" s="22">
        <v>22</v>
      </c>
      <c r="M122" s="23">
        <v>68</v>
      </c>
    </row>
    <row r="123" spans="1:13">
      <c r="A123" s="40" t="s">
        <v>126</v>
      </c>
      <c r="B123" s="21">
        <v>-442</v>
      </c>
      <c r="C123" s="22">
        <v>-208</v>
      </c>
      <c r="D123" s="23">
        <v>-234</v>
      </c>
      <c r="E123" s="21">
        <v>481</v>
      </c>
      <c r="F123" s="22">
        <v>220</v>
      </c>
      <c r="G123" s="23">
        <v>261</v>
      </c>
      <c r="H123" s="21">
        <v>108</v>
      </c>
      <c r="I123" s="22">
        <v>26</v>
      </c>
      <c r="J123" s="23">
        <v>82</v>
      </c>
      <c r="K123" s="21">
        <v>69</v>
      </c>
      <c r="L123" s="22">
        <v>14</v>
      </c>
      <c r="M123" s="23">
        <v>55</v>
      </c>
    </row>
    <row r="124" spans="1:13">
      <c r="A124" s="40" t="s">
        <v>127</v>
      </c>
      <c r="B124" s="21">
        <v>-438</v>
      </c>
      <c r="C124" s="22">
        <v>-222</v>
      </c>
      <c r="D124" s="23">
        <v>-216</v>
      </c>
      <c r="E124" s="21">
        <v>484</v>
      </c>
      <c r="F124" s="22">
        <v>230</v>
      </c>
      <c r="G124" s="23">
        <v>254</v>
      </c>
      <c r="H124" s="21">
        <v>109</v>
      </c>
      <c r="I124" s="22">
        <v>29</v>
      </c>
      <c r="J124" s="23">
        <v>80</v>
      </c>
      <c r="K124" s="21">
        <v>63</v>
      </c>
      <c r="L124" s="22">
        <v>21</v>
      </c>
      <c r="M124" s="23">
        <v>42</v>
      </c>
    </row>
    <row r="125" spans="1:13" ht="19.5" customHeight="1">
      <c r="A125" s="34" t="s">
        <v>128</v>
      </c>
      <c r="B125" s="17">
        <v>-2008</v>
      </c>
      <c r="C125" s="18">
        <v>-768</v>
      </c>
      <c r="D125" s="19">
        <v>-1240</v>
      </c>
      <c r="E125" s="17">
        <v>2083</v>
      </c>
      <c r="F125" s="18">
        <v>785</v>
      </c>
      <c r="G125" s="19">
        <v>1298</v>
      </c>
      <c r="H125" s="17">
        <v>292</v>
      </c>
      <c r="I125" s="18">
        <v>78</v>
      </c>
      <c r="J125" s="19">
        <v>214</v>
      </c>
      <c r="K125" s="17">
        <v>217</v>
      </c>
      <c r="L125" s="18">
        <v>61</v>
      </c>
      <c r="M125" s="19">
        <v>156</v>
      </c>
    </row>
    <row r="126" spans="1:13">
      <c r="A126" s="40" t="s">
        <v>129</v>
      </c>
      <c r="B126" s="21">
        <v>-438</v>
      </c>
      <c r="C126" s="22">
        <v>-181</v>
      </c>
      <c r="D126" s="23">
        <v>-257</v>
      </c>
      <c r="E126" s="21">
        <v>445</v>
      </c>
      <c r="F126" s="22">
        <v>182</v>
      </c>
      <c r="G126" s="23">
        <v>263</v>
      </c>
      <c r="H126" s="21">
        <v>74</v>
      </c>
      <c r="I126" s="22">
        <v>20</v>
      </c>
      <c r="J126" s="23">
        <v>54</v>
      </c>
      <c r="K126" s="21">
        <v>67</v>
      </c>
      <c r="L126" s="22">
        <v>19</v>
      </c>
      <c r="M126" s="23">
        <v>48</v>
      </c>
    </row>
    <row r="127" spans="1:13">
      <c r="A127" s="40" t="s">
        <v>130</v>
      </c>
      <c r="B127" s="21">
        <v>-408</v>
      </c>
      <c r="C127" s="22">
        <v>-168</v>
      </c>
      <c r="D127" s="23">
        <v>-240</v>
      </c>
      <c r="E127" s="21">
        <v>440</v>
      </c>
      <c r="F127" s="22">
        <v>177</v>
      </c>
      <c r="G127" s="23">
        <v>263</v>
      </c>
      <c r="H127" s="21">
        <v>69</v>
      </c>
      <c r="I127" s="22">
        <v>19</v>
      </c>
      <c r="J127" s="23">
        <v>50</v>
      </c>
      <c r="K127" s="21">
        <v>37</v>
      </c>
      <c r="L127" s="22">
        <v>10</v>
      </c>
      <c r="M127" s="23">
        <v>27</v>
      </c>
    </row>
    <row r="128" spans="1:13">
      <c r="A128" s="40" t="s">
        <v>131</v>
      </c>
      <c r="B128" s="21">
        <v>-406</v>
      </c>
      <c r="C128" s="22">
        <v>-156</v>
      </c>
      <c r="D128" s="23">
        <v>-250</v>
      </c>
      <c r="E128" s="21">
        <v>426</v>
      </c>
      <c r="F128" s="22">
        <v>164</v>
      </c>
      <c r="G128" s="23">
        <v>262</v>
      </c>
      <c r="H128" s="21">
        <v>69</v>
      </c>
      <c r="I128" s="22">
        <v>20</v>
      </c>
      <c r="J128" s="23">
        <v>49</v>
      </c>
      <c r="K128" s="21">
        <v>49</v>
      </c>
      <c r="L128" s="22">
        <v>12</v>
      </c>
      <c r="M128" s="23">
        <v>37</v>
      </c>
    </row>
    <row r="129" spans="1:13">
      <c r="A129" s="40" t="s">
        <v>132</v>
      </c>
      <c r="B129" s="21">
        <v>-380</v>
      </c>
      <c r="C129" s="22">
        <v>-138</v>
      </c>
      <c r="D129" s="23">
        <v>-242</v>
      </c>
      <c r="E129" s="21">
        <v>388</v>
      </c>
      <c r="F129" s="22">
        <v>137</v>
      </c>
      <c r="G129" s="23">
        <v>251</v>
      </c>
      <c r="H129" s="21">
        <v>40</v>
      </c>
      <c r="I129" s="22">
        <v>11</v>
      </c>
      <c r="J129" s="23">
        <v>29</v>
      </c>
      <c r="K129" s="21">
        <v>32</v>
      </c>
      <c r="L129" s="22">
        <v>12</v>
      </c>
      <c r="M129" s="23">
        <v>20</v>
      </c>
    </row>
    <row r="130" spans="1:13">
      <c r="A130" s="40" t="s">
        <v>133</v>
      </c>
      <c r="B130" s="21">
        <v>-376</v>
      </c>
      <c r="C130" s="22">
        <v>-125</v>
      </c>
      <c r="D130" s="23">
        <v>-251</v>
      </c>
      <c r="E130" s="21">
        <v>384</v>
      </c>
      <c r="F130" s="22">
        <v>125</v>
      </c>
      <c r="G130" s="23">
        <v>259</v>
      </c>
      <c r="H130" s="21">
        <v>40</v>
      </c>
      <c r="I130" s="22">
        <v>8</v>
      </c>
      <c r="J130" s="23">
        <v>32</v>
      </c>
      <c r="K130" s="21">
        <v>32</v>
      </c>
      <c r="L130" s="22">
        <v>8</v>
      </c>
      <c r="M130" s="23">
        <v>24</v>
      </c>
    </row>
    <row r="131" spans="1:13" ht="19.5" customHeight="1">
      <c r="A131" s="34" t="s">
        <v>134</v>
      </c>
      <c r="B131" s="17">
        <v>-959</v>
      </c>
      <c r="C131" s="18">
        <v>-230</v>
      </c>
      <c r="D131" s="19">
        <v>-729</v>
      </c>
      <c r="E131" s="17">
        <v>979</v>
      </c>
      <c r="F131" s="18">
        <v>224</v>
      </c>
      <c r="G131" s="19">
        <v>755</v>
      </c>
      <c r="H131" s="17">
        <v>81</v>
      </c>
      <c r="I131" s="18">
        <v>15</v>
      </c>
      <c r="J131" s="19">
        <v>66</v>
      </c>
      <c r="K131" s="17">
        <v>61</v>
      </c>
      <c r="L131" s="18">
        <v>21</v>
      </c>
      <c r="M131" s="19">
        <v>40</v>
      </c>
    </row>
    <row r="132" spans="1:13">
      <c r="A132" s="40" t="s">
        <v>135</v>
      </c>
      <c r="B132" s="21">
        <v>-252</v>
      </c>
      <c r="C132" s="22">
        <v>-76</v>
      </c>
      <c r="D132" s="23">
        <v>-176</v>
      </c>
      <c r="E132" s="21">
        <v>263</v>
      </c>
      <c r="F132" s="22">
        <v>69</v>
      </c>
      <c r="G132" s="23">
        <v>194</v>
      </c>
      <c r="H132" s="21">
        <v>35</v>
      </c>
      <c r="I132" s="22">
        <v>7</v>
      </c>
      <c r="J132" s="23">
        <v>28</v>
      </c>
      <c r="K132" s="21">
        <v>24</v>
      </c>
      <c r="L132" s="22">
        <v>14</v>
      </c>
      <c r="M132" s="23">
        <v>10</v>
      </c>
    </row>
    <row r="133" spans="1:13">
      <c r="A133" s="40" t="s">
        <v>136</v>
      </c>
      <c r="B133" s="21">
        <v>-236</v>
      </c>
      <c r="C133" s="22">
        <v>-54</v>
      </c>
      <c r="D133" s="23">
        <v>-182</v>
      </c>
      <c r="E133" s="21">
        <v>237</v>
      </c>
      <c r="F133" s="22">
        <v>55</v>
      </c>
      <c r="G133" s="23">
        <v>182</v>
      </c>
      <c r="H133" s="21">
        <v>19</v>
      </c>
      <c r="I133" s="22">
        <v>5</v>
      </c>
      <c r="J133" s="23">
        <v>14</v>
      </c>
      <c r="K133" s="21">
        <v>18</v>
      </c>
      <c r="L133" s="22">
        <v>4</v>
      </c>
      <c r="M133" s="23">
        <v>14</v>
      </c>
    </row>
    <row r="134" spans="1:13">
      <c r="A134" s="40" t="s">
        <v>137</v>
      </c>
      <c r="B134" s="21">
        <v>-178</v>
      </c>
      <c r="C134" s="22">
        <v>-40</v>
      </c>
      <c r="D134" s="23">
        <v>-138</v>
      </c>
      <c r="E134" s="21">
        <v>183</v>
      </c>
      <c r="F134" s="22">
        <v>41</v>
      </c>
      <c r="G134" s="23">
        <v>142</v>
      </c>
      <c r="H134" s="21">
        <v>14</v>
      </c>
      <c r="I134" s="22">
        <v>2</v>
      </c>
      <c r="J134" s="23">
        <v>12</v>
      </c>
      <c r="K134" s="21">
        <v>9</v>
      </c>
      <c r="L134" s="22">
        <v>1</v>
      </c>
      <c r="M134" s="23">
        <v>8</v>
      </c>
    </row>
    <row r="135" spans="1:13">
      <c r="A135" s="40" t="s">
        <v>138</v>
      </c>
      <c r="B135" s="21">
        <v>-167</v>
      </c>
      <c r="C135" s="22">
        <v>-37</v>
      </c>
      <c r="D135" s="23">
        <v>-130</v>
      </c>
      <c r="E135" s="21">
        <v>172</v>
      </c>
      <c r="F135" s="22">
        <v>37</v>
      </c>
      <c r="G135" s="23">
        <v>135</v>
      </c>
      <c r="H135" s="21">
        <v>10</v>
      </c>
      <c r="I135" s="22">
        <v>0</v>
      </c>
      <c r="J135" s="23">
        <v>10</v>
      </c>
      <c r="K135" s="21">
        <v>5</v>
      </c>
      <c r="L135" s="22">
        <v>0</v>
      </c>
      <c r="M135" s="23">
        <v>5</v>
      </c>
    </row>
    <row r="136" spans="1:13">
      <c r="A136" s="40" t="s">
        <v>139</v>
      </c>
      <c r="B136" s="21">
        <v>-126</v>
      </c>
      <c r="C136" s="22">
        <v>-23</v>
      </c>
      <c r="D136" s="23">
        <v>-103</v>
      </c>
      <c r="E136" s="21">
        <v>124</v>
      </c>
      <c r="F136" s="22">
        <v>22</v>
      </c>
      <c r="G136" s="23">
        <v>102</v>
      </c>
      <c r="H136" s="21">
        <v>3</v>
      </c>
      <c r="I136" s="22">
        <v>1</v>
      </c>
      <c r="J136" s="23">
        <v>2</v>
      </c>
      <c r="K136" s="21">
        <v>5</v>
      </c>
      <c r="L136" s="22">
        <v>2</v>
      </c>
      <c r="M136" s="23">
        <v>3</v>
      </c>
    </row>
    <row r="137" spans="1:13" ht="19.5" customHeight="1">
      <c r="A137" s="41" t="s">
        <v>140</v>
      </c>
      <c r="B137" s="42">
        <v>-277</v>
      </c>
      <c r="C137" s="43">
        <v>-49</v>
      </c>
      <c r="D137" s="44">
        <v>-228</v>
      </c>
      <c r="E137" s="42">
        <v>278</v>
      </c>
      <c r="F137" s="43">
        <v>48</v>
      </c>
      <c r="G137" s="44">
        <v>230</v>
      </c>
      <c r="H137" s="42">
        <v>5</v>
      </c>
      <c r="I137" s="43">
        <v>0</v>
      </c>
      <c r="J137" s="44">
        <v>5</v>
      </c>
      <c r="K137" s="42">
        <v>4</v>
      </c>
      <c r="L137" s="43">
        <v>1</v>
      </c>
      <c r="M137" s="44">
        <v>3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2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8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166</v>
      </c>
      <c r="C5" s="14">
        <v>-157</v>
      </c>
      <c r="D5" s="14">
        <v>-9</v>
      </c>
      <c r="E5" s="13">
        <v>2685</v>
      </c>
      <c r="F5" s="14">
        <v>1447</v>
      </c>
      <c r="G5" s="15">
        <v>1238</v>
      </c>
      <c r="H5" s="14">
        <v>9409</v>
      </c>
      <c r="I5" s="14">
        <v>5151</v>
      </c>
      <c r="J5" s="14">
        <v>4258</v>
      </c>
      <c r="K5" s="13">
        <v>8494</v>
      </c>
      <c r="L5" s="49">
        <v>4667</v>
      </c>
      <c r="M5" s="50">
        <v>3827</v>
      </c>
    </row>
    <row r="6" spans="1:13" ht="19.5" customHeight="1">
      <c r="A6" s="16" t="s">
        <v>13</v>
      </c>
      <c r="B6" s="17">
        <v>1705</v>
      </c>
      <c r="C6" s="18">
        <v>853</v>
      </c>
      <c r="D6" s="18">
        <v>852</v>
      </c>
      <c r="E6" s="17">
        <v>9</v>
      </c>
      <c r="F6" s="18">
        <v>4</v>
      </c>
      <c r="G6" s="19">
        <v>5</v>
      </c>
      <c r="H6" s="18">
        <v>571</v>
      </c>
      <c r="I6" s="18">
        <v>295</v>
      </c>
      <c r="J6" s="18">
        <v>276</v>
      </c>
      <c r="K6" s="17">
        <v>461</v>
      </c>
      <c r="L6" s="51">
        <v>244</v>
      </c>
      <c r="M6" s="52">
        <v>217</v>
      </c>
    </row>
    <row r="7" spans="1:13">
      <c r="A7" s="20" t="s">
        <v>14</v>
      </c>
      <c r="B7" s="21">
        <v>1637</v>
      </c>
      <c r="C7" s="22">
        <v>814</v>
      </c>
      <c r="D7" s="22">
        <v>823</v>
      </c>
      <c r="E7" s="21">
        <v>5</v>
      </c>
      <c r="F7" s="22">
        <v>4</v>
      </c>
      <c r="G7" s="23">
        <v>1</v>
      </c>
      <c r="H7" s="22">
        <v>209</v>
      </c>
      <c r="I7" s="22">
        <v>108</v>
      </c>
      <c r="J7" s="22">
        <v>101</v>
      </c>
      <c r="K7" s="21">
        <v>171</v>
      </c>
      <c r="L7" s="53">
        <v>96</v>
      </c>
      <c r="M7" s="54">
        <v>75</v>
      </c>
    </row>
    <row r="8" spans="1:13">
      <c r="A8" s="20" t="s">
        <v>15</v>
      </c>
      <c r="B8" s="21">
        <v>24</v>
      </c>
      <c r="C8" s="22">
        <v>17</v>
      </c>
      <c r="D8" s="22">
        <v>7</v>
      </c>
      <c r="E8" s="21">
        <v>3</v>
      </c>
      <c r="F8" s="22">
        <v>0</v>
      </c>
      <c r="G8" s="23">
        <v>3</v>
      </c>
      <c r="H8" s="22">
        <v>124</v>
      </c>
      <c r="I8" s="22">
        <v>71</v>
      </c>
      <c r="J8" s="22">
        <v>53</v>
      </c>
      <c r="K8" s="21">
        <v>97</v>
      </c>
      <c r="L8" s="53">
        <v>54</v>
      </c>
      <c r="M8" s="54">
        <v>43</v>
      </c>
    </row>
    <row r="9" spans="1:13">
      <c r="A9" s="20" t="s">
        <v>16</v>
      </c>
      <c r="B9" s="21">
        <v>21</v>
      </c>
      <c r="C9" s="22">
        <v>16</v>
      </c>
      <c r="D9" s="22">
        <v>5</v>
      </c>
      <c r="E9" s="21">
        <v>0</v>
      </c>
      <c r="F9" s="22">
        <v>0</v>
      </c>
      <c r="G9" s="23">
        <v>0</v>
      </c>
      <c r="H9" s="22">
        <v>95</v>
      </c>
      <c r="I9" s="22">
        <v>49</v>
      </c>
      <c r="J9" s="22">
        <v>46</v>
      </c>
      <c r="K9" s="21">
        <v>74</v>
      </c>
      <c r="L9" s="53">
        <v>33</v>
      </c>
      <c r="M9" s="54">
        <v>41</v>
      </c>
    </row>
    <row r="10" spans="1:13">
      <c r="A10" s="20" t="s">
        <v>17</v>
      </c>
      <c r="B10" s="21">
        <v>21</v>
      </c>
      <c r="C10" s="22">
        <v>6</v>
      </c>
      <c r="D10" s="22">
        <v>15</v>
      </c>
      <c r="E10" s="21">
        <v>1</v>
      </c>
      <c r="F10" s="22">
        <v>0</v>
      </c>
      <c r="G10" s="23">
        <v>1</v>
      </c>
      <c r="H10" s="22">
        <v>83</v>
      </c>
      <c r="I10" s="22">
        <v>37</v>
      </c>
      <c r="J10" s="22">
        <v>46</v>
      </c>
      <c r="K10" s="21">
        <v>61</v>
      </c>
      <c r="L10" s="53">
        <v>31</v>
      </c>
      <c r="M10" s="54">
        <v>30</v>
      </c>
    </row>
    <row r="11" spans="1:13">
      <c r="A11" s="20" t="s">
        <v>18</v>
      </c>
      <c r="B11" s="21">
        <v>2</v>
      </c>
      <c r="C11" s="22">
        <v>0</v>
      </c>
      <c r="D11" s="22">
        <v>2</v>
      </c>
      <c r="E11" s="21">
        <v>0</v>
      </c>
      <c r="F11" s="22">
        <v>0</v>
      </c>
      <c r="G11" s="23">
        <v>0</v>
      </c>
      <c r="H11" s="22">
        <v>60</v>
      </c>
      <c r="I11" s="22">
        <v>30</v>
      </c>
      <c r="J11" s="22">
        <v>30</v>
      </c>
      <c r="K11" s="21">
        <v>58</v>
      </c>
      <c r="L11" s="53">
        <v>30</v>
      </c>
      <c r="M11" s="54">
        <v>28</v>
      </c>
    </row>
    <row r="12" spans="1:13" ht="20.100000000000001" customHeight="1">
      <c r="A12" s="16" t="s">
        <v>19</v>
      </c>
      <c r="B12" s="17">
        <v>40</v>
      </c>
      <c r="C12" s="18">
        <v>15</v>
      </c>
      <c r="D12" s="18">
        <v>25</v>
      </c>
      <c r="E12" s="17">
        <v>2</v>
      </c>
      <c r="F12" s="18">
        <v>0</v>
      </c>
      <c r="G12" s="19">
        <v>2</v>
      </c>
      <c r="H12" s="18">
        <v>245</v>
      </c>
      <c r="I12" s="18">
        <v>113</v>
      </c>
      <c r="J12" s="18">
        <v>132</v>
      </c>
      <c r="K12" s="17">
        <v>203</v>
      </c>
      <c r="L12" s="51">
        <v>98</v>
      </c>
      <c r="M12" s="52">
        <v>105</v>
      </c>
    </row>
    <row r="13" spans="1:13">
      <c r="A13" s="20" t="s">
        <v>20</v>
      </c>
      <c r="B13" s="21">
        <v>14</v>
      </c>
      <c r="C13" s="22">
        <v>6</v>
      </c>
      <c r="D13" s="22">
        <v>8</v>
      </c>
      <c r="E13" s="21">
        <v>0</v>
      </c>
      <c r="F13" s="22">
        <v>0</v>
      </c>
      <c r="G13" s="23">
        <v>0</v>
      </c>
      <c r="H13" s="22">
        <v>60</v>
      </c>
      <c r="I13" s="22">
        <v>28</v>
      </c>
      <c r="J13" s="22">
        <v>32</v>
      </c>
      <c r="K13" s="21">
        <v>46</v>
      </c>
      <c r="L13" s="53">
        <v>22</v>
      </c>
      <c r="M13" s="54">
        <v>24</v>
      </c>
    </row>
    <row r="14" spans="1:13">
      <c r="A14" s="20" t="s">
        <v>21</v>
      </c>
      <c r="B14" s="21">
        <v>3</v>
      </c>
      <c r="C14" s="22">
        <v>-2</v>
      </c>
      <c r="D14" s="22">
        <v>5</v>
      </c>
      <c r="E14" s="21">
        <v>1</v>
      </c>
      <c r="F14" s="22">
        <v>0</v>
      </c>
      <c r="G14" s="23">
        <v>1</v>
      </c>
      <c r="H14" s="22">
        <v>51</v>
      </c>
      <c r="I14" s="22">
        <v>21</v>
      </c>
      <c r="J14" s="22">
        <v>30</v>
      </c>
      <c r="K14" s="21">
        <v>47</v>
      </c>
      <c r="L14" s="53">
        <v>23</v>
      </c>
      <c r="M14" s="54">
        <v>24</v>
      </c>
    </row>
    <row r="15" spans="1:13">
      <c r="A15" s="20" t="s">
        <v>22</v>
      </c>
      <c r="B15" s="21">
        <v>5</v>
      </c>
      <c r="C15" s="22">
        <v>-2</v>
      </c>
      <c r="D15" s="22">
        <v>7</v>
      </c>
      <c r="E15" s="21">
        <v>1</v>
      </c>
      <c r="F15" s="22">
        <v>0</v>
      </c>
      <c r="G15" s="23">
        <v>1</v>
      </c>
      <c r="H15" s="22">
        <v>49</v>
      </c>
      <c r="I15" s="22">
        <v>20</v>
      </c>
      <c r="J15" s="22">
        <v>29</v>
      </c>
      <c r="K15" s="21">
        <v>43</v>
      </c>
      <c r="L15" s="53">
        <v>22</v>
      </c>
      <c r="M15" s="54">
        <v>21</v>
      </c>
    </row>
    <row r="16" spans="1:13">
      <c r="A16" s="20" t="s">
        <v>23</v>
      </c>
      <c r="B16" s="21">
        <v>13</v>
      </c>
      <c r="C16" s="22">
        <v>11</v>
      </c>
      <c r="D16" s="22">
        <v>2</v>
      </c>
      <c r="E16" s="21">
        <v>0</v>
      </c>
      <c r="F16" s="22">
        <v>0</v>
      </c>
      <c r="G16" s="23">
        <v>0</v>
      </c>
      <c r="H16" s="22">
        <v>49</v>
      </c>
      <c r="I16" s="22">
        <v>28</v>
      </c>
      <c r="J16" s="22">
        <v>21</v>
      </c>
      <c r="K16" s="21">
        <v>36</v>
      </c>
      <c r="L16" s="53">
        <v>17</v>
      </c>
      <c r="M16" s="54">
        <v>19</v>
      </c>
    </row>
    <row r="17" spans="1:13">
      <c r="A17" s="20" t="s">
        <v>24</v>
      </c>
      <c r="B17" s="21">
        <v>5</v>
      </c>
      <c r="C17" s="22">
        <v>2</v>
      </c>
      <c r="D17" s="22">
        <v>3</v>
      </c>
      <c r="E17" s="21">
        <v>0</v>
      </c>
      <c r="F17" s="22">
        <v>0</v>
      </c>
      <c r="G17" s="23">
        <v>0</v>
      </c>
      <c r="H17" s="22">
        <v>36</v>
      </c>
      <c r="I17" s="22">
        <v>16</v>
      </c>
      <c r="J17" s="22">
        <v>20</v>
      </c>
      <c r="K17" s="21">
        <v>31</v>
      </c>
      <c r="L17" s="53">
        <v>14</v>
      </c>
      <c r="M17" s="54">
        <v>17</v>
      </c>
    </row>
    <row r="18" spans="1:13" ht="20.100000000000001" customHeight="1">
      <c r="A18" s="16" t="s">
        <v>25</v>
      </c>
      <c r="B18" s="17">
        <v>68</v>
      </c>
      <c r="C18" s="18">
        <v>46</v>
      </c>
      <c r="D18" s="18">
        <v>22</v>
      </c>
      <c r="E18" s="17">
        <v>3</v>
      </c>
      <c r="F18" s="18">
        <v>0</v>
      </c>
      <c r="G18" s="19">
        <v>3</v>
      </c>
      <c r="H18" s="18">
        <v>201</v>
      </c>
      <c r="I18" s="18">
        <v>102</v>
      </c>
      <c r="J18" s="18">
        <v>99</v>
      </c>
      <c r="K18" s="17">
        <v>130</v>
      </c>
      <c r="L18" s="51">
        <v>56</v>
      </c>
      <c r="M18" s="52">
        <v>74</v>
      </c>
    </row>
    <row r="19" spans="1:13">
      <c r="A19" s="20" t="s">
        <v>26</v>
      </c>
      <c r="B19" s="21">
        <v>24</v>
      </c>
      <c r="C19" s="22">
        <v>19</v>
      </c>
      <c r="D19" s="22">
        <v>5</v>
      </c>
      <c r="E19" s="21">
        <v>0</v>
      </c>
      <c r="F19" s="22">
        <v>0</v>
      </c>
      <c r="G19" s="23">
        <v>0</v>
      </c>
      <c r="H19" s="22">
        <v>55</v>
      </c>
      <c r="I19" s="22">
        <v>29</v>
      </c>
      <c r="J19" s="22">
        <v>26</v>
      </c>
      <c r="K19" s="21">
        <v>31</v>
      </c>
      <c r="L19" s="53">
        <v>10</v>
      </c>
      <c r="M19" s="54">
        <v>21</v>
      </c>
    </row>
    <row r="20" spans="1:13">
      <c r="A20" s="20" t="s">
        <v>27</v>
      </c>
      <c r="B20" s="21">
        <v>2</v>
      </c>
      <c r="C20" s="22">
        <v>8</v>
      </c>
      <c r="D20" s="22">
        <v>-6</v>
      </c>
      <c r="E20" s="21">
        <v>1</v>
      </c>
      <c r="F20" s="22">
        <v>0</v>
      </c>
      <c r="G20" s="23">
        <v>1</v>
      </c>
      <c r="H20" s="22">
        <v>28</v>
      </c>
      <c r="I20" s="22">
        <v>18</v>
      </c>
      <c r="J20" s="22">
        <v>10</v>
      </c>
      <c r="K20" s="21">
        <v>25</v>
      </c>
      <c r="L20" s="53">
        <v>10</v>
      </c>
      <c r="M20" s="54">
        <v>15</v>
      </c>
    </row>
    <row r="21" spans="1:13">
      <c r="A21" s="20" t="s">
        <v>28</v>
      </c>
      <c r="B21" s="21">
        <v>18</v>
      </c>
      <c r="C21" s="22">
        <v>10</v>
      </c>
      <c r="D21" s="22">
        <v>8</v>
      </c>
      <c r="E21" s="21">
        <v>1</v>
      </c>
      <c r="F21" s="22">
        <v>0</v>
      </c>
      <c r="G21" s="23">
        <v>1</v>
      </c>
      <c r="H21" s="22">
        <v>53</v>
      </c>
      <c r="I21" s="22">
        <v>29</v>
      </c>
      <c r="J21" s="22">
        <v>24</v>
      </c>
      <c r="K21" s="21">
        <v>34</v>
      </c>
      <c r="L21" s="53">
        <v>19</v>
      </c>
      <c r="M21" s="54">
        <v>15</v>
      </c>
    </row>
    <row r="22" spans="1:13">
      <c r="A22" s="20" t="s">
        <v>29</v>
      </c>
      <c r="B22" s="21">
        <v>8</v>
      </c>
      <c r="C22" s="22">
        <v>4</v>
      </c>
      <c r="D22" s="22">
        <v>4</v>
      </c>
      <c r="E22" s="21">
        <v>0</v>
      </c>
      <c r="F22" s="22">
        <v>0</v>
      </c>
      <c r="G22" s="23">
        <v>0</v>
      </c>
      <c r="H22" s="22">
        <v>25</v>
      </c>
      <c r="I22" s="22">
        <v>10</v>
      </c>
      <c r="J22" s="22">
        <v>15</v>
      </c>
      <c r="K22" s="21">
        <v>17</v>
      </c>
      <c r="L22" s="53">
        <v>6</v>
      </c>
      <c r="M22" s="54">
        <v>11</v>
      </c>
    </row>
    <row r="23" spans="1:13">
      <c r="A23" s="20" t="s">
        <v>30</v>
      </c>
      <c r="B23" s="21">
        <v>16</v>
      </c>
      <c r="C23" s="22">
        <v>5</v>
      </c>
      <c r="D23" s="22">
        <v>11</v>
      </c>
      <c r="E23" s="21">
        <v>1</v>
      </c>
      <c r="F23" s="22">
        <v>0</v>
      </c>
      <c r="G23" s="23">
        <v>1</v>
      </c>
      <c r="H23" s="22">
        <v>40</v>
      </c>
      <c r="I23" s="22">
        <v>16</v>
      </c>
      <c r="J23" s="22">
        <v>24</v>
      </c>
      <c r="K23" s="21">
        <v>23</v>
      </c>
      <c r="L23" s="53">
        <v>11</v>
      </c>
      <c r="M23" s="54">
        <v>12</v>
      </c>
    </row>
    <row r="24" spans="1:13" ht="20.100000000000001" customHeight="1">
      <c r="A24" s="16" t="s">
        <v>31</v>
      </c>
      <c r="B24" s="17">
        <v>256</v>
      </c>
      <c r="C24" s="18">
        <v>169</v>
      </c>
      <c r="D24" s="18">
        <v>87</v>
      </c>
      <c r="E24" s="17">
        <v>6</v>
      </c>
      <c r="F24" s="18">
        <v>3</v>
      </c>
      <c r="G24" s="19">
        <v>3</v>
      </c>
      <c r="H24" s="18">
        <v>638</v>
      </c>
      <c r="I24" s="18">
        <v>384</v>
      </c>
      <c r="J24" s="18">
        <v>254</v>
      </c>
      <c r="K24" s="17">
        <v>376</v>
      </c>
      <c r="L24" s="51">
        <v>212</v>
      </c>
      <c r="M24" s="52">
        <v>164</v>
      </c>
    </row>
    <row r="25" spans="1:13">
      <c r="A25" s="20" t="s">
        <v>32</v>
      </c>
      <c r="B25" s="21">
        <v>1</v>
      </c>
      <c r="C25" s="22">
        <v>-5</v>
      </c>
      <c r="D25" s="22">
        <v>6</v>
      </c>
      <c r="E25" s="21">
        <v>0</v>
      </c>
      <c r="F25" s="22">
        <v>0</v>
      </c>
      <c r="G25" s="23">
        <v>0</v>
      </c>
      <c r="H25" s="22">
        <v>32</v>
      </c>
      <c r="I25" s="22">
        <v>14</v>
      </c>
      <c r="J25" s="22">
        <v>18</v>
      </c>
      <c r="K25" s="21">
        <v>31</v>
      </c>
      <c r="L25" s="53">
        <v>19</v>
      </c>
      <c r="M25" s="54">
        <v>12</v>
      </c>
    </row>
    <row r="26" spans="1:13">
      <c r="A26" s="20" t="s">
        <v>33</v>
      </c>
      <c r="B26" s="21">
        <v>2</v>
      </c>
      <c r="C26" s="22">
        <v>0</v>
      </c>
      <c r="D26" s="22">
        <v>2</v>
      </c>
      <c r="E26" s="21">
        <v>1</v>
      </c>
      <c r="F26" s="22">
        <v>0</v>
      </c>
      <c r="G26" s="23">
        <v>1</v>
      </c>
      <c r="H26" s="22">
        <v>23</v>
      </c>
      <c r="I26" s="22">
        <v>11</v>
      </c>
      <c r="J26" s="22">
        <v>12</v>
      </c>
      <c r="K26" s="21">
        <v>20</v>
      </c>
      <c r="L26" s="53">
        <v>11</v>
      </c>
      <c r="M26" s="54">
        <v>9</v>
      </c>
    </row>
    <row r="27" spans="1:13">
      <c r="A27" s="20" t="s">
        <v>34</v>
      </c>
      <c r="B27" s="21">
        <v>27</v>
      </c>
      <c r="C27" s="22">
        <v>11</v>
      </c>
      <c r="D27" s="22">
        <v>16</v>
      </c>
      <c r="E27" s="21">
        <v>1</v>
      </c>
      <c r="F27" s="22">
        <v>1</v>
      </c>
      <c r="G27" s="23">
        <v>0</v>
      </c>
      <c r="H27" s="22">
        <v>89</v>
      </c>
      <c r="I27" s="22">
        <v>49</v>
      </c>
      <c r="J27" s="22">
        <v>40</v>
      </c>
      <c r="K27" s="21">
        <v>61</v>
      </c>
      <c r="L27" s="53">
        <v>37</v>
      </c>
      <c r="M27" s="54">
        <v>24</v>
      </c>
    </row>
    <row r="28" spans="1:13">
      <c r="A28" s="20" t="s">
        <v>35</v>
      </c>
      <c r="B28" s="21">
        <v>174</v>
      </c>
      <c r="C28" s="22">
        <v>121</v>
      </c>
      <c r="D28" s="22">
        <v>53</v>
      </c>
      <c r="E28" s="21">
        <v>3</v>
      </c>
      <c r="F28" s="22">
        <v>2</v>
      </c>
      <c r="G28" s="23">
        <v>1</v>
      </c>
      <c r="H28" s="22">
        <v>304</v>
      </c>
      <c r="I28" s="22">
        <v>196</v>
      </c>
      <c r="J28" s="22">
        <v>108</v>
      </c>
      <c r="K28" s="21">
        <v>127</v>
      </c>
      <c r="L28" s="53">
        <v>73</v>
      </c>
      <c r="M28" s="54">
        <v>54</v>
      </c>
    </row>
    <row r="29" spans="1:13">
      <c r="A29" s="20" t="s">
        <v>36</v>
      </c>
      <c r="B29" s="21">
        <v>52</v>
      </c>
      <c r="C29" s="22">
        <v>42</v>
      </c>
      <c r="D29" s="22">
        <v>10</v>
      </c>
      <c r="E29" s="21">
        <v>1</v>
      </c>
      <c r="F29" s="22">
        <v>0</v>
      </c>
      <c r="G29" s="23">
        <v>1</v>
      </c>
      <c r="H29" s="22">
        <v>190</v>
      </c>
      <c r="I29" s="22">
        <v>114</v>
      </c>
      <c r="J29" s="22">
        <v>76</v>
      </c>
      <c r="K29" s="21">
        <v>137</v>
      </c>
      <c r="L29" s="53">
        <v>72</v>
      </c>
      <c r="M29" s="54">
        <v>65</v>
      </c>
    </row>
    <row r="30" spans="1:13" ht="20.100000000000001" customHeight="1">
      <c r="A30" s="16" t="s">
        <v>37</v>
      </c>
      <c r="B30" s="17">
        <v>-27</v>
      </c>
      <c r="C30" s="18">
        <v>2</v>
      </c>
      <c r="D30" s="18">
        <v>-29</v>
      </c>
      <c r="E30" s="17">
        <v>3</v>
      </c>
      <c r="F30" s="18">
        <v>2</v>
      </c>
      <c r="G30" s="19">
        <v>1</v>
      </c>
      <c r="H30" s="18">
        <v>1804</v>
      </c>
      <c r="I30" s="18">
        <v>1010</v>
      </c>
      <c r="J30" s="18">
        <v>794</v>
      </c>
      <c r="K30" s="17">
        <v>1828</v>
      </c>
      <c r="L30" s="51">
        <v>1006</v>
      </c>
      <c r="M30" s="52">
        <v>822</v>
      </c>
    </row>
    <row r="31" spans="1:13">
      <c r="A31" s="20" t="s">
        <v>38</v>
      </c>
      <c r="B31" s="21">
        <v>65</v>
      </c>
      <c r="C31" s="22">
        <v>34</v>
      </c>
      <c r="D31" s="22">
        <v>31</v>
      </c>
      <c r="E31" s="21">
        <v>2</v>
      </c>
      <c r="F31" s="22">
        <v>2</v>
      </c>
      <c r="G31" s="23">
        <v>0</v>
      </c>
      <c r="H31" s="22">
        <v>292</v>
      </c>
      <c r="I31" s="22">
        <v>151</v>
      </c>
      <c r="J31" s="22">
        <v>141</v>
      </c>
      <c r="K31" s="21">
        <v>225</v>
      </c>
      <c r="L31" s="53">
        <v>115</v>
      </c>
      <c r="M31" s="54">
        <v>110</v>
      </c>
    </row>
    <row r="32" spans="1:13">
      <c r="A32" s="20" t="s">
        <v>39</v>
      </c>
      <c r="B32" s="21">
        <v>13</v>
      </c>
      <c r="C32" s="22">
        <v>8</v>
      </c>
      <c r="D32" s="22">
        <v>5</v>
      </c>
      <c r="E32" s="21">
        <v>0</v>
      </c>
      <c r="F32" s="22">
        <v>0</v>
      </c>
      <c r="G32" s="23">
        <v>0</v>
      </c>
      <c r="H32" s="22">
        <v>302</v>
      </c>
      <c r="I32" s="22">
        <v>152</v>
      </c>
      <c r="J32" s="22">
        <v>150</v>
      </c>
      <c r="K32" s="21">
        <v>289</v>
      </c>
      <c r="L32" s="53">
        <v>144</v>
      </c>
      <c r="M32" s="54">
        <v>145</v>
      </c>
    </row>
    <row r="33" spans="1:13">
      <c r="A33" s="20" t="s">
        <v>40</v>
      </c>
      <c r="B33" s="21">
        <v>-87</v>
      </c>
      <c r="C33" s="22">
        <v>-59</v>
      </c>
      <c r="D33" s="22">
        <v>-28</v>
      </c>
      <c r="E33" s="21">
        <v>0</v>
      </c>
      <c r="F33" s="22">
        <v>0</v>
      </c>
      <c r="G33" s="23">
        <v>0</v>
      </c>
      <c r="H33" s="22">
        <v>419</v>
      </c>
      <c r="I33" s="22">
        <v>236</v>
      </c>
      <c r="J33" s="22">
        <v>183</v>
      </c>
      <c r="K33" s="21">
        <v>506</v>
      </c>
      <c r="L33" s="53">
        <v>295</v>
      </c>
      <c r="M33" s="54">
        <v>211</v>
      </c>
    </row>
    <row r="34" spans="1:13">
      <c r="A34" s="20" t="s">
        <v>41</v>
      </c>
      <c r="B34" s="21">
        <v>-64</v>
      </c>
      <c r="C34" s="22">
        <v>-27</v>
      </c>
      <c r="D34" s="22">
        <v>-37</v>
      </c>
      <c r="E34" s="21">
        <v>1</v>
      </c>
      <c r="F34" s="22">
        <v>0</v>
      </c>
      <c r="G34" s="23">
        <v>1</v>
      </c>
      <c r="H34" s="22">
        <v>342</v>
      </c>
      <c r="I34" s="22">
        <v>193</v>
      </c>
      <c r="J34" s="22">
        <v>149</v>
      </c>
      <c r="K34" s="21">
        <v>405</v>
      </c>
      <c r="L34" s="53">
        <v>220</v>
      </c>
      <c r="M34" s="54">
        <v>185</v>
      </c>
    </row>
    <row r="35" spans="1:13">
      <c r="A35" s="20" t="s">
        <v>42</v>
      </c>
      <c r="B35" s="21">
        <v>46</v>
      </c>
      <c r="C35" s="22">
        <v>46</v>
      </c>
      <c r="D35" s="22">
        <v>0</v>
      </c>
      <c r="E35" s="21">
        <v>0</v>
      </c>
      <c r="F35" s="22">
        <v>0</v>
      </c>
      <c r="G35" s="23">
        <v>0</v>
      </c>
      <c r="H35" s="22">
        <v>449</v>
      </c>
      <c r="I35" s="22">
        <v>278</v>
      </c>
      <c r="J35" s="22">
        <v>171</v>
      </c>
      <c r="K35" s="21">
        <v>403</v>
      </c>
      <c r="L35" s="53">
        <v>232</v>
      </c>
      <c r="M35" s="54">
        <v>171</v>
      </c>
    </row>
    <row r="36" spans="1:13" ht="20.100000000000001" customHeight="1">
      <c r="A36" s="16" t="s">
        <v>43</v>
      </c>
      <c r="B36" s="17">
        <v>-172</v>
      </c>
      <c r="C36" s="18">
        <v>-84</v>
      </c>
      <c r="D36" s="18">
        <v>-88</v>
      </c>
      <c r="E36" s="17">
        <v>5</v>
      </c>
      <c r="F36" s="18">
        <v>4</v>
      </c>
      <c r="G36" s="19">
        <v>1</v>
      </c>
      <c r="H36" s="18">
        <v>1572</v>
      </c>
      <c r="I36" s="18">
        <v>865</v>
      </c>
      <c r="J36" s="18">
        <v>707</v>
      </c>
      <c r="K36" s="17">
        <v>1739</v>
      </c>
      <c r="L36" s="51">
        <v>945</v>
      </c>
      <c r="M36" s="52">
        <v>794</v>
      </c>
    </row>
    <row r="37" spans="1:13">
      <c r="A37" s="20" t="s">
        <v>44</v>
      </c>
      <c r="B37" s="21">
        <v>-52</v>
      </c>
      <c r="C37" s="22">
        <v>-11</v>
      </c>
      <c r="D37" s="22">
        <v>-41</v>
      </c>
      <c r="E37" s="21">
        <v>1</v>
      </c>
      <c r="F37" s="22">
        <v>1</v>
      </c>
      <c r="G37" s="23">
        <v>0</v>
      </c>
      <c r="H37" s="22">
        <v>353</v>
      </c>
      <c r="I37" s="22">
        <v>210</v>
      </c>
      <c r="J37" s="22">
        <v>143</v>
      </c>
      <c r="K37" s="21">
        <v>404</v>
      </c>
      <c r="L37" s="53">
        <v>220</v>
      </c>
      <c r="M37" s="54">
        <v>184</v>
      </c>
    </row>
    <row r="38" spans="1:13">
      <c r="A38" s="20" t="s">
        <v>45</v>
      </c>
      <c r="B38" s="21">
        <v>-60</v>
      </c>
      <c r="C38" s="22">
        <v>-30</v>
      </c>
      <c r="D38" s="22">
        <v>-30</v>
      </c>
      <c r="E38" s="21">
        <v>2</v>
      </c>
      <c r="F38" s="22">
        <v>2</v>
      </c>
      <c r="G38" s="23">
        <v>0</v>
      </c>
      <c r="H38" s="22">
        <v>299</v>
      </c>
      <c r="I38" s="22">
        <v>162</v>
      </c>
      <c r="J38" s="22">
        <v>137</v>
      </c>
      <c r="K38" s="21">
        <v>357</v>
      </c>
      <c r="L38" s="53">
        <v>190</v>
      </c>
      <c r="M38" s="54">
        <v>167</v>
      </c>
    </row>
    <row r="39" spans="1:13">
      <c r="A39" s="20" t="s">
        <v>46</v>
      </c>
      <c r="B39" s="21">
        <v>-20</v>
      </c>
      <c r="C39" s="22">
        <v>-9</v>
      </c>
      <c r="D39" s="22">
        <v>-11</v>
      </c>
      <c r="E39" s="21">
        <v>2</v>
      </c>
      <c r="F39" s="22">
        <v>1</v>
      </c>
      <c r="G39" s="23">
        <v>1</v>
      </c>
      <c r="H39" s="22">
        <v>330</v>
      </c>
      <c r="I39" s="22">
        <v>178</v>
      </c>
      <c r="J39" s="22">
        <v>152</v>
      </c>
      <c r="K39" s="21">
        <v>348</v>
      </c>
      <c r="L39" s="53">
        <v>186</v>
      </c>
      <c r="M39" s="54">
        <v>162</v>
      </c>
    </row>
    <row r="40" spans="1:13">
      <c r="A40" s="20" t="s">
        <v>47</v>
      </c>
      <c r="B40" s="21">
        <v>-9</v>
      </c>
      <c r="C40" s="22">
        <v>-14</v>
      </c>
      <c r="D40" s="22">
        <v>5</v>
      </c>
      <c r="E40" s="21">
        <v>0</v>
      </c>
      <c r="F40" s="22">
        <v>0</v>
      </c>
      <c r="G40" s="23">
        <v>0</v>
      </c>
      <c r="H40" s="22">
        <v>339</v>
      </c>
      <c r="I40" s="22">
        <v>186</v>
      </c>
      <c r="J40" s="22">
        <v>153</v>
      </c>
      <c r="K40" s="21">
        <v>348</v>
      </c>
      <c r="L40" s="53">
        <v>200</v>
      </c>
      <c r="M40" s="54">
        <v>148</v>
      </c>
    </row>
    <row r="41" spans="1:13">
      <c r="A41" s="20" t="s">
        <v>48</v>
      </c>
      <c r="B41" s="21">
        <v>-31</v>
      </c>
      <c r="C41" s="22">
        <v>-20</v>
      </c>
      <c r="D41" s="22">
        <v>-11</v>
      </c>
      <c r="E41" s="21">
        <v>0</v>
      </c>
      <c r="F41" s="22">
        <v>0</v>
      </c>
      <c r="G41" s="23">
        <v>0</v>
      </c>
      <c r="H41" s="22">
        <v>251</v>
      </c>
      <c r="I41" s="22">
        <v>129</v>
      </c>
      <c r="J41" s="22">
        <v>122</v>
      </c>
      <c r="K41" s="21">
        <v>282</v>
      </c>
      <c r="L41" s="53">
        <v>149</v>
      </c>
      <c r="M41" s="54">
        <v>133</v>
      </c>
    </row>
    <row r="42" spans="1:13" ht="20.100000000000001" customHeight="1">
      <c r="A42" s="16" t="s">
        <v>49</v>
      </c>
      <c r="B42" s="17">
        <v>48</v>
      </c>
      <c r="C42" s="18">
        <v>9</v>
      </c>
      <c r="D42" s="18">
        <v>39</v>
      </c>
      <c r="E42" s="17">
        <v>6</v>
      </c>
      <c r="F42" s="18">
        <v>4</v>
      </c>
      <c r="G42" s="19">
        <v>2</v>
      </c>
      <c r="H42" s="18">
        <v>1091</v>
      </c>
      <c r="I42" s="18">
        <v>607</v>
      </c>
      <c r="J42" s="18">
        <v>484</v>
      </c>
      <c r="K42" s="17">
        <v>1037</v>
      </c>
      <c r="L42" s="51">
        <v>594</v>
      </c>
      <c r="M42" s="52">
        <v>443</v>
      </c>
    </row>
    <row r="43" spans="1:13">
      <c r="A43" s="20" t="s">
        <v>50</v>
      </c>
      <c r="B43" s="21">
        <v>17</v>
      </c>
      <c r="C43" s="22">
        <v>-8</v>
      </c>
      <c r="D43" s="22">
        <v>25</v>
      </c>
      <c r="E43" s="21">
        <v>3</v>
      </c>
      <c r="F43" s="22">
        <v>3</v>
      </c>
      <c r="G43" s="23">
        <v>0</v>
      </c>
      <c r="H43" s="22">
        <v>254</v>
      </c>
      <c r="I43" s="22">
        <v>145</v>
      </c>
      <c r="J43" s="22">
        <v>109</v>
      </c>
      <c r="K43" s="21">
        <v>234</v>
      </c>
      <c r="L43" s="53">
        <v>150</v>
      </c>
      <c r="M43" s="54">
        <v>84</v>
      </c>
    </row>
    <row r="44" spans="1:13">
      <c r="A44" s="20" t="s">
        <v>51</v>
      </c>
      <c r="B44" s="21">
        <v>11</v>
      </c>
      <c r="C44" s="22">
        <v>11</v>
      </c>
      <c r="D44" s="22">
        <v>0</v>
      </c>
      <c r="E44" s="21">
        <v>0</v>
      </c>
      <c r="F44" s="22">
        <v>0</v>
      </c>
      <c r="G44" s="23">
        <v>0</v>
      </c>
      <c r="H44" s="22">
        <v>223</v>
      </c>
      <c r="I44" s="22">
        <v>123</v>
      </c>
      <c r="J44" s="22">
        <v>100</v>
      </c>
      <c r="K44" s="21">
        <v>212</v>
      </c>
      <c r="L44" s="53">
        <v>112</v>
      </c>
      <c r="M44" s="54">
        <v>100</v>
      </c>
    </row>
    <row r="45" spans="1:13">
      <c r="A45" s="20" t="s">
        <v>52</v>
      </c>
      <c r="B45" s="21">
        <v>-4</v>
      </c>
      <c r="C45" s="22">
        <v>-5</v>
      </c>
      <c r="D45" s="22">
        <v>1</v>
      </c>
      <c r="E45" s="21">
        <v>0</v>
      </c>
      <c r="F45" s="22">
        <v>0</v>
      </c>
      <c r="G45" s="23">
        <v>0</v>
      </c>
      <c r="H45" s="22">
        <v>206</v>
      </c>
      <c r="I45" s="22">
        <v>123</v>
      </c>
      <c r="J45" s="22">
        <v>83</v>
      </c>
      <c r="K45" s="21">
        <v>210</v>
      </c>
      <c r="L45" s="53">
        <v>128</v>
      </c>
      <c r="M45" s="54">
        <v>82</v>
      </c>
    </row>
    <row r="46" spans="1:13">
      <c r="A46" s="20" t="s">
        <v>53</v>
      </c>
      <c r="B46" s="21">
        <v>21</v>
      </c>
      <c r="C46" s="22">
        <v>12</v>
      </c>
      <c r="D46" s="22">
        <v>9</v>
      </c>
      <c r="E46" s="21">
        <v>3</v>
      </c>
      <c r="F46" s="22">
        <v>1</v>
      </c>
      <c r="G46" s="23">
        <v>2</v>
      </c>
      <c r="H46" s="22">
        <v>216</v>
      </c>
      <c r="I46" s="22">
        <v>111</v>
      </c>
      <c r="J46" s="22">
        <v>105</v>
      </c>
      <c r="K46" s="21">
        <v>192</v>
      </c>
      <c r="L46" s="53">
        <v>98</v>
      </c>
      <c r="M46" s="54">
        <v>94</v>
      </c>
    </row>
    <row r="47" spans="1:13">
      <c r="A47" s="20" t="s">
        <v>54</v>
      </c>
      <c r="B47" s="21">
        <v>3</v>
      </c>
      <c r="C47" s="22">
        <v>-1</v>
      </c>
      <c r="D47" s="22">
        <v>4</v>
      </c>
      <c r="E47" s="21">
        <v>0</v>
      </c>
      <c r="F47" s="22">
        <v>0</v>
      </c>
      <c r="G47" s="23">
        <v>0</v>
      </c>
      <c r="H47" s="22">
        <v>192</v>
      </c>
      <c r="I47" s="22">
        <v>105</v>
      </c>
      <c r="J47" s="22">
        <v>87</v>
      </c>
      <c r="K47" s="21">
        <v>189</v>
      </c>
      <c r="L47" s="53">
        <v>106</v>
      </c>
      <c r="M47" s="54">
        <v>83</v>
      </c>
    </row>
    <row r="48" spans="1:13" ht="20.100000000000001" customHeight="1">
      <c r="A48" s="16" t="s">
        <v>55</v>
      </c>
      <c r="B48" s="17">
        <v>24</v>
      </c>
      <c r="C48" s="18">
        <v>11</v>
      </c>
      <c r="D48" s="18">
        <v>13</v>
      </c>
      <c r="E48" s="17">
        <v>17</v>
      </c>
      <c r="F48" s="18">
        <v>8</v>
      </c>
      <c r="G48" s="19">
        <v>9</v>
      </c>
      <c r="H48" s="18">
        <v>741</v>
      </c>
      <c r="I48" s="18">
        <v>422</v>
      </c>
      <c r="J48" s="18">
        <v>319</v>
      </c>
      <c r="K48" s="17">
        <v>700</v>
      </c>
      <c r="L48" s="51">
        <v>403</v>
      </c>
      <c r="M48" s="52">
        <v>297</v>
      </c>
    </row>
    <row r="49" spans="1:13">
      <c r="A49" s="20" t="s">
        <v>56</v>
      </c>
      <c r="B49" s="21">
        <v>2</v>
      </c>
      <c r="C49" s="22">
        <v>13</v>
      </c>
      <c r="D49" s="22">
        <v>-11</v>
      </c>
      <c r="E49" s="21">
        <v>3</v>
      </c>
      <c r="F49" s="22">
        <v>2</v>
      </c>
      <c r="G49" s="23">
        <v>1</v>
      </c>
      <c r="H49" s="22">
        <v>174</v>
      </c>
      <c r="I49" s="22">
        <v>103</v>
      </c>
      <c r="J49" s="22">
        <v>71</v>
      </c>
      <c r="K49" s="21">
        <v>169</v>
      </c>
      <c r="L49" s="53">
        <v>88</v>
      </c>
      <c r="M49" s="54">
        <v>81</v>
      </c>
    </row>
    <row r="50" spans="1:13">
      <c r="A50" s="20" t="s">
        <v>57</v>
      </c>
      <c r="B50" s="21">
        <v>-11</v>
      </c>
      <c r="C50" s="22">
        <v>-19</v>
      </c>
      <c r="D50" s="22">
        <v>8</v>
      </c>
      <c r="E50" s="21">
        <v>2</v>
      </c>
      <c r="F50" s="22">
        <v>0</v>
      </c>
      <c r="G50" s="23">
        <v>2</v>
      </c>
      <c r="H50" s="22">
        <v>137</v>
      </c>
      <c r="I50" s="22">
        <v>71</v>
      </c>
      <c r="J50" s="22">
        <v>66</v>
      </c>
      <c r="K50" s="21">
        <v>146</v>
      </c>
      <c r="L50" s="53">
        <v>90</v>
      </c>
      <c r="M50" s="54">
        <v>56</v>
      </c>
    </row>
    <row r="51" spans="1:13">
      <c r="A51" s="20" t="s">
        <v>58</v>
      </c>
      <c r="B51" s="21">
        <v>7</v>
      </c>
      <c r="C51" s="22">
        <v>-9</v>
      </c>
      <c r="D51" s="22">
        <v>16</v>
      </c>
      <c r="E51" s="21">
        <v>3</v>
      </c>
      <c r="F51" s="22">
        <v>1</v>
      </c>
      <c r="G51" s="23">
        <v>2</v>
      </c>
      <c r="H51" s="22">
        <v>159</v>
      </c>
      <c r="I51" s="22">
        <v>84</v>
      </c>
      <c r="J51" s="22">
        <v>75</v>
      </c>
      <c r="K51" s="21">
        <v>149</v>
      </c>
      <c r="L51" s="53">
        <v>92</v>
      </c>
      <c r="M51" s="54">
        <v>57</v>
      </c>
    </row>
    <row r="52" spans="1:13">
      <c r="A52" s="20" t="s">
        <v>59</v>
      </c>
      <c r="B52" s="21">
        <v>22</v>
      </c>
      <c r="C52" s="22">
        <v>10</v>
      </c>
      <c r="D52" s="22">
        <v>12</v>
      </c>
      <c r="E52" s="21">
        <v>5</v>
      </c>
      <c r="F52" s="22">
        <v>4</v>
      </c>
      <c r="G52" s="23">
        <v>1</v>
      </c>
      <c r="H52" s="22">
        <v>147</v>
      </c>
      <c r="I52" s="22">
        <v>86</v>
      </c>
      <c r="J52" s="22">
        <v>61</v>
      </c>
      <c r="K52" s="21">
        <v>120</v>
      </c>
      <c r="L52" s="53">
        <v>72</v>
      </c>
      <c r="M52" s="54">
        <v>48</v>
      </c>
    </row>
    <row r="53" spans="1:13">
      <c r="A53" s="20" t="s">
        <v>60</v>
      </c>
      <c r="B53" s="21">
        <v>4</v>
      </c>
      <c r="C53" s="22">
        <v>16</v>
      </c>
      <c r="D53" s="22">
        <v>-12</v>
      </c>
      <c r="E53" s="21">
        <v>4</v>
      </c>
      <c r="F53" s="22">
        <v>1</v>
      </c>
      <c r="G53" s="23">
        <v>3</v>
      </c>
      <c r="H53" s="22">
        <v>124</v>
      </c>
      <c r="I53" s="22">
        <v>78</v>
      </c>
      <c r="J53" s="22">
        <v>46</v>
      </c>
      <c r="K53" s="21">
        <v>116</v>
      </c>
      <c r="L53" s="53">
        <v>61</v>
      </c>
      <c r="M53" s="54">
        <v>55</v>
      </c>
    </row>
    <row r="54" spans="1:13" ht="20.100000000000001" customHeight="1">
      <c r="A54" s="16" t="s">
        <v>61</v>
      </c>
      <c r="B54" s="17">
        <v>60</v>
      </c>
      <c r="C54" s="18">
        <v>33</v>
      </c>
      <c r="D54" s="18">
        <v>27</v>
      </c>
      <c r="E54" s="17">
        <v>15</v>
      </c>
      <c r="F54" s="18">
        <v>9</v>
      </c>
      <c r="G54" s="19">
        <v>6</v>
      </c>
      <c r="H54" s="18">
        <v>545</v>
      </c>
      <c r="I54" s="18">
        <v>323</v>
      </c>
      <c r="J54" s="18">
        <v>222</v>
      </c>
      <c r="K54" s="17">
        <v>470</v>
      </c>
      <c r="L54" s="51">
        <v>281</v>
      </c>
      <c r="M54" s="52">
        <v>189</v>
      </c>
    </row>
    <row r="55" spans="1:13">
      <c r="A55" s="20" t="s">
        <v>62</v>
      </c>
      <c r="B55" s="21">
        <v>8</v>
      </c>
      <c r="C55" s="22">
        <v>-7</v>
      </c>
      <c r="D55" s="22">
        <v>15</v>
      </c>
      <c r="E55" s="21">
        <v>1</v>
      </c>
      <c r="F55" s="22">
        <v>0</v>
      </c>
      <c r="G55" s="23">
        <v>1</v>
      </c>
      <c r="H55" s="22">
        <v>135</v>
      </c>
      <c r="I55" s="22">
        <v>72</v>
      </c>
      <c r="J55" s="22">
        <v>63</v>
      </c>
      <c r="K55" s="21">
        <v>126</v>
      </c>
      <c r="L55" s="53">
        <v>79</v>
      </c>
      <c r="M55" s="54">
        <v>47</v>
      </c>
    </row>
    <row r="56" spans="1:13">
      <c r="A56" s="20" t="s">
        <v>63</v>
      </c>
      <c r="B56" s="21">
        <v>4</v>
      </c>
      <c r="C56" s="22">
        <v>8</v>
      </c>
      <c r="D56" s="22">
        <v>-4</v>
      </c>
      <c r="E56" s="21">
        <v>2</v>
      </c>
      <c r="F56" s="22">
        <v>1</v>
      </c>
      <c r="G56" s="23">
        <v>1</v>
      </c>
      <c r="H56" s="22">
        <v>97</v>
      </c>
      <c r="I56" s="22">
        <v>60</v>
      </c>
      <c r="J56" s="22">
        <v>37</v>
      </c>
      <c r="K56" s="21">
        <v>91</v>
      </c>
      <c r="L56" s="53">
        <v>51</v>
      </c>
      <c r="M56" s="54">
        <v>40</v>
      </c>
    </row>
    <row r="57" spans="1:13">
      <c r="A57" s="20" t="s">
        <v>64</v>
      </c>
      <c r="B57" s="21">
        <v>21</v>
      </c>
      <c r="C57" s="22">
        <v>18</v>
      </c>
      <c r="D57" s="22">
        <v>3</v>
      </c>
      <c r="E57" s="21">
        <v>3</v>
      </c>
      <c r="F57" s="22">
        <v>1</v>
      </c>
      <c r="G57" s="23">
        <v>2</v>
      </c>
      <c r="H57" s="22">
        <v>119</v>
      </c>
      <c r="I57" s="22">
        <v>74</v>
      </c>
      <c r="J57" s="22">
        <v>45</v>
      </c>
      <c r="K57" s="21">
        <v>95</v>
      </c>
      <c r="L57" s="53">
        <v>55</v>
      </c>
      <c r="M57" s="54">
        <v>40</v>
      </c>
    </row>
    <row r="58" spans="1:13">
      <c r="A58" s="20" t="s">
        <v>65</v>
      </c>
      <c r="B58" s="21">
        <v>24</v>
      </c>
      <c r="C58" s="22">
        <v>11</v>
      </c>
      <c r="D58" s="22">
        <v>13</v>
      </c>
      <c r="E58" s="21">
        <v>3</v>
      </c>
      <c r="F58" s="22">
        <v>2</v>
      </c>
      <c r="G58" s="23">
        <v>1</v>
      </c>
      <c r="H58" s="22">
        <v>103</v>
      </c>
      <c r="I58" s="22">
        <v>58</v>
      </c>
      <c r="J58" s="22">
        <v>45</v>
      </c>
      <c r="K58" s="21">
        <v>76</v>
      </c>
      <c r="L58" s="53">
        <v>45</v>
      </c>
      <c r="M58" s="54">
        <v>31</v>
      </c>
    </row>
    <row r="59" spans="1:13">
      <c r="A59" s="20" t="s">
        <v>66</v>
      </c>
      <c r="B59" s="21">
        <v>3</v>
      </c>
      <c r="C59" s="22">
        <v>3</v>
      </c>
      <c r="D59" s="22">
        <v>0</v>
      </c>
      <c r="E59" s="21">
        <v>6</v>
      </c>
      <c r="F59" s="22">
        <v>5</v>
      </c>
      <c r="G59" s="23">
        <v>1</v>
      </c>
      <c r="H59" s="22">
        <v>91</v>
      </c>
      <c r="I59" s="22">
        <v>59</v>
      </c>
      <c r="J59" s="22">
        <v>32</v>
      </c>
      <c r="K59" s="21">
        <v>82</v>
      </c>
      <c r="L59" s="53">
        <v>51</v>
      </c>
      <c r="M59" s="54">
        <v>31</v>
      </c>
    </row>
    <row r="60" spans="1:13" ht="20.100000000000001" customHeight="1">
      <c r="A60" s="16" t="s">
        <v>67</v>
      </c>
      <c r="B60" s="17">
        <v>71</v>
      </c>
      <c r="C60" s="18">
        <v>33</v>
      </c>
      <c r="D60" s="18">
        <v>38</v>
      </c>
      <c r="E60" s="17">
        <v>22</v>
      </c>
      <c r="F60" s="18">
        <v>16</v>
      </c>
      <c r="G60" s="19">
        <v>6</v>
      </c>
      <c r="H60" s="18">
        <v>479</v>
      </c>
      <c r="I60" s="18">
        <v>268</v>
      </c>
      <c r="J60" s="18">
        <v>211</v>
      </c>
      <c r="K60" s="17">
        <v>386</v>
      </c>
      <c r="L60" s="51">
        <v>219</v>
      </c>
      <c r="M60" s="52">
        <v>167</v>
      </c>
    </row>
    <row r="61" spans="1:13">
      <c r="A61" s="20" t="s">
        <v>68</v>
      </c>
      <c r="B61" s="21">
        <v>26</v>
      </c>
      <c r="C61" s="22">
        <v>8</v>
      </c>
      <c r="D61" s="22">
        <v>18</v>
      </c>
      <c r="E61" s="21">
        <v>3</v>
      </c>
      <c r="F61" s="22">
        <v>3</v>
      </c>
      <c r="G61" s="23">
        <v>0</v>
      </c>
      <c r="H61" s="22">
        <v>115</v>
      </c>
      <c r="I61" s="22">
        <v>63</v>
      </c>
      <c r="J61" s="22">
        <v>52</v>
      </c>
      <c r="K61" s="21">
        <v>86</v>
      </c>
      <c r="L61" s="53">
        <v>52</v>
      </c>
      <c r="M61" s="54">
        <v>34</v>
      </c>
    </row>
    <row r="62" spans="1:13">
      <c r="A62" s="20" t="s">
        <v>69</v>
      </c>
      <c r="B62" s="21">
        <v>19</v>
      </c>
      <c r="C62" s="22">
        <v>13</v>
      </c>
      <c r="D62" s="22">
        <v>6</v>
      </c>
      <c r="E62" s="21">
        <v>5</v>
      </c>
      <c r="F62" s="22">
        <v>3</v>
      </c>
      <c r="G62" s="23">
        <v>2</v>
      </c>
      <c r="H62" s="22">
        <v>101</v>
      </c>
      <c r="I62" s="22">
        <v>56</v>
      </c>
      <c r="J62" s="22">
        <v>45</v>
      </c>
      <c r="K62" s="21">
        <v>77</v>
      </c>
      <c r="L62" s="53">
        <v>40</v>
      </c>
      <c r="M62" s="54">
        <v>37</v>
      </c>
    </row>
    <row r="63" spans="1:13">
      <c r="A63" s="20" t="s">
        <v>70</v>
      </c>
      <c r="B63" s="21">
        <v>5</v>
      </c>
      <c r="C63" s="22">
        <v>2</v>
      </c>
      <c r="D63" s="22">
        <v>3</v>
      </c>
      <c r="E63" s="21">
        <v>5</v>
      </c>
      <c r="F63" s="22">
        <v>4</v>
      </c>
      <c r="G63" s="23">
        <v>1</v>
      </c>
      <c r="H63" s="22">
        <v>88</v>
      </c>
      <c r="I63" s="22">
        <v>46</v>
      </c>
      <c r="J63" s="22">
        <v>42</v>
      </c>
      <c r="K63" s="21">
        <v>78</v>
      </c>
      <c r="L63" s="53">
        <v>40</v>
      </c>
      <c r="M63" s="54">
        <v>38</v>
      </c>
    </row>
    <row r="64" spans="1:13">
      <c r="A64" s="20" t="s">
        <v>71</v>
      </c>
      <c r="B64" s="21">
        <v>16</v>
      </c>
      <c r="C64" s="22">
        <v>15</v>
      </c>
      <c r="D64" s="22">
        <v>1</v>
      </c>
      <c r="E64" s="21">
        <v>4</v>
      </c>
      <c r="F64" s="22">
        <v>3</v>
      </c>
      <c r="G64" s="23">
        <v>1</v>
      </c>
      <c r="H64" s="22">
        <v>87</v>
      </c>
      <c r="I64" s="22">
        <v>57</v>
      </c>
      <c r="J64" s="22">
        <v>30</v>
      </c>
      <c r="K64" s="21">
        <v>67</v>
      </c>
      <c r="L64" s="53">
        <v>39</v>
      </c>
      <c r="M64" s="54">
        <v>28</v>
      </c>
    </row>
    <row r="65" spans="1:13">
      <c r="A65" s="24" t="s">
        <v>72</v>
      </c>
      <c r="B65" s="25">
        <v>5</v>
      </c>
      <c r="C65" s="26">
        <v>-5</v>
      </c>
      <c r="D65" s="26">
        <v>10</v>
      </c>
      <c r="E65" s="25">
        <v>5</v>
      </c>
      <c r="F65" s="26">
        <v>3</v>
      </c>
      <c r="G65" s="27">
        <v>2</v>
      </c>
      <c r="H65" s="26">
        <v>88</v>
      </c>
      <c r="I65" s="26">
        <v>46</v>
      </c>
      <c r="J65" s="26">
        <v>42</v>
      </c>
      <c r="K65" s="25">
        <v>78</v>
      </c>
      <c r="L65" s="55">
        <v>48</v>
      </c>
      <c r="M65" s="56">
        <v>3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604</v>
      </c>
      <c r="C69" s="58">
        <v>806</v>
      </c>
      <c r="D69" s="59">
        <v>79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604</v>
      </c>
      <c r="C70" s="61">
        <v>806</v>
      </c>
      <c r="D70" s="62">
        <v>798</v>
      </c>
    </row>
    <row r="71" spans="1:13">
      <c r="A71" s="24" t="s">
        <v>14</v>
      </c>
      <c r="B71" s="63">
        <v>1604</v>
      </c>
      <c r="C71" s="64">
        <v>806</v>
      </c>
      <c r="D71" s="65">
        <v>798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8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6</v>
      </c>
      <c r="C77" s="18">
        <v>-13</v>
      </c>
      <c r="D77" s="18">
        <v>7</v>
      </c>
      <c r="E77" s="17">
        <v>46</v>
      </c>
      <c r="F77" s="18">
        <v>36</v>
      </c>
      <c r="G77" s="19">
        <v>10</v>
      </c>
      <c r="H77" s="18">
        <v>317</v>
      </c>
      <c r="I77" s="18">
        <v>183</v>
      </c>
      <c r="J77" s="18">
        <v>134</v>
      </c>
      <c r="K77" s="17">
        <v>277</v>
      </c>
      <c r="L77" s="51">
        <v>160</v>
      </c>
      <c r="M77" s="52">
        <v>117</v>
      </c>
    </row>
    <row r="78" spans="1:13">
      <c r="A78" s="40" t="s">
        <v>81</v>
      </c>
      <c r="B78" s="21">
        <v>18</v>
      </c>
      <c r="C78" s="22">
        <v>0</v>
      </c>
      <c r="D78" s="22">
        <v>18</v>
      </c>
      <c r="E78" s="21">
        <v>10</v>
      </c>
      <c r="F78" s="22">
        <v>7</v>
      </c>
      <c r="G78" s="23">
        <v>3</v>
      </c>
      <c r="H78" s="22">
        <v>89</v>
      </c>
      <c r="I78" s="22">
        <v>47</v>
      </c>
      <c r="J78" s="22">
        <v>42</v>
      </c>
      <c r="K78" s="21">
        <v>61</v>
      </c>
      <c r="L78" s="53">
        <v>40</v>
      </c>
      <c r="M78" s="54">
        <v>21</v>
      </c>
    </row>
    <row r="79" spans="1:13">
      <c r="A79" s="40" t="s">
        <v>82</v>
      </c>
      <c r="B79" s="21">
        <v>-9</v>
      </c>
      <c r="C79" s="22">
        <v>-2</v>
      </c>
      <c r="D79" s="22">
        <v>-7</v>
      </c>
      <c r="E79" s="21">
        <v>11</v>
      </c>
      <c r="F79" s="22">
        <v>8</v>
      </c>
      <c r="G79" s="23">
        <v>3</v>
      </c>
      <c r="H79" s="22">
        <v>70</v>
      </c>
      <c r="I79" s="22">
        <v>42</v>
      </c>
      <c r="J79" s="22">
        <v>28</v>
      </c>
      <c r="K79" s="21">
        <v>68</v>
      </c>
      <c r="L79" s="53">
        <v>36</v>
      </c>
      <c r="M79" s="54">
        <v>32</v>
      </c>
    </row>
    <row r="80" spans="1:13">
      <c r="A80" s="40" t="s">
        <v>83</v>
      </c>
      <c r="B80" s="21">
        <v>-1</v>
      </c>
      <c r="C80" s="22">
        <v>-2</v>
      </c>
      <c r="D80" s="22">
        <v>1</v>
      </c>
      <c r="E80" s="21">
        <v>7</v>
      </c>
      <c r="F80" s="22">
        <v>6</v>
      </c>
      <c r="G80" s="23">
        <v>1</v>
      </c>
      <c r="H80" s="22">
        <v>51</v>
      </c>
      <c r="I80" s="22">
        <v>29</v>
      </c>
      <c r="J80" s="22">
        <v>22</v>
      </c>
      <c r="K80" s="21">
        <v>45</v>
      </c>
      <c r="L80" s="53">
        <v>25</v>
      </c>
      <c r="M80" s="54">
        <v>20</v>
      </c>
    </row>
    <row r="81" spans="1:13">
      <c r="A81" s="40" t="s">
        <v>84</v>
      </c>
      <c r="B81" s="21">
        <v>-4</v>
      </c>
      <c r="C81" s="22">
        <v>2</v>
      </c>
      <c r="D81" s="22">
        <v>-6</v>
      </c>
      <c r="E81" s="21">
        <v>8</v>
      </c>
      <c r="F81" s="22">
        <v>7</v>
      </c>
      <c r="G81" s="23">
        <v>1</v>
      </c>
      <c r="H81" s="22">
        <v>58</v>
      </c>
      <c r="I81" s="22">
        <v>37</v>
      </c>
      <c r="J81" s="22">
        <v>21</v>
      </c>
      <c r="K81" s="21">
        <v>54</v>
      </c>
      <c r="L81" s="53">
        <v>28</v>
      </c>
      <c r="M81" s="54">
        <v>26</v>
      </c>
    </row>
    <row r="82" spans="1:13">
      <c r="A82" s="40" t="s">
        <v>85</v>
      </c>
      <c r="B82" s="21">
        <v>-10</v>
      </c>
      <c r="C82" s="22">
        <v>-11</v>
      </c>
      <c r="D82" s="22">
        <v>1</v>
      </c>
      <c r="E82" s="21">
        <v>10</v>
      </c>
      <c r="F82" s="22">
        <v>8</v>
      </c>
      <c r="G82" s="23">
        <v>2</v>
      </c>
      <c r="H82" s="22">
        <v>49</v>
      </c>
      <c r="I82" s="22">
        <v>28</v>
      </c>
      <c r="J82" s="22">
        <v>21</v>
      </c>
      <c r="K82" s="21">
        <v>49</v>
      </c>
      <c r="L82" s="53">
        <v>31</v>
      </c>
      <c r="M82" s="54">
        <v>18</v>
      </c>
    </row>
    <row r="83" spans="1:13" ht="19.5" customHeight="1">
      <c r="A83" s="34" t="s">
        <v>86</v>
      </c>
      <c r="B83" s="17">
        <v>-11</v>
      </c>
      <c r="C83" s="18">
        <v>-13</v>
      </c>
      <c r="D83" s="18">
        <v>2</v>
      </c>
      <c r="E83" s="17">
        <v>67</v>
      </c>
      <c r="F83" s="18">
        <v>44</v>
      </c>
      <c r="G83" s="19">
        <v>23</v>
      </c>
      <c r="H83" s="18">
        <v>260</v>
      </c>
      <c r="I83" s="18">
        <v>151</v>
      </c>
      <c r="J83" s="18">
        <v>109</v>
      </c>
      <c r="K83" s="17">
        <v>204</v>
      </c>
      <c r="L83" s="51">
        <v>120</v>
      </c>
      <c r="M83" s="52">
        <v>84</v>
      </c>
    </row>
    <row r="84" spans="1:13">
      <c r="A84" s="40" t="s">
        <v>87</v>
      </c>
      <c r="B84" s="21">
        <v>-6</v>
      </c>
      <c r="C84" s="22">
        <v>-5</v>
      </c>
      <c r="D84" s="22">
        <v>-1</v>
      </c>
      <c r="E84" s="21">
        <v>12</v>
      </c>
      <c r="F84" s="22">
        <v>9</v>
      </c>
      <c r="G84" s="23">
        <v>3</v>
      </c>
      <c r="H84" s="22">
        <v>52</v>
      </c>
      <c r="I84" s="22">
        <v>27</v>
      </c>
      <c r="J84" s="22">
        <v>25</v>
      </c>
      <c r="K84" s="21">
        <v>46</v>
      </c>
      <c r="L84" s="53">
        <v>23</v>
      </c>
      <c r="M84" s="54">
        <v>23</v>
      </c>
    </row>
    <row r="85" spans="1:13">
      <c r="A85" s="40" t="s">
        <v>88</v>
      </c>
      <c r="B85" s="21">
        <v>13</v>
      </c>
      <c r="C85" s="22">
        <v>9</v>
      </c>
      <c r="D85" s="22">
        <v>4</v>
      </c>
      <c r="E85" s="21">
        <v>9</v>
      </c>
      <c r="F85" s="22">
        <v>4</v>
      </c>
      <c r="G85" s="23">
        <v>5</v>
      </c>
      <c r="H85" s="22">
        <v>67</v>
      </c>
      <c r="I85" s="22">
        <v>34</v>
      </c>
      <c r="J85" s="22">
        <v>33</v>
      </c>
      <c r="K85" s="21">
        <v>45</v>
      </c>
      <c r="L85" s="53">
        <v>21</v>
      </c>
      <c r="M85" s="54">
        <v>24</v>
      </c>
    </row>
    <row r="86" spans="1:13">
      <c r="A86" s="40" t="s">
        <v>89</v>
      </c>
      <c r="B86" s="21">
        <v>-7</v>
      </c>
      <c r="C86" s="22">
        <v>-9</v>
      </c>
      <c r="D86" s="22">
        <v>2</v>
      </c>
      <c r="E86" s="21">
        <v>17</v>
      </c>
      <c r="F86" s="22">
        <v>10</v>
      </c>
      <c r="G86" s="23">
        <v>7</v>
      </c>
      <c r="H86" s="22">
        <v>48</v>
      </c>
      <c r="I86" s="22">
        <v>26</v>
      </c>
      <c r="J86" s="22">
        <v>22</v>
      </c>
      <c r="K86" s="21">
        <v>38</v>
      </c>
      <c r="L86" s="53">
        <v>25</v>
      </c>
      <c r="M86" s="54">
        <v>13</v>
      </c>
    </row>
    <row r="87" spans="1:13">
      <c r="A87" s="40" t="s">
        <v>90</v>
      </c>
      <c r="B87" s="21">
        <v>-3</v>
      </c>
      <c r="C87" s="22">
        <v>-3</v>
      </c>
      <c r="D87" s="22">
        <v>0</v>
      </c>
      <c r="E87" s="21">
        <v>13</v>
      </c>
      <c r="F87" s="22">
        <v>8</v>
      </c>
      <c r="G87" s="23">
        <v>5</v>
      </c>
      <c r="H87" s="22">
        <v>41</v>
      </c>
      <c r="I87" s="22">
        <v>28</v>
      </c>
      <c r="J87" s="22">
        <v>13</v>
      </c>
      <c r="K87" s="21">
        <v>31</v>
      </c>
      <c r="L87" s="53">
        <v>23</v>
      </c>
      <c r="M87" s="54">
        <v>8</v>
      </c>
    </row>
    <row r="88" spans="1:13">
      <c r="A88" s="40" t="s">
        <v>91</v>
      </c>
      <c r="B88" s="21">
        <v>-8</v>
      </c>
      <c r="C88" s="22">
        <v>-5</v>
      </c>
      <c r="D88" s="22">
        <v>-3</v>
      </c>
      <c r="E88" s="21">
        <v>16</v>
      </c>
      <c r="F88" s="22">
        <v>13</v>
      </c>
      <c r="G88" s="23">
        <v>3</v>
      </c>
      <c r="H88" s="22">
        <v>52</v>
      </c>
      <c r="I88" s="22">
        <v>36</v>
      </c>
      <c r="J88" s="22">
        <v>16</v>
      </c>
      <c r="K88" s="21">
        <v>44</v>
      </c>
      <c r="L88" s="53">
        <v>28</v>
      </c>
      <c r="M88" s="54">
        <v>16</v>
      </c>
    </row>
    <row r="89" spans="1:13" ht="19.5" customHeight="1">
      <c r="A89" s="34" t="s">
        <v>92</v>
      </c>
      <c r="B89" s="17">
        <v>-50</v>
      </c>
      <c r="C89" s="18">
        <v>-44</v>
      </c>
      <c r="D89" s="18">
        <v>-6</v>
      </c>
      <c r="E89" s="17">
        <v>85</v>
      </c>
      <c r="F89" s="18">
        <v>59</v>
      </c>
      <c r="G89" s="19">
        <v>26</v>
      </c>
      <c r="H89" s="18">
        <v>191</v>
      </c>
      <c r="I89" s="18">
        <v>119</v>
      </c>
      <c r="J89" s="18">
        <v>72</v>
      </c>
      <c r="K89" s="17">
        <v>156</v>
      </c>
      <c r="L89" s="51">
        <v>104</v>
      </c>
      <c r="M89" s="52">
        <v>52</v>
      </c>
    </row>
    <row r="90" spans="1:13">
      <c r="A90" s="40" t="s">
        <v>93</v>
      </c>
      <c r="B90" s="21">
        <v>-16</v>
      </c>
      <c r="C90" s="22">
        <v>-11</v>
      </c>
      <c r="D90" s="22">
        <v>-5</v>
      </c>
      <c r="E90" s="21">
        <v>14</v>
      </c>
      <c r="F90" s="22">
        <v>10</v>
      </c>
      <c r="G90" s="23">
        <v>4</v>
      </c>
      <c r="H90" s="22">
        <v>43</v>
      </c>
      <c r="I90" s="22">
        <v>24</v>
      </c>
      <c r="J90" s="22">
        <v>19</v>
      </c>
      <c r="K90" s="21">
        <v>45</v>
      </c>
      <c r="L90" s="53">
        <v>25</v>
      </c>
      <c r="M90" s="54">
        <v>20</v>
      </c>
    </row>
    <row r="91" spans="1:13">
      <c r="A91" s="40" t="s">
        <v>94</v>
      </c>
      <c r="B91" s="21">
        <v>2</v>
      </c>
      <c r="C91" s="22">
        <v>4</v>
      </c>
      <c r="D91" s="22">
        <v>-2</v>
      </c>
      <c r="E91" s="21">
        <v>5</v>
      </c>
      <c r="F91" s="22">
        <v>1</v>
      </c>
      <c r="G91" s="23">
        <v>4</v>
      </c>
      <c r="H91" s="22">
        <v>34</v>
      </c>
      <c r="I91" s="22">
        <v>23</v>
      </c>
      <c r="J91" s="22">
        <v>11</v>
      </c>
      <c r="K91" s="21">
        <v>27</v>
      </c>
      <c r="L91" s="53">
        <v>18</v>
      </c>
      <c r="M91" s="54">
        <v>9</v>
      </c>
    </row>
    <row r="92" spans="1:13">
      <c r="A92" s="40" t="s">
        <v>95</v>
      </c>
      <c r="B92" s="21">
        <v>-5</v>
      </c>
      <c r="C92" s="22">
        <v>-7</v>
      </c>
      <c r="D92" s="22">
        <v>2</v>
      </c>
      <c r="E92" s="21">
        <v>15</v>
      </c>
      <c r="F92" s="22">
        <v>12</v>
      </c>
      <c r="G92" s="23">
        <v>3</v>
      </c>
      <c r="H92" s="22">
        <v>34</v>
      </c>
      <c r="I92" s="22">
        <v>24</v>
      </c>
      <c r="J92" s="22">
        <v>10</v>
      </c>
      <c r="K92" s="21">
        <v>24</v>
      </c>
      <c r="L92" s="53">
        <v>19</v>
      </c>
      <c r="M92" s="54">
        <v>5</v>
      </c>
    </row>
    <row r="93" spans="1:13">
      <c r="A93" s="40" t="s">
        <v>96</v>
      </c>
      <c r="B93" s="21">
        <v>-13</v>
      </c>
      <c r="C93" s="22">
        <v>-18</v>
      </c>
      <c r="D93" s="22">
        <v>5</v>
      </c>
      <c r="E93" s="21">
        <v>29</v>
      </c>
      <c r="F93" s="22">
        <v>19</v>
      </c>
      <c r="G93" s="23">
        <v>10</v>
      </c>
      <c r="H93" s="22">
        <v>38</v>
      </c>
      <c r="I93" s="22">
        <v>18</v>
      </c>
      <c r="J93" s="22">
        <v>20</v>
      </c>
      <c r="K93" s="21">
        <v>22</v>
      </c>
      <c r="L93" s="53">
        <v>17</v>
      </c>
      <c r="M93" s="54">
        <v>5</v>
      </c>
    </row>
    <row r="94" spans="1:13">
      <c r="A94" s="40" t="s">
        <v>97</v>
      </c>
      <c r="B94" s="21">
        <v>-18</v>
      </c>
      <c r="C94" s="22">
        <v>-12</v>
      </c>
      <c r="D94" s="22">
        <v>-6</v>
      </c>
      <c r="E94" s="21">
        <v>22</v>
      </c>
      <c r="F94" s="22">
        <v>17</v>
      </c>
      <c r="G94" s="23">
        <v>5</v>
      </c>
      <c r="H94" s="22">
        <v>42</v>
      </c>
      <c r="I94" s="22">
        <v>30</v>
      </c>
      <c r="J94" s="22">
        <v>12</v>
      </c>
      <c r="K94" s="21">
        <v>38</v>
      </c>
      <c r="L94" s="53">
        <v>25</v>
      </c>
      <c r="M94" s="54">
        <v>13</v>
      </c>
    </row>
    <row r="95" spans="1:13" ht="19.5" customHeight="1">
      <c r="A95" s="34" t="s">
        <v>98</v>
      </c>
      <c r="B95" s="17">
        <v>-170</v>
      </c>
      <c r="C95" s="18">
        <v>-135</v>
      </c>
      <c r="D95" s="18">
        <v>-35</v>
      </c>
      <c r="E95" s="17">
        <v>189</v>
      </c>
      <c r="F95" s="18">
        <v>140</v>
      </c>
      <c r="G95" s="19">
        <v>49</v>
      </c>
      <c r="H95" s="18">
        <v>153</v>
      </c>
      <c r="I95" s="18">
        <v>81</v>
      </c>
      <c r="J95" s="18">
        <v>72</v>
      </c>
      <c r="K95" s="17">
        <v>134</v>
      </c>
      <c r="L95" s="51">
        <v>76</v>
      </c>
      <c r="M95" s="52">
        <v>58</v>
      </c>
    </row>
    <row r="96" spans="1:13">
      <c r="A96" s="40" t="s">
        <v>99</v>
      </c>
      <c r="B96" s="21">
        <v>-2</v>
      </c>
      <c r="C96" s="22">
        <v>1</v>
      </c>
      <c r="D96" s="22">
        <v>-3</v>
      </c>
      <c r="E96" s="21">
        <v>19</v>
      </c>
      <c r="F96" s="22">
        <v>13</v>
      </c>
      <c r="G96" s="23">
        <v>6</v>
      </c>
      <c r="H96" s="22">
        <v>39</v>
      </c>
      <c r="I96" s="22">
        <v>26</v>
      </c>
      <c r="J96" s="22">
        <v>13</v>
      </c>
      <c r="K96" s="21">
        <v>22</v>
      </c>
      <c r="L96" s="53">
        <v>12</v>
      </c>
      <c r="M96" s="54">
        <v>10</v>
      </c>
    </row>
    <row r="97" spans="1:13">
      <c r="A97" s="40" t="s">
        <v>100</v>
      </c>
      <c r="B97" s="21">
        <v>-21</v>
      </c>
      <c r="C97" s="22">
        <v>-20</v>
      </c>
      <c r="D97" s="22">
        <v>-1</v>
      </c>
      <c r="E97" s="21">
        <v>28</v>
      </c>
      <c r="F97" s="22">
        <v>22</v>
      </c>
      <c r="G97" s="23">
        <v>6</v>
      </c>
      <c r="H97" s="22">
        <v>25</v>
      </c>
      <c r="I97" s="22">
        <v>13</v>
      </c>
      <c r="J97" s="22">
        <v>12</v>
      </c>
      <c r="K97" s="21">
        <v>18</v>
      </c>
      <c r="L97" s="53">
        <v>11</v>
      </c>
      <c r="M97" s="54">
        <v>7</v>
      </c>
    </row>
    <row r="98" spans="1:13">
      <c r="A98" s="40" t="s">
        <v>101</v>
      </c>
      <c r="B98" s="21">
        <v>-31</v>
      </c>
      <c r="C98" s="22">
        <v>-24</v>
      </c>
      <c r="D98" s="22">
        <v>-7</v>
      </c>
      <c r="E98" s="21">
        <v>29</v>
      </c>
      <c r="F98" s="22">
        <v>21</v>
      </c>
      <c r="G98" s="23">
        <v>8</v>
      </c>
      <c r="H98" s="22">
        <v>27</v>
      </c>
      <c r="I98" s="22">
        <v>11</v>
      </c>
      <c r="J98" s="22">
        <v>16</v>
      </c>
      <c r="K98" s="21">
        <v>29</v>
      </c>
      <c r="L98" s="53">
        <v>14</v>
      </c>
      <c r="M98" s="54">
        <v>15</v>
      </c>
    </row>
    <row r="99" spans="1:13">
      <c r="A99" s="40" t="s">
        <v>102</v>
      </c>
      <c r="B99" s="21">
        <v>-47</v>
      </c>
      <c r="C99" s="22">
        <v>-36</v>
      </c>
      <c r="D99" s="22">
        <v>-11</v>
      </c>
      <c r="E99" s="21">
        <v>44</v>
      </c>
      <c r="F99" s="22">
        <v>31</v>
      </c>
      <c r="G99" s="23">
        <v>13</v>
      </c>
      <c r="H99" s="22">
        <v>33</v>
      </c>
      <c r="I99" s="22">
        <v>17</v>
      </c>
      <c r="J99" s="22">
        <v>16</v>
      </c>
      <c r="K99" s="21">
        <v>36</v>
      </c>
      <c r="L99" s="53">
        <v>22</v>
      </c>
      <c r="M99" s="54">
        <v>14</v>
      </c>
    </row>
    <row r="100" spans="1:13">
      <c r="A100" s="40" t="s">
        <v>103</v>
      </c>
      <c r="B100" s="21">
        <v>-69</v>
      </c>
      <c r="C100" s="22">
        <v>-56</v>
      </c>
      <c r="D100" s="22">
        <v>-13</v>
      </c>
      <c r="E100" s="21">
        <v>69</v>
      </c>
      <c r="F100" s="22">
        <v>53</v>
      </c>
      <c r="G100" s="23">
        <v>16</v>
      </c>
      <c r="H100" s="22">
        <v>29</v>
      </c>
      <c r="I100" s="22">
        <v>14</v>
      </c>
      <c r="J100" s="22">
        <v>15</v>
      </c>
      <c r="K100" s="21">
        <v>29</v>
      </c>
      <c r="L100" s="53">
        <v>17</v>
      </c>
      <c r="M100" s="54">
        <v>12</v>
      </c>
    </row>
    <row r="101" spans="1:13" ht="19.5" customHeight="1">
      <c r="A101" s="34" t="s">
        <v>104</v>
      </c>
      <c r="B101" s="17">
        <v>-229</v>
      </c>
      <c r="C101" s="18">
        <v>-155</v>
      </c>
      <c r="D101" s="18">
        <v>-74</v>
      </c>
      <c r="E101" s="17">
        <v>277</v>
      </c>
      <c r="F101" s="18">
        <v>187</v>
      </c>
      <c r="G101" s="19">
        <v>90</v>
      </c>
      <c r="H101" s="18">
        <v>148</v>
      </c>
      <c r="I101" s="18">
        <v>76</v>
      </c>
      <c r="J101" s="18">
        <v>72</v>
      </c>
      <c r="K101" s="17">
        <v>100</v>
      </c>
      <c r="L101" s="51">
        <v>44</v>
      </c>
      <c r="M101" s="52">
        <v>56</v>
      </c>
    </row>
    <row r="102" spans="1:13">
      <c r="A102" s="40" t="s">
        <v>105</v>
      </c>
      <c r="B102" s="21">
        <v>-46</v>
      </c>
      <c r="C102" s="22">
        <v>-27</v>
      </c>
      <c r="D102" s="22">
        <v>-19</v>
      </c>
      <c r="E102" s="21">
        <v>60</v>
      </c>
      <c r="F102" s="22">
        <v>40</v>
      </c>
      <c r="G102" s="23">
        <v>20</v>
      </c>
      <c r="H102" s="22">
        <v>39</v>
      </c>
      <c r="I102" s="22">
        <v>23</v>
      </c>
      <c r="J102" s="22">
        <v>16</v>
      </c>
      <c r="K102" s="21">
        <v>25</v>
      </c>
      <c r="L102" s="53">
        <v>10</v>
      </c>
      <c r="M102" s="54">
        <v>15</v>
      </c>
    </row>
    <row r="103" spans="1:13">
      <c r="A103" s="40" t="s">
        <v>106</v>
      </c>
      <c r="B103" s="21">
        <v>-33</v>
      </c>
      <c r="C103" s="22">
        <v>-28</v>
      </c>
      <c r="D103" s="22">
        <v>-5</v>
      </c>
      <c r="E103" s="21">
        <v>49</v>
      </c>
      <c r="F103" s="22">
        <v>37</v>
      </c>
      <c r="G103" s="23">
        <v>12</v>
      </c>
      <c r="H103" s="22">
        <v>38</v>
      </c>
      <c r="I103" s="22">
        <v>18</v>
      </c>
      <c r="J103" s="22">
        <v>20</v>
      </c>
      <c r="K103" s="21">
        <v>22</v>
      </c>
      <c r="L103" s="53">
        <v>9</v>
      </c>
      <c r="M103" s="54">
        <v>13</v>
      </c>
    </row>
    <row r="104" spans="1:13">
      <c r="A104" s="40" t="s">
        <v>107</v>
      </c>
      <c r="B104" s="21">
        <v>-57</v>
      </c>
      <c r="C104" s="22">
        <v>-32</v>
      </c>
      <c r="D104" s="22">
        <v>-25</v>
      </c>
      <c r="E104" s="21">
        <v>53</v>
      </c>
      <c r="F104" s="22">
        <v>31</v>
      </c>
      <c r="G104" s="23">
        <v>22</v>
      </c>
      <c r="H104" s="22">
        <v>19</v>
      </c>
      <c r="I104" s="22">
        <v>10</v>
      </c>
      <c r="J104" s="22">
        <v>9</v>
      </c>
      <c r="K104" s="21">
        <v>23</v>
      </c>
      <c r="L104" s="53">
        <v>11</v>
      </c>
      <c r="M104" s="54">
        <v>12</v>
      </c>
    </row>
    <row r="105" spans="1:13">
      <c r="A105" s="40" t="s">
        <v>108</v>
      </c>
      <c r="B105" s="21">
        <v>-46</v>
      </c>
      <c r="C105" s="22">
        <v>-33</v>
      </c>
      <c r="D105" s="22">
        <v>-13</v>
      </c>
      <c r="E105" s="21">
        <v>52</v>
      </c>
      <c r="F105" s="22">
        <v>39</v>
      </c>
      <c r="G105" s="23">
        <v>13</v>
      </c>
      <c r="H105" s="22">
        <v>23</v>
      </c>
      <c r="I105" s="22">
        <v>12</v>
      </c>
      <c r="J105" s="22">
        <v>11</v>
      </c>
      <c r="K105" s="21">
        <v>17</v>
      </c>
      <c r="L105" s="53">
        <v>6</v>
      </c>
      <c r="M105" s="54">
        <v>11</v>
      </c>
    </row>
    <row r="106" spans="1:13">
      <c r="A106" s="40" t="s">
        <v>109</v>
      </c>
      <c r="B106" s="21">
        <v>-47</v>
      </c>
      <c r="C106" s="22">
        <v>-35</v>
      </c>
      <c r="D106" s="22">
        <v>-12</v>
      </c>
      <c r="E106" s="21">
        <v>63</v>
      </c>
      <c r="F106" s="22">
        <v>40</v>
      </c>
      <c r="G106" s="23">
        <v>23</v>
      </c>
      <c r="H106" s="22">
        <v>29</v>
      </c>
      <c r="I106" s="22">
        <v>13</v>
      </c>
      <c r="J106" s="22">
        <v>16</v>
      </c>
      <c r="K106" s="21">
        <v>13</v>
      </c>
      <c r="L106" s="53">
        <v>8</v>
      </c>
      <c r="M106" s="54">
        <v>5</v>
      </c>
    </row>
    <row r="107" spans="1:13" ht="19.5" customHeight="1">
      <c r="A107" s="34" t="s">
        <v>110</v>
      </c>
      <c r="B107" s="17">
        <v>-296</v>
      </c>
      <c r="C107" s="18">
        <v>-214</v>
      </c>
      <c r="D107" s="18">
        <v>-82</v>
      </c>
      <c r="E107" s="17">
        <v>334</v>
      </c>
      <c r="F107" s="18">
        <v>222</v>
      </c>
      <c r="G107" s="19">
        <v>112</v>
      </c>
      <c r="H107" s="18">
        <v>150</v>
      </c>
      <c r="I107" s="18">
        <v>54</v>
      </c>
      <c r="J107" s="18">
        <v>96</v>
      </c>
      <c r="K107" s="17">
        <v>112</v>
      </c>
      <c r="L107" s="51">
        <v>46</v>
      </c>
      <c r="M107" s="52">
        <v>66</v>
      </c>
    </row>
    <row r="108" spans="1:13">
      <c r="A108" s="40" t="s">
        <v>111</v>
      </c>
      <c r="B108" s="21">
        <v>-76</v>
      </c>
      <c r="C108" s="22">
        <v>-48</v>
      </c>
      <c r="D108" s="22">
        <v>-28</v>
      </c>
      <c r="E108" s="21">
        <v>72</v>
      </c>
      <c r="F108" s="22">
        <v>47</v>
      </c>
      <c r="G108" s="23">
        <v>25</v>
      </c>
      <c r="H108" s="22">
        <v>26</v>
      </c>
      <c r="I108" s="22">
        <v>13</v>
      </c>
      <c r="J108" s="22">
        <v>13</v>
      </c>
      <c r="K108" s="21">
        <v>30</v>
      </c>
      <c r="L108" s="53">
        <v>14</v>
      </c>
      <c r="M108" s="54">
        <v>16</v>
      </c>
    </row>
    <row r="109" spans="1:13">
      <c r="A109" s="40" t="s">
        <v>112</v>
      </c>
      <c r="B109" s="21">
        <v>-48</v>
      </c>
      <c r="C109" s="22">
        <v>-42</v>
      </c>
      <c r="D109" s="22">
        <v>-6</v>
      </c>
      <c r="E109" s="21">
        <v>61</v>
      </c>
      <c r="F109" s="22">
        <v>43</v>
      </c>
      <c r="G109" s="23">
        <v>18</v>
      </c>
      <c r="H109" s="22">
        <v>41</v>
      </c>
      <c r="I109" s="22">
        <v>15</v>
      </c>
      <c r="J109" s="22">
        <v>26</v>
      </c>
      <c r="K109" s="21">
        <v>28</v>
      </c>
      <c r="L109" s="53">
        <v>14</v>
      </c>
      <c r="M109" s="54">
        <v>14</v>
      </c>
    </row>
    <row r="110" spans="1:13">
      <c r="A110" s="40" t="s">
        <v>113</v>
      </c>
      <c r="B110" s="21">
        <v>-65</v>
      </c>
      <c r="C110" s="22">
        <v>-56</v>
      </c>
      <c r="D110" s="22">
        <v>-9</v>
      </c>
      <c r="E110" s="21">
        <v>70</v>
      </c>
      <c r="F110" s="22">
        <v>53</v>
      </c>
      <c r="G110" s="23">
        <v>17</v>
      </c>
      <c r="H110" s="22">
        <v>27</v>
      </c>
      <c r="I110" s="22">
        <v>7</v>
      </c>
      <c r="J110" s="22">
        <v>20</v>
      </c>
      <c r="K110" s="21">
        <v>22</v>
      </c>
      <c r="L110" s="53">
        <v>10</v>
      </c>
      <c r="M110" s="54">
        <v>12</v>
      </c>
    </row>
    <row r="111" spans="1:13">
      <c r="A111" s="40" t="s">
        <v>114</v>
      </c>
      <c r="B111" s="21">
        <v>-53</v>
      </c>
      <c r="C111" s="22">
        <v>-35</v>
      </c>
      <c r="D111" s="22">
        <v>-18</v>
      </c>
      <c r="E111" s="21">
        <v>67</v>
      </c>
      <c r="F111" s="22">
        <v>41</v>
      </c>
      <c r="G111" s="23">
        <v>26</v>
      </c>
      <c r="H111" s="22">
        <v>33</v>
      </c>
      <c r="I111" s="22">
        <v>10</v>
      </c>
      <c r="J111" s="22">
        <v>23</v>
      </c>
      <c r="K111" s="21">
        <v>19</v>
      </c>
      <c r="L111" s="53">
        <v>4</v>
      </c>
      <c r="M111" s="54">
        <v>15</v>
      </c>
    </row>
    <row r="112" spans="1:13">
      <c r="A112" s="40" t="s">
        <v>115</v>
      </c>
      <c r="B112" s="21">
        <v>-54</v>
      </c>
      <c r="C112" s="22">
        <v>-33</v>
      </c>
      <c r="D112" s="22">
        <v>-21</v>
      </c>
      <c r="E112" s="21">
        <v>64</v>
      </c>
      <c r="F112" s="22">
        <v>38</v>
      </c>
      <c r="G112" s="23">
        <v>26</v>
      </c>
      <c r="H112" s="22">
        <v>23</v>
      </c>
      <c r="I112" s="22">
        <v>9</v>
      </c>
      <c r="J112" s="22">
        <v>14</v>
      </c>
      <c r="K112" s="21">
        <v>13</v>
      </c>
      <c r="L112" s="53">
        <v>4</v>
      </c>
      <c r="M112" s="54">
        <v>9</v>
      </c>
    </row>
    <row r="113" spans="1:13" ht="19.5" customHeight="1">
      <c r="A113" s="34" t="s">
        <v>116</v>
      </c>
      <c r="B113" s="17">
        <v>-404</v>
      </c>
      <c r="C113" s="18">
        <v>-245</v>
      </c>
      <c r="D113" s="18">
        <v>-159</v>
      </c>
      <c r="E113" s="17">
        <v>464</v>
      </c>
      <c r="F113" s="18">
        <v>261</v>
      </c>
      <c r="G113" s="19">
        <v>203</v>
      </c>
      <c r="H113" s="18">
        <v>143</v>
      </c>
      <c r="I113" s="18">
        <v>52</v>
      </c>
      <c r="J113" s="18">
        <v>91</v>
      </c>
      <c r="K113" s="17">
        <v>83</v>
      </c>
      <c r="L113" s="51">
        <v>36</v>
      </c>
      <c r="M113" s="52">
        <v>47</v>
      </c>
    </row>
    <row r="114" spans="1:13">
      <c r="A114" s="40" t="s">
        <v>117</v>
      </c>
      <c r="B114" s="21">
        <v>-62</v>
      </c>
      <c r="C114" s="22">
        <v>-32</v>
      </c>
      <c r="D114" s="22">
        <v>-30</v>
      </c>
      <c r="E114" s="21">
        <v>70</v>
      </c>
      <c r="F114" s="22">
        <v>39</v>
      </c>
      <c r="G114" s="23">
        <v>31</v>
      </c>
      <c r="H114" s="22">
        <v>25</v>
      </c>
      <c r="I114" s="22">
        <v>10</v>
      </c>
      <c r="J114" s="22">
        <v>15</v>
      </c>
      <c r="K114" s="21">
        <v>17</v>
      </c>
      <c r="L114" s="53">
        <v>3</v>
      </c>
      <c r="M114" s="54">
        <v>14</v>
      </c>
    </row>
    <row r="115" spans="1:13">
      <c r="A115" s="40" t="s">
        <v>118</v>
      </c>
      <c r="B115" s="21">
        <v>-100</v>
      </c>
      <c r="C115" s="22">
        <v>-66</v>
      </c>
      <c r="D115" s="22">
        <v>-34</v>
      </c>
      <c r="E115" s="21">
        <v>109</v>
      </c>
      <c r="F115" s="22">
        <v>66</v>
      </c>
      <c r="G115" s="23">
        <v>43</v>
      </c>
      <c r="H115" s="22">
        <v>27</v>
      </c>
      <c r="I115" s="22">
        <v>10</v>
      </c>
      <c r="J115" s="22">
        <v>17</v>
      </c>
      <c r="K115" s="21">
        <v>18</v>
      </c>
      <c r="L115" s="53">
        <v>10</v>
      </c>
      <c r="M115" s="54">
        <v>8</v>
      </c>
    </row>
    <row r="116" spans="1:13">
      <c r="A116" s="40" t="s">
        <v>119</v>
      </c>
      <c r="B116" s="21">
        <v>-78</v>
      </c>
      <c r="C116" s="22">
        <v>-46</v>
      </c>
      <c r="D116" s="22">
        <v>-32</v>
      </c>
      <c r="E116" s="21">
        <v>90</v>
      </c>
      <c r="F116" s="22">
        <v>51</v>
      </c>
      <c r="G116" s="23">
        <v>39</v>
      </c>
      <c r="H116" s="22">
        <v>26</v>
      </c>
      <c r="I116" s="22">
        <v>9</v>
      </c>
      <c r="J116" s="22">
        <v>17</v>
      </c>
      <c r="K116" s="21">
        <v>14</v>
      </c>
      <c r="L116" s="53">
        <v>4</v>
      </c>
      <c r="M116" s="54">
        <v>10</v>
      </c>
    </row>
    <row r="117" spans="1:13">
      <c r="A117" s="40" t="s">
        <v>120</v>
      </c>
      <c r="B117" s="21">
        <v>-82</v>
      </c>
      <c r="C117" s="22">
        <v>-52</v>
      </c>
      <c r="D117" s="22">
        <v>-30</v>
      </c>
      <c r="E117" s="21">
        <v>98</v>
      </c>
      <c r="F117" s="22">
        <v>54</v>
      </c>
      <c r="G117" s="23">
        <v>44</v>
      </c>
      <c r="H117" s="22">
        <v>35</v>
      </c>
      <c r="I117" s="22">
        <v>13</v>
      </c>
      <c r="J117" s="22">
        <v>22</v>
      </c>
      <c r="K117" s="21">
        <v>19</v>
      </c>
      <c r="L117" s="53">
        <v>11</v>
      </c>
      <c r="M117" s="54">
        <v>8</v>
      </c>
    </row>
    <row r="118" spans="1:13">
      <c r="A118" s="40" t="s">
        <v>121</v>
      </c>
      <c r="B118" s="21">
        <v>-82</v>
      </c>
      <c r="C118" s="22">
        <v>-49</v>
      </c>
      <c r="D118" s="22">
        <v>-33</v>
      </c>
      <c r="E118" s="21">
        <v>97</v>
      </c>
      <c r="F118" s="22">
        <v>51</v>
      </c>
      <c r="G118" s="23">
        <v>46</v>
      </c>
      <c r="H118" s="22">
        <v>30</v>
      </c>
      <c r="I118" s="22">
        <v>10</v>
      </c>
      <c r="J118" s="22">
        <v>20</v>
      </c>
      <c r="K118" s="21">
        <v>15</v>
      </c>
      <c r="L118" s="53">
        <v>8</v>
      </c>
      <c r="M118" s="54">
        <v>7</v>
      </c>
    </row>
    <row r="119" spans="1:13" ht="19.5" customHeight="1">
      <c r="A119" s="34" t="s">
        <v>122</v>
      </c>
      <c r="B119" s="17">
        <v>-466</v>
      </c>
      <c r="C119" s="18">
        <v>-221</v>
      </c>
      <c r="D119" s="18">
        <v>-245</v>
      </c>
      <c r="E119" s="17">
        <v>499</v>
      </c>
      <c r="F119" s="18">
        <v>241</v>
      </c>
      <c r="G119" s="19">
        <v>258</v>
      </c>
      <c r="H119" s="18">
        <v>96</v>
      </c>
      <c r="I119" s="18">
        <v>35</v>
      </c>
      <c r="J119" s="18">
        <v>61</v>
      </c>
      <c r="K119" s="17">
        <v>63</v>
      </c>
      <c r="L119" s="51">
        <v>15</v>
      </c>
      <c r="M119" s="52">
        <v>48</v>
      </c>
    </row>
    <row r="120" spans="1:13">
      <c r="A120" s="40" t="s">
        <v>123</v>
      </c>
      <c r="B120" s="21">
        <v>-88</v>
      </c>
      <c r="C120" s="22">
        <v>-42</v>
      </c>
      <c r="D120" s="22">
        <v>-46</v>
      </c>
      <c r="E120" s="21">
        <v>98</v>
      </c>
      <c r="F120" s="22">
        <v>49</v>
      </c>
      <c r="G120" s="23">
        <v>49</v>
      </c>
      <c r="H120" s="22">
        <v>21</v>
      </c>
      <c r="I120" s="22">
        <v>9</v>
      </c>
      <c r="J120" s="22">
        <v>12</v>
      </c>
      <c r="K120" s="21">
        <v>11</v>
      </c>
      <c r="L120" s="53">
        <v>2</v>
      </c>
      <c r="M120" s="54">
        <v>9</v>
      </c>
    </row>
    <row r="121" spans="1:13">
      <c r="A121" s="40" t="s">
        <v>124</v>
      </c>
      <c r="B121" s="21">
        <v>-105</v>
      </c>
      <c r="C121" s="22">
        <v>-56</v>
      </c>
      <c r="D121" s="22">
        <v>-49</v>
      </c>
      <c r="E121" s="21">
        <v>101</v>
      </c>
      <c r="F121" s="22">
        <v>54</v>
      </c>
      <c r="G121" s="23">
        <v>47</v>
      </c>
      <c r="H121" s="22">
        <v>14</v>
      </c>
      <c r="I121" s="22">
        <v>4</v>
      </c>
      <c r="J121" s="22">
        <v>10</v>
      </c>
      <c r="K121" s="21">
        <v>18</v>
      </c>
      <c r="L121" s="53">
        <v>6</v>
      </c>
      <c r="M121" s="54">
        <v>12</v>
      </c>
    </row>
    <row r="122" spans="1:13">
      <c r="A122" s="40" t="s">
        <v>125</v>
      </c>
      <c r="B122" s="21">
        <v>-94</v>
      </c>
      <c r="C122" s="22">
        <v>-44</v>
      </c>
      <c r="D122" s="22">
        <v>-50</v>
      </c>
      <c r="E122" s="21">
        <v>105</v>
      </c>
      <c r="F122" s="22">
        <v>50</v>
      </c>
      <c r="G122" s="23">
        <v>55</v>
      </c>
      <c r="H122" s="22">
        <v>23</v>
      </c>
      <c r="I122" s="22">
        <v>8</v>
      </c>
      <c r="J122" s="22">
        <v>15</v>
      </c>
      <c r="K122" s="21">
        <v>12</v>
      </c>
      <c r="L122" s="53">
        <v>2</v>
      </c>
      <c r="M122" s="54">
        <v>10</v>
      </c>
    </row>
    <row r="123" spans="1:13">
      <c r="A123" s="40" t="s">
        <v>126</v>
      </c>
      <c r="B123" s="21">
        <v>-90</v>
      </c>
      <c r="C123" s="22">
        <v>-39</v>
      </c>
      <c r="D123" s="22">
        <v>-51</v>
      </c>
      <c r="E123" s="21">
        <v>94</v>
      </c>
      <c r="F123" s="22">
        <v>41</v>
      </c>
      <c r="G123" s="23">
        <v>53</v>
      </c>
      <c r="H123" s="22">
        <v>17</v>
      </c>
      <c r="I123" s="22">
        <v>5</v>
      </c>
      <c r="J123" s="22">
        <v>12</v>
      </c>
      <c r="K123" s="21">
        <v>13</v>
      </c>
      <c r="L123" s="53">
        <v>3</v>
      </c>
      <c r="M123" s="54">
        <v>10</v>
      </c>
    </row>
    <row r="124" spans="1:13">
      <c r="A124" s="40" t="s">
        <v>127</v>
      </c>
      <c r="B124" s="21">
        <v>-89</v>
      </c>
      <c r="C124" s="22">
        <v>-40</v>
      </c>
      <c r="D124" s="22">
        <v>-49</v>
      </c>
      <c r="E124" s="21">
        <v>101</v>
      </c>
      <c r="F124" s="22">
        <v>47</v>
      </c>
      <c r="G124" s="23">
        <v>54</v>
      </c>
      <c r="H124" s="22">
        <v>21</v>
      </c>
      <c r="I124" s="22">
        <v>9</v>
      </c>
      <c r="J124" s="22">
        <v>12</v>
      </c>
      <c r="K124" s="21">
        <v>9</v>
      </c>
      <c r="L124" s="53">
        <v>2</v>
      </c>
      <c r="M124" s="54">
        <v>7</v>
      </c>
    </row>
    <row r="125" spans="1:13" ht="19.5" customHeight="1">
      <c r="A125" s="34" t="s">
        <v>128</v>
      </c>
      <c r="B125" s="17">
        <v>-404</v>
      </c>
      <c r="C125" s="18">
        <v>-163</v>
      </c>
      <c r="D125" s="18">
        <v>-241</v>
      </c>
      <c r="E125" s="17">
        <v>424</v>
      </c>
      <c r="F125" s="18">
        <v>166</v>
      </c>
      <c r="G125" s="19">
        <v>258</v>
      </c>
      <c r="H125" s="18">
        <v>51</v>
      </c>
      <c r="I125" s="18">
        <v>10</v>
      </c>
      <c r="J125" s="18">
        <v>41</v>
      </c>
      <c r="K125" s="17">
        <v>31</v>
      </c>
      <c r="L125" s="51">
        <v>7</v>
      </c>
      <c r="M125" s="52">
        <v>24</v>
      </c>
    </row>
    <row r="126" spans="1:13">
      <c r="A126" s="40" t="s">
        <v>129</v>
      </c>
      <c r="B126" s="21">
        <v>-91</v>
      </c>
      <c r="C126" s="22">
        <v>-35</v>
      </c>
      <c r="D126" s="22">
        <v>-56</v>
      </c>
      <c r="E126" s="21">
        <v>97</v>
      </c>
      <c r="F126" s="22">
        <v>37</v>
      </c>
      <c r="G126" s="23">
        <v>60</v>
      </c>
      <c r="H126" s="22">
        <v>15</v>
      </c>
      <c r="I126" s="22">
        <v>2</v>
      </c>
      <c r="J126" s="22">
        <v>13</v>
      </c>
      <c r="K126" s="21">
        <v>9</v>
      </c>
      <c r="L126" s="53">
        <v>0</v>
      </c>
      <c r="M126" s="54">
        <v>9</v>
      </c>
    </row>
    <row r="127" spans="1:13">
      <c r="A127" s="40" t="s">
        <v>130</v>
      </c>
      <c r="B127" s="21">
        <v>-82</v>
      </c>
      <c r="C127" s="22">
        <v>-42</v>
      </c>
      <c r="D127" s="22">
        <v>-40</v>
      </c>
      <c r="E127" s="21">
        <v>84</v>
      </c>
      <c r="F127" s="22">
        <v>41</v>
      </c>
      <c r="G127" s="23">
        <v>43</v>
      </c>
      <c r="H127" s="22">
        <v>6</v>
      </c>
      <c r="I127" s="22">
        <v>1</v>
      </c>
      <c r="J127" s="22">
        <v>5</v>
      </c>
      <c r="K127" s="21">
        <v>4</v>
      </c>
      <c r="L127" s="53">
        <v>2</v>
      </c>
      <c r="M127" s="54">
        <v>2</v>
      </c>
    </row>
    <row r="128" spans="1:13">
      <c r="A128" s="40" t="s">
        <v>131</v>
      </c>
      <c r="B128" s="21">
        <v>-71</v>
      </c>
      <c r="C128" s="22">
        <v>-24</v>
      </c>
      <c r="D128" s="22">
        <v>-47</v>
      </c>
      <c r="E128" s="21">
        <v>79</v>
      </c>
      <c r="F128" s="22">
        <v>26</v>
      </c>
      <c r="G128" s="23">
        <v>53</v>
      </c>
      <c r="H128" s="22">
        <v>17</v>
      </c>
      <c r="I128" s="22">
        <v>4</v>
      </c>
      <c r="J128" s="22">
        <v>13</v>
      </c>
      <c r="K128" s="21">
        <v>9</v>
      </c>
      <c r="L128" s="53">
        <v>2</v>
      </c>
      <c r="M128" s="54">
        <v>7</v>
      </c>
    </row>
    <row r="129" spans="1:13">
      <c r="A129" s="40" t="s">
        <v>132</v>
      </c>
      <c r="B129" s="21">
        <v>-95</v>
      </c>
      <c r="C129" s="22">
        <v>-40</v>
      </c>
      <c r="D129" s="22">
        <v>-55</v>
      </c>
      <c r="E129" s="21">
        <v>97</v>
      </c>
      <c r="F129" s="22">
        <v>41</v>
      </c>
      <c r="G129" s="23">
        <v>56</v>
      </c>
      <c r="H129" s="22">
        <v>7</v>
      </c>
      <c r="I129" s="22">
        <v>2</v>
      </c>
      <c r="J129" s="22">
        <v>5</v>
      </c>
      <c r="K129" s="21">
        <v>5</v>
      </c>
      <c r="L129" s="53">
        <v>1</v>
      </c>
      <c r="M129" s="54">
        <v>4</v>
      </c>
    </row>
    <row r="130" spans="1:13">
      <c r="A130" s="40" t="s">
        <v>133</v>
      </c>
      <c r="B130" s="21">
        <v>-65</v>
      </c>
      <c r="C130" s="22">
        <v>-22</v>
      </c>
      <c r="D130" s="22">
        <v>-43</v>
      </c>
      <c r="E130" s="21">
        <v>67</v>
      </c>
      <c r="F130" s="22">
        <v>21</v>
      </c>
      <c r="G130" s="23">
        <v>46</v>
      </c>
      <c r="H130" s="22">
        <v>6</v>
      </c>
      <c r="I130" s="22">
        <v>1</v>
      </c>
      <c r="J130" s="22">
        <v>5</v>
      </c>
      <c r="K130" s="21">
        <v>4</v>
      </c>
      <c r="L130" s="53">
        <v>2</v>
      </c>
      <c r="M130" s="54">
        <v>2</v>
      </c>
    </row>
    <row r="131" spans="1:13" ht="19.5" customHeight="1">
      <c r="A131" s="34" t="s">
        <v>134</v>
      </c>
      <c r="B131" s="17">
        <v>-151</v>
      </c>
      <c r="C131" s="18">
        <v>-33</v>
      </c>
      <c r="D131" s="18">
        <v>-118</v>
      </c>
      <c r="E131" s="17">
        <v>158</v>
      </c>
      <c r="F131" s="18">
        <v>33</v>
      </c>
      <c r="G131" s="19">
        <v>125</v>
      </c>
      <c r="H131" s="18">
        <v>11</v>
      </c>
      <c r="I131" s="18">
        <v>1</v>
      </c>
      <c r="J131" s="18">
        <v>10</v>
      </c>
      <c r="K131" s="17">
        <v>4</v>
      </c>
      <c r="L131" s="51">
        <v>1</v>
      </c>
      <c r="M131" s="52">
        <v>3</v>
      </c>
    </row>
    <row r="132" spans="1:13">
      <c r="A132" s="40" t="s">
        <v>135</v>
      </c>
      <c r="B132" s="21">
        <v>-40</v>
      </c>
      <c r="C132" s="22">
        <v>-11</v>
      </c>
      <c r="D132" s="22">
        <v>-29</v>
      </c>
      <c r="E132" s="21">
        <v>43</v>
      </c>
      <c r="F132" s="22">
        <v>10</v>
      </c>
      <c r="G132" s="23">
        <v>33</v>
      </c>
      <c r="H132" s="22">
        <v>6</v>
      </c>
      <c r="I132" s="22">
        <v>0</v>
      </c>
      <c r="J132" s="22">
        <v>6</v>
      </c>
      <c r="K132" s="21">
        <v>3</v>
      </c>
      <c r="L132" s="53">
        <v>1</v>
      </c>
      <c r="M132" s="54">
        <v>2</v>
      </c>
    </row>
    <row r="133" spans="1:13">
      <c r="A133" s="40" t="s">
        <v>136</v>
      </c>
      <c r="B133" s="21">
        <v>-34</v>
      </c>
      <c r="C133" s="22">
        <v>-6</v>
      </c>
      <c r="D133" s="22">
        <v>-28</v>
      </c>
      <c r="E133" s="21">
        <v>38</v>
      </c>
      <c r="F133" s="22">
        <v>7</v>
      </c>
      <c r="G133" s="23">
        <v>31</v>
      </c>
      <c r="H133" s="22">
        <v>4</v>
      </c>
      <c r="I133" s="22">
        <v>1</v>
      </c>
      <c r="J133" s="22">
        <v>3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32</v>
      </c>
      <c r="C134" s="22">
        <v>-6</v>
      </c>
      <c r="D134" s="22">
        <v>-26</v>
      </c>
      <c r="E134" s="21">
        <v>32</v>
      </c>
      <c r="F134" s="22">
        <v>6</v>
      </c>
      <c r="G134" s="23">
        <v>26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28</v>
      </c>
      <c r="C135" s="22">
        <v>-5</v>
      </c>
      <c r="D135" s="22">
        <v>-23</v>
      </c>
      <c r="E135" s="21">
        <v>28</v>
      </c>
      <c r="F135" s="22">
        <v>5</v>
      </c>
      <c r="G135" s="23">
        <v>23</v>
      </c>
      <c r="H135" s="22">
        <v>1</v>
      </c>
      <c r="I135" s="22">
        <v>0</v>
      </c>
      <c r="J135" s="22">
        <v>1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17</v>
      </c>
      <c r="C136" s="22">
        <v>-5</v>
      </c>
      <c r="D136" s="22">
        <v>-12</v>
      </c>
      <c r="E136" s="21">
        <v>17</v>
      </c>
      <c r="F136" s="22">
        <v>5</v>
      </c>
      <c r="G136" s="23">
        <v>12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52</v>
      </c>
      <c r="C137" s="43">
        <v>-8</v>
      </c>
      <c r="D137" s="43">
        <v>-44</v>
      </c>
      <c r="E137" s="42">
        <v>54</v>
      </c>
      <c r="F137" s="43">
        <v>8</v>
      </c>
      <c r="G137" s="44">
        <v>46</v>
      </c>
      <c r="H137" s="43">
        <v>2</v>
      </c>
      <c r="I137" s="43">
        <v>0</v>
      </c>
      <c r="J137" s="43">
        <v>2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2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88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2674</v>
      </c>
      <c r="C5" s="14">
        <v>1260</v>
      </c>
      <c r="D5" s="14">
        <v>1414</v>
      </c>
      <c r="E5" s="13">
        <v>3802</v>
      </c>
      <c r="F5" s="14">
        <v>1920</v>
      </c>
      <c r="G5" s="15">
        <v>1882</v>
      </c>
      <c r="H5" s="14">
        <v>20600</v>
      </c>
      <c r="I5" s="14">
        <v>11010</v>
      </c>
      <c r="J5" s="14">
        <v>9590</v>
      </c>
      <c r="K5" s="13">
        <v>17358</v>
      </c>
      <c r="L5" s="49">
        <v>9524</v>
      </c>
      <c r="M5" s="50">
        <v>7834</v>
      </c>
    </row>
    <row r="6" spans="1:13" ht="19.5" customHeight="1">
      <c r="A6" s="16" t="s">
        <v>13</v>
      </c>
      <c r="B6" s="17">
        <v>3560</v>
      </c>
      <c r="C6" s="18">
        <v>1878</v>
      </c>
      <c r="D6" s="18">
        <v>1682</v>
      </c>
      <c r="E6" s="17">
        <v>8</v>
      </c>
      <c r="F6" s="18">
        <v>2</v>
      </c>
      <c r="G6" s="19">
        <v>6</v>
      </c>
      <c r="H6" s="18">
        <v>1260</v>
      </c>
      <c r="I6" s="18">
        <v>646</v>
      </c>
      <c r="J6" s="18">
        <v>614</v>
      </c>
      <c r="K6" s="17">
        <v>926</v>
      </c>
      <c r="L6" s="51">
        <v>460</v>
      </c>
      <c r="M6" s="52">
        <v>466</v>
      </c>
    </row>
    <row r="7" spans="1:13">
      <c r="A7" s="20" t="s">
        <v>14</v>
      </c>
      <c r="B7" s="21">
        <v>3293</v>
      </c>
      <c r="C7" s="22">
        <v>1733</v>
      </c>
      <c r="D7" s="22">
        <v>1560</v>
      </c>
      <c r="E7" s="21">
        <v>5</v>
      </c>
      <c r="F7" s="22">
        <v>1</v>
      </c>
      <c r="G7" s="23">
        <v>4</v>
      </c>
      <c r="H7" s="22">
        <v>181</v>
      </c>
      <c r="I7" s="22">
        <v>94</v>
      </c>
      <c r="J7" s="22">
        <v>87</v>
      </c>
      <c r="K7" s="21">
        <v>117</v>
      </c>
      <c r="L7" s="53">
        <v>54</v>
      </c>
      <c r="M7" s="54">
        <v>63</v>
      </c>
    </row>
    <row r="8" spans="1:13">
      <c r="A8" s="20" t="s">
        <v>15</v>
      </c>
      <c r="B8" s="21">
        <v>81</v>
      </c>
      <c r="C8" s="22">
        <v>41</v>
      </c>
      <c r="D8" s="22">
        <v>40</v>
      </c>
      <c r="E8" s="21">
        <v>1</v>
      </c>
      <c r="F8" s="22">
        <v>0</v>
      </c>
      <c r="G8" s="23">
        <v>1</v>
      </c>
      <c r="H8" s="22">
        <v>369</v>
      </c>
      <c r="I8" s="22">
        <v>196</v>
      </c>
      <c r="J8" s="22">
        <v>173</v>
      </c>
      <c r="K8" s="21">
        <v>287</v>
      </c>
      <c r="L8" s="53">
        <v>155</v>
      </c>
      <c r="M8" s="54">
        <v>132</v>
      </c>
    </row>
    <row r="9" spans="1:13">
      <c r="A9" s="20" t="s">
        <v>16</v>
      </c>
      <c r="B9" s="21">
        <v>50</v>
      </c>
      <c r="C9" s="22">
        <v>31</v>
      </c>
      <c r="D9" s="22">
        <v>19</v>
      </c>
      <c r="E9" s="21">
        <v>2</v>
      </c>
      <c r="F9" s="22">
        <v>1</v>
      </c>
      <c r="G9" s="23">
        <v>1</v>
      </c>
      <c r="H9" s="22">
        <v>269</v>
      </c>
      <c r="I9" s="22">
        <v>131</v>
      </c>
      <c r="J9" s="22">
        <v>138</v>
      </c>
      <c r="K9" s="21">
        <v>217</v>
      </c>
      <c r="L9" s="53">
        <v>99</v>
      </c>
      <c r="M9" s="54">
        <v>118</v>
      </c>
    </row>
    <row r="10" spans="1:13">
      <c r="A10" s="20" t="s">
        <v>17</v>
      </c>
      <c r="B10" s="21">
        <v>71</v>
      </c>
      <c r="C10" s="22">
        <v>42</v>
      </c>
      <c r="D10" s="22">
        <v>29</v>
      </c>
      <c r="E10" s="21">
        <v>0</v>
      </c>
      <c r="F10" s="22">
        <v>0</v>
      </c>
      <c r="G10" s="23">
        <v>0</v>
      </c>
      <c r="H10" s="22">
        <v>255</v>
      </c>
      <c r="I10" s="22">
        <v>136</v>
      </c>
      <c r="J10" s="22">
        <v>119</v>
      </c>
      <c r="K10" s="21">
        <v>184</v>
      </c>
      <c r="L10" s="53">
        <v>94</v>
      </c>
      <c r="M10" s="54">
        <v>90</v>
      </c>
    </row>
    <row r="11" spans="1:13">
      <c r="A11" s="20" t="s">
        <v>18</v>
      </c>
      <c r="B11" s="21">
        <v>65</v>
      </c>
      <c r="C11" s="22">
        <v>31</v>
      </c>
      <c r="D11" s="22">
        <v>34</v>
      </c>
      <c r="E11" s="21">
        <v>0</v>
      </c>
      <c r="F11" s="22">
        <v>0</v>
      </c>
      <c r="G11" s="23">
        <v>0</v>
      </c>
      <c r="H11" s="22">
        <v>186</v>
      </c>
      <c r="I11" s="22">
        <v>89</v>
      </c>
      <c r="J11" s="22">
        <v>97</v>
      </c>
      <c r="K11" s="21">
        <v>121</v>
      </c>
      <c r="L11" s="53">
        <v>58</v>
      </c>
      <c r="M11" s="54">
        <v>63</v>
      </c>
    </row>
    <row r="12" spans="1:13" ht="20.100000000000001" customHeight="1">
      <c r="A12" s="16" t="s">
        <v>19</v>
      </c>
      <c r="B12" s="17">
        <v>160</v>
      </c>
      <c r="C12" s="18">
        <v>79</v>
      </c>
      <c r="D12" s="18">
        <v>81</v>
      </c>
      <c r="E12" s="17">
        <v>0</v>
      </c>
      <c r="F12" s="18">
        <v>0</v>
      </c>
      <c r="G12" s="19">
        <v>0</v>
      </c>
      <c r="H12" s="18">
        <v>625</v>
      </c>
      <c r="I12" s="18">
        <v>325</v>
      </c>
      <c r="J12" s="18">
        <v>300</v>
      </c>
      <c r="K12" s="17">
        <v>465</v>
      </c>
      <c r="L12" s="51">
        <v>246</v>
      </c>
      <c r="M12" s="52">
        <v>219</v>
      </c>
    </row>
    <row r="13" spans="1:13">
      <c r="A13" s="20" t="s">
        <v>20</v>
      </c>
      <c r="B13" s="21">
        <v>17</v>
      </c>
      <c r="C13" s="22">
        <v>-2</v>
      </c>
      <c r="D13" s="22">
        <v>19</v>
      </c>
      <c r="E13" s="21">
        <v>0</v>
      </c>
      <c r="F13" s="22">
        <v>0</v>
      </c>
      <c r="G13" s="23">
        <v>0</v>
      </c>
      <c r="H13" s="22">
        <v>141</v>
      </c>
      <c r="I13" s="22">
        <v>69</v>
      </c>
      <c r="J13" s="22">
        <v>72</v>
      </c>
      <c r="K13" s="21">
        <v>124</v>
      </c>
      <c r="L13" s="53">
        <v>71</v>
      </c>
      <c r="M13" s="54">
        <v>53</v>
      </c>
    </row>
    <row r="14" spans="1:13">
      <c r="A14" s="20" t="s">
        <v>21</v>
      </c>
      <c r="B14" s="21">
        <v>35</v>
      </c>
      <c r="C14" s="22">
        <v>20</v>
      </c>
      <c r="D14" s="22">
        <v>15</v>
      </c>
      <c r="E14" s="21">
        <v>0</v>
      </c>
      <c r="F14" s="22">
        <v>0</v>
      </c>
      <c r="G14" s="23">
        <v>0</v>
      </c>
      <c r="H14" s="22">
        <v>134</v>
      </c>
      <c r="I14" s="22">
        <v>71</v>
      </c>
      <c r="J14" s="22">
        <v>63</v>
      </c>
      <c r="K14" s="21">
        <v>99</v>
      </c>
      <c r="L14" s="53">
        <v>51</v>
      </c>
      <c r="M14" s="54">
        <v>48</v>
      </c>
    </row>
    <row r="15" spans="1:13">
      <c r="A15" s="20" t="s">
        <v>22</v>
      </c>
      <c r="B15" s="21">
        <v>70</v>
      </c>
      <c r="C15" s="22">
        <v>41</v>
      </c>
      <c r="D15" s="22">
        <v>29</v>
      </c>
      <c r="E15" s="21">
        <v>0</v>
      </c>
      <c r="F15" s="22">
        <v>0</v>
      </c>
      <c r="G15" s="23">
        <v>0</v>
      </c>
      <c r="H15" s="22">
        <v>168</v>
      </c>
      <c r="I15" s="22">
        <v>87</v>
      </c>
      <c r="J15" s="22">
        <v>81</v>
      </c>
      <c r="K15" s="21">
        <v>98</v>
      </c>
      <c r="L15" s="53">
        <v>46</v>
      </c>
      <c r="M15" s="54">
        <v>52</v>
      </c>
    </row>
    <row r="16" spans="1:13">
      <c r="A16" s="20" t="s">
        <v>23</v>
      </c>
      <c r="B16" s="21">
        <v>18</v>
      </c>
      <c r="C16" s="22">
        <v>8</v>
      </c>
      <c r="D16" s="22">
        <v>10</v>
      </c>
      <c r="E16" s="21">
        <v>0</v>
      </c>
      <c r="F16" s="22">
        <v>0</v>
      </c>
      <c r="G16" s="23">
        <v>0</v>
      </c>
      <c r="H16" s="22">
        <v>87</v>
      </c>
      <c r="I16" s="22">
        <v>47</v>
      </c>
      <c r="J16" s="22">
        <v>40</v>
      </c>
      <c r="K16" s="21">
        <v>69</v>
      </c>
      <c r="L16" s="53">
        <v>39</v>
      </c>
      <c r="M16" s="54">
        <v>30</v>
      </c>
    </row>
    <row r="17" spans="1:13">
      <c r="A17" s="20" t="s">
        <v>24</v>
      </c>
      <c r="B17" s="21">
        <v>20</v>
      </c>
      <c r="C17" s="22">
        <v>12</v>
      </c>
      <c r="D17" s="22">
        <v>8</v>
      </c>
      <c r="E17" s="21">
        <v>0</v>
      </c>
      <c r="F17" s="22">
        <v>0</v>
      </c>
      <c r="G17" s="23">
        <v>0</v>
      </c>
      <c r="H17" s="22">
        <v>95</v>
      </c>
      <c r="I17" s="22">
        <v>51</v>
      </c>
      <c r="J17" s="22">
        <v>44</v>
      </c>
      <c r="K17" s="21">
        <v>75</v>
      </c>
      <c r="L17" s="53">
        <v>39</v>
      </c>
      <c r="M17" s="54">
        <v>36</v>
      </c>
    </row>
    <row r="18" spans="1:13" ht="20.100000000000001" customHeight="1">
      <c r="A18" s="16" t="s">
        <v>25</v>
      </c>
      <c r="B18" s="17">
        <v>97</v>
      </c>
      <c r="C18" s="18">
        <v>50</v>
      </c>
      <c r="D18" s="18">
        <v>47</v>
      </c>
      <c r="E18" s="17">
        <v>3</v>
      </c>
      <c r="F18" s="18">
        <v>2</v>
      </c>
      <c r="G18" s="19">
        <v>1</v>
      </c>
      <c r="H18" s="18">
        <v>359</v>
      </c>
      <c r="I18" s="18">
        <v>181</v>
      </c>
      <c r="J18" s="18">
        <v>178</v>
      </c>
      <c r="K18" s="17">
        <v>259</v>
      </c>
      <c r="L18" s="51">
        <v>129</v>
      </c>
      <c r="M18" s="52">
        <v>130</v>
      </c>
    </row>
    <row r="19" spans="1:13">
      <c r="A19" s="20" t="s">
        <v>26</v>
      </c>
      <c r="B19" s="21">
        <v>30</v>
      </c>
      <c r="C19" s="22">
        <v>18</v>
      </c>
      <c r="D19" s="22">
        <v>12</v>
      </c>
      <c r="E19" s="21">
        <v>0</v>
      </c>
      <c r="F19" s="22">
        <v>0</v>
      </c>
      <c r="G19" s="23">
        <v>0</v>
      </c>
      <c r="H19" s="22">
        <v>89</v>
      </c>
      <c r="I19" s="22">
        <v>48</v>
      </c>
      <c r="J19" s="22">
        <v>41</v>
      </c>
      <c r="K19" s="21">
        <v>59</v>
      </c>
      <c r="L19" s="53">
        <v>30</v>
      </c>
      <c r="M19" s="54">
        <v>29</v>
      </c>
    </row>
    <row r="20" spans="1:13">
      <c r="A20" s="20" t="s">
        <v>27</v>
      </c>
      <c r="B20" s="21">
        <v>-3</v>
      </c>
      <c r="C20" s="22">
        <v>-5</v>
      </c>
      <c r="D20" s="22">
        <v>2</v>
      </c>
      <c r="E20" s="21">
        <v>1</v>
      </c>
      <c r="F20" s="22">
        <v>0</v>
      </c>
      <c r="G20" s="23">
        <v>1</v>
      </c>
      <c r="H20" s="22">
        <v>64</v>
      </c>
      <c r="I20" s="22">
        <v>28</v>
      </c>
      <c r="J20" s="22">
        <v>36</v>
      </c>
      <c r="K20" s="21">
        <v>66</v>
      </c>
      <c r="L20" s="53">
        <v>33</v>
      </c>
      <c r="M20" s="54">
        <v>33</v>
      </c>
    </row>
    <row r="21" spans="1:13">
      <c r="A21" s="20" t="s">
        <v>28</v>
      </c>
      <c r="B21" s="21">
        <v>30</v>
      </c>
      <c r="C21" s="22">
        <v>14</v>
      </c>
      <c r="D21" s="22">
        <v>16</v>
      </c>
      <c r="E21" s="21">
        <v>0</v>
      </c>
      <c r="F21" s="22">
        <v>0</v>
      </c>
      <c r="G21" s="23">
        <v>0</v>
      </c>
      <c r="H21" s="22">
        <v>77</v>
      </c>
      <c r="I21" s="22">
        <v>37</v>
      </c>
      <c r="J21" s="22">
        <v>40</v>
      </c>
      <c r="K21" s="21">
        <v>47</v>
      </c>
      <c r="L21" s="53">
        <v>23</v>
      </c>
      <c r="M21" s="54">
        <v>24</v>
      </c>
    </row>
    <row r="22" spans="1:13">
      <c r="A22" s="20" t="s">
        <v>29</v>
      </c>
      <c r="B22" s="21">
        <v>20</v>
      </c>
      <c r="C22" s="22">
        <v>12</v>
      </c>
      <c r="D22" s="22">
        <v>8</v>
      </c>
      <c r="E22" s="21">
        <v>2</v>
      </c>
      <c r="F22" s="22">
        <v>2</v>
      </c>
      <c r="G22" s="23">
        <v>0</v>
      </c>
      <c r="H22" s="22">
        <v>72</v>
      </c>
      <c r="I22" s="22">
        <v>40</v>
      </c>
      <c r="J22" s="22">
        <v>32</v>
      </c>
      <c r="K22" s="21">
        <v>50</v>
      </c>
      <c r="L22" s="53">
        <v>26</v>
      </c>
      <c r="M22" s="54">
        <v>24</v>
      </c>
    </row>
    <row r="23" spans="1:13">
      <c r="A23" s="20" t="s">
        <v>30</v>
      </c>
      <c r="B23" s="21">
        <v>20</v>
      </c>
      <c r="C23" s="22">
        <v>11</v>
      </c>
      <c r="D23" s="22">
        <v>9</v>
      </c>
      <c r="E23" s="21">
        <v>0</v>
      </c>
      <c r="F23" s="22">
        <v>0</v>
      </c>
      <c r="G23" s="23">
        <v>0</v>
      </c>
      <c r="H23" s="22">
        <v>57</v>
      </c>
      <c r="I23" s="22">
        <v>28</v>
      </c>
      <c r="J23" s="22">
        <v>29</v>
      </c>
      <c r="K23" s="21">
        <v>37</v>
      </c>
      <c r="L23" s="53">
        <v>17</v>
      </c>
      <c r="M23" s="54">
        <v>20</v>
      </c>
    </row>
    <row r="24" spans="1:13" ht="20.100000000000001" customHeight="1">
      <c r="A24" s="16" t="s">
        <v>31</v>
      </c>
      <c r="B24" s="17">
        <v>328</v>
      </c>
      <c r="C24" s="18">
        <v>199</v>
      </c>
      <c r="D24" s="18">
        <v>129</v>
      </c>
      <c r="E24" s="17">
        <v>6</v>
      </c>
      <c r="F24" s="18">
        <v>5</v>
      </c>
      <c r="G24" s="19">
        <v>1</v>
      </c>
      <c r="H24" s="18">
        <v>808</v>
      </c>
      <c r="I24" s="18">
        <v>468</v>
      </c>
      <c r="J24" s="18">
        <v>340</v>
      </c>
      <c r="K24" s="17">
        <v>474</v>
      </c>
      <c r="L24" s="51">
        <v>264</v>
      </c>
      <c r="M24" s="52">
        <v>210</v>
      </c>
    </row>
    <row r="25" spans="1:13">
      <c r="A25" s="20" t="s">
        <v>32</v>
      </c>
      <c r="B25" s="21">
        <v>12</v>
      </c>
      <c r="C25" s="22">
        <v>5</v>
      </c>
      <c r="D25" s="22">
        <v>7</v>
      </c>
      <c r="E25" s="21">
        <v>0</v>
      </c>
      <c r="F25" s="22">
        <v>0</v>
      </c>
      <c r="G25" s="23">
        <v>0</v>
      </c>
      <c r="H25" s="22">
        <v>57</v>
      </c>
      <c r="I25" s="22">
        <v>27</v>
      </c>
      <c r="J25" s="22">
        <v>30</v>
      </c>
      <c r="K25" s="21">
        <v>45</v>
      </c>
      <c r="L25" s="53">
        <v>22</v>
      </c>
      <c r="M25" s="54">
        <v>23</v>
      </c>
    </row>
    <row r="26" spans="1:13">
      <c r="A26" s="20" t="s">
        <v>33</v>
      </c>
      <c r="B26" s="21">
        <v>22</v>
      </c>
      <c r="C26" s="22">
        <v>2</v>
      </c>
      <c r="D26" s="22">
        <v>20</v>
      </c>
      <c r="E26" s="21">
        <v>3</v>
      </c>
      <c r="F26" s="22">
        <v>3</v>
      </c>
      <c r="G26" s="23">
        <v>0</v>
      </c>
      <c r="H26" s="22">
        <v>91</v>
      </c>
      <c r="I26" s="22">
        <v>41</v>
      </c>
      <c r="J26" s="22">
        <v>50</v>
      </c>
      <c r="K26" s="21">
        <v>66</v>
      </c>
      <c r="L26" s="53">
        <v>36</v>
      </c>
      <c r="M26" s="54">
        <v>30</v>
      </c>
    </row>
    <row r="27" spans="1:13">
      <c r="A27" s="20" t="s">
        <v>34</v>
      </c>
      <c r="B27" s="21">
        <v>14</v>
      </c>
      <c r="C27" s="22">
        <v>6</v>
      </c>
      <c r="D27" s="22">
        <v>8</v>
      </c>
      <c r="E27" s="21">
        <v>0</v>
      </c>
      <c r="F27" s="22">
        <v>0</v>
      </c>
      <c r="G27" s="23">
        <v>0</v>
      </c>
      <c r="H27" s="22">
        <v>53</v>
      </c>
      <c r="I27" s="22">
        <v>26</v>
      </c>
      <c r="J27" s="22">
        <v>27</v>
      </c>
      <c r="K27" s="21">
        <v>39</v>
      </c>
      <c r="L27" s="53">
        <v>20</v>
      </c>
      <c r="M27" s="54">
        <v>19</v>
      </c>
    </row>
    <row r="28" spans="1:13">
      <c r="A28" s="20" t="s">
        <v>35</v>
      </c>
      <c r="B28" s="21">
        <v>63</v>
      </c>
      <c r="C28" s="22">
        <v>42</v>
      </c>
      <c r="D28" s="22">
        <v>21</v>
      </c>
      <c r="E28" s="21">
        <v>1</v>
      </c>
      <c r="F28" s="22">
        <v>0</v>
      </c>
      <c r="G28" s="23">
        <v>1</v>
      </c>
      <c r="H28" s="22">
        <v>154</v>
      </c>
      <c r="I28" s="22">
        <v>91</v>
      </c>
      <c r="J28" s="22">
        <v>63</v>
      </c>
      <c r="K28" s="21">
        <v>90</v>
      </c>
      <c r="L28" s="53">
        <v>49</v>
      </c>
      <c r="M28" s="54">
        <v>41</v>
      </c>
    </row>
    <row r="29" spans="1:13">
      <c r="A29" s="20" t="s">
        <v>36</v>
      </c>
      <c r="B29" s="21">
        <v>217</v>
      </c>
      <c r="C29" s="22">
        <v>144</v>
      </c>
      <c r="D29" s="22">
        <v>73</v>
      </c>
      <c r="E29" s="21">
        <v>2</v>
      </c>
      <c r="F29" s="22">
        <v>2</v>
      </c>
      <c r="G29" s="23">
        <v>0</v>
      </c>
      <c r="H29" s="22">
        <v>453</v>
      </c>
      <c r="I29" s="22">
        <v>283</v>
      </c>
      <c r="J29" s="22">
        <v>170</v>
      </c>
      <c r="K29" s="21">
        <v>234</v>
      </c>
      <c r="L29" s="53">
        <v>137</v>
      </c>
      <c r="M29" s="54">
        <v>97</v>
      </c>
    </row>
    <row r="30" spans="1:13" ht="20.100000000000001" customHeight="1">
      <c r="A30" s="16" t="s">
        <v>37</v>
      </c>
      <c r="B30" s="17">
        <v>145</v>
      </c>
      <c r="C30" s="18">
        <v>124</v>
      </c>
      <c r="D30" s="18">
        <v>21</v>
      </c>
      <c r="E30" s="17">
        <v>3</v>
      </c>
      <c r="F30" s="18">
        <v>2</v>
      </c>
      <c r="G30" s="19">
        <v>1</v>
      </c>
      <c r="H30" s="18">
        <v>2880</v>
      </c>
      <c r="I30" s="18">
        <v>1583</v>
      </c>
      <c r="J30" s="18">
        <v>1297</v>
      </c>
      <c r="K30" s="17">
        <v>2732</v>
      </c>
      <c r="L30" s="51">
        <v>1457</v>
      </c>
      <c r="M30" s="52">
        <v>1275</v>
      </c>
    </row>
    <row r="31" spans="1:13">
      <c r="A31" s="20" t="s">
        <v>38</v>
      </c>
      <c r="B31" s="21">
        <v>58</v>
      </c>
      <c r="C31" s="22">
        <v>29</v>
      </c>
      <c r="D31" s="22">
        <v>29</v>
      </c>
      <c r="E31" s="21">
        <v>1</v>
      </c>
      <c r="F31" s="22">
        <v>0</v>
      </c>
      <c r="G31" s="23">
        <v>1</v>
      </c>
      <c r="H31" s="22">
        <v>343</v>
      </c>
      <c r="I31" s="22">
        <v>197</v>
      </c>
      <c r="J31" s="22">
        <v>146</v>
      </c>
      <c r="K31" s="21">
        <v>284</v>
      </c>
      <c r="L31" s="53">
        <v>168</v>
      </c>
      <c r="M31" s="54">
        <v>116</v>
      </c>
    </row>
    <row r="32" spans="1:13">
      <c r="A32" s="20" t="s">
        <v>39</v>
      </c>
      <c r="B32" s="21">
        <v>91</v>
      </c>
      <c r="C32" s="22">
        <v>50</v>
      </c>
      <c r="D32" s="22">
        <v>41</v>
      </c>
      <c r="E32" s="21">
        <v>0</v>
      </c>
      <c r="F32" s="22">
        <v>0</v>
      </c>
      <c r="G32" s="23">
        <v>0</v>
      </c>
      <c r="H32" s="22">
        <v>451</v>
      </c>
      <c r="I32" s="22">
        <v>237</v>
      </c>
      <c r="J32" s="22">
        <v>214</v>
      </c>
      <c r="K32" s="21">
        <v>360</v>
      </c>
      <c r="L32" s="53">
        <v>187</v>
      </c>
      <c r="M32" s="54">
        <v>173</v>
      </c>
    </row>
    <row r="33" spans="1:13">
      <c r="A33" s="20" t="s">
        <v>40</v>
      </c>
      <c r="B33" s="21">
        <v>71</v>
      </c>
      <c r="C33" s="22">
        <v>51</v>
      </c>
      <c r="D33" s="22">
        <v>20</v>
      </c>
      <c r="E33" s="21">
        <v>0</v>
      </c>
      <c r="F33" s="22">
        <v>0</v>
      </c>
      <c r="G33" s="23">
        <v>0</v>
      </c>
      <c r="H33" s="22">
        <v>568</v>
      </c>
      <c r="I33" s="22">
        <v>295</v>
      </c>
      <c r="J33" s="22">
        <v>273</v>
      </c>
      <c r="K33" s="21">
        <v>497</v>
      </c>
      <c r="L33" s="53">
        <v>244</v>
      </c>
      <c r="M33" s="54">
        <v>253</v>
      </c>
    </row>
    <row r="34" spans="1:13">
      <c r="A34" s="20" t="s">
        <v>41</v>
      </c>
      <c r="B34" s="21">
        <v>-34</v>
      </c>
      <c r="C34" s="22">
        <v>-2</v>
      </c>
      <c r="D34" s="22">
        <v>-32</v>
      </c>
      <c r="E34" s="21">
        <v>1</v>
      </c>
      <c r="F34" s="22">
        <v>1</v>
      </c>
      <c r="G34" s="23">
        <v>0</v>
      </c>
      <c r="H34" s="22">
        <v>826</v>
      </c>
      <c r="I34" s="22">
        <v>465</v>
      </c>
      <c r="J34" s="22">
        <v>361</v>
      </c>
      <c r="K34" s="21">
        <v>859</v>
      </c>
      <c r="L34" s="53">
        <v>466</v>
      </c>
      <c r="M34" s="54">
        <v>393</v>
      </c>
    </row>
    <row r="35" spans="1:13">
      <c r="A35" s="20" t="s">
        <v>42</v>
      </c>
      <c r="B35" s="21">
        <v>-41</v>
      </c>
      <c r="C35" s="22">
        <v>-4</v>
      </c>
      <c r="D35" s="22">
        <v>-37</v>
      </c>
      <c r="E35" s="21">
        <v>1</v>
      </c>
      <c r="F35" s="22">
        <v>1</v>
      </c>
      <c r="G35" s="23">
        <v>0</v>
      </c>
      <c r="H35" s="22">
        <v>692</v>
      </c>
      <c r="I35" s="22">
        <v>389</v>
      </c>
      <c r="J35" s="22">
        <v>303</v>
      </c>
      <c r="K35" s="21">
        <v>732</v>
      </c>
      <c r="L35" s="53">
        <v>392</v>
      </c>
      <c r="M35" s="54">
        <v>340</v>
      </c>
    </row>
    <row r="36" spans="1:13" ht="20.100000000000001" customHeight="1">
      <c r="A36" s="16" t="s">
        <v>43</v>
      </c>
      <c r="B36" s="17">
        <v>219</v>
      </c>
      <c r="C36" s="18">
        <v>125</v>
      </c>
      <c r="D36" s="18">
        <v>94</v>
      </c>
      <c r="E36" s="17">
        <v>7</v>
      </c>
      <c r="F36" s="18">
        <v>4</v>
      </c>
      <c r="G36" s="19">
        <v>3</v>
      </c>
      <c r="H36" s="18">
        <v>3904</v>
      </c>
      <c r="I36" s="18">
        <v>2139</v>
      </c>
      <c r="J36" s="18">
        <v>1765</v>
      </c>
      <c r="K36" s="17">
        <v>3678</v>
      </c>
      <c r="L36" s="51">
        <v>2010</v>
      </c>
      <c r="M36" s="52">
        <v>1668</v>
      </c>
    </row>
    <row r="37" spans="1:13">
      <c r="A37" s="20" t="s">
        <v>44</v>
      </c>
      <c r="B37" s="21">
        <v>84</v>
      </c>
      <c r="C37" s="22">
        <v>73</v>
      </c>
      <c r="D37" s="22">
        <v>11</v>
      </c>
      <c r="E37" s="21">
        <v>2</v>
      </c>
      <c r="F37" s="22">
        <v>2</v>
      </c>
      <c r="G37" s="23">
        <v>0</v>
      </c>
      <c r="H37" s="22">
        <v>928</v>
      </c>
      <c r="I37" s="22">
        <v>539</v>
      </c>
      <c r="J37" s="22">
        <v>389</v>
      </c>
      <c r="K37" s="21">
        <v>842</v>
      </c>
      <c r="L37" s="53">
        <v>464</v>
      </c>
      <c r="M37" s="54">
        <v>378</v>
      </c>
    </row>
    <row r="38" spans="1:13">
      <c r="A38" s="20" t="s">
        <v>45</v>
      </c>
      <c r="B38" s="21">
        <v>29</v>
      </c>
      <c r="C38" s="22">
        <v>24</v>
      </c>
      <c r="D38" s="22">
        <v>5</v>
      </c>
      <c r="E38" s="21">
        <v>0</v>
      </c>
      <c r="F38" s="22">
        <v>0</v>
      </c>
      <c r="G38" s="23">
        <v>0</v>
      </c>
      <c r="H38" s="22">
        <v>784</v>
      </c>
      <c r="I38" s="22">
        <v>433</v>
      </c>
      <c r="J38" s="22">
        <v>351</v>
      </c>
      <c r="K38" s="21">
        <v>755</v>
      </c>
      <c r="L38" s="53">
        <v>409</v>
      </c>
      <c r="M38" s="54">
        <v>346</v>
      </c>
    </row>
    <row r="39" spans="1:13">
      <c r="A39" s="20" t="s">
        <v>46</v>
      </c>
      <c r="B39" s="21">
        <v>39</v>
      </c>
      <c r="C39" s="22">
        <v>1</v>
      </c>
      <c r="D39" s="22">
        <v>38</v>
      </c>
      <c r="E39" s="21">
        <v>0</v>
      </c>
      <c r="F39" s="22">
        <v>0</v>
      </c>
      <c r="G39" s="23">
        <v>0</v>
      </c>
      <c r="H39" s="22">
        <v>748</v>
      </c>
      <c r="I39" s="22">
        <v>394</v>
      </c>
      <c r="J39" s="22">
        <v>354</v>
      </c>
      <c r="K39" s="21">
        <v>709</v>
      </c>
      <c r="L39" s="53">
        <v>393</v>
      </c>
      <c r="M39" s="54">
        <v>316</v>
      </c>
    </row>
    <row r="40" spans="1:13">
      <c r="A40" s="20" t="s">
        <v>47</v>
      </c>
      <c r="B40" s="21">
        <v>30</v>
      </c>
      <c r="C40" s="22">
        <v>26</v>
      </c>
      <c r="D40" s="22">
        <v>4</v>
      </c>
      <c r="E40" s="21">
        <v>3</v>
      </c>
      <c r="F40" s="22">
        <v>2</v>
      </c>
      <c r="G40" s="23">
        <v>1</v>
      </c>
      <c r="H40" s="22">
        <v>722</v>
      </c>
      <c r="I40" s="22">
        <v>378</v>
      </c>
      <c r="J40" s="22">
        <v>344</v>
      </c>
      <c r="K40" s="21">
        <v>689</v>
      </c>
      <c r="L40" s="53">
        <v>350</v>
      </c>
      <c r="M40" s="54">
        <v>339</v>
      </c>
    </row>
    <row r="41" spans="1:13">
      <c r="A41" s="20" t="s">
        <v>48</v>
      </c>
      <c r="B41" s="21">
        <v>37</v>
      </c>
      <c r="C41" s="22">
        <v>1</v>
      </c>
      <c r="D41" s="22">
        <v>36</v>
      </c>
      <c r="E41" s="21">
        <v>2</v>
      </c>
      <c r="F41" s="22">
        <v>0</v>
      </c>
      <c r="G41" s="23">
        <v>2</v>
      </c>
      <c r="H41" s="22">
        <v>722</v>
      </c>
      <c r="I41" s="22">
        <v>395</v>
      </c>
      <c r="J41" s="22">
        <v>327</v>
      </c>
      <c r="K41" s="21">
        <v>683</v>
      </c>
      <c r="L41" s="53">
        <v>394</v>
      </c>
      <c r="M41" s="54">
        <v>289</v>
      </c>
    </row>
    <row r="42" spans="1:13" ht="20.100000000000001" customHeight="1">
      <c r="A42" s="16" t="s">
        <v>49</v>
      </c>
      <c r="B42" s="17">
        <v>453</v>
      </c>
      <c r="C42" s="18">
        <v>168</v>
      </c>
      <c r="D42" s="18">
        <v>285</v>
      </c>
      <c r="E42" s="17">
        <v>6</v>
      </c>
      <c r="F42" s="18">
        <v>5</v>
      </c>
      <c r="G42" s="19">
        <v>1</v>
      </c>
      <c r="H42" s="18">
        <v>2974</v>
      </c>
      <c r="I42" s="18">
        <v>1604</v>
      </c>
      <c r="J42" s="18">
        <v>1370</v>
      </c>
      <c r="K42" s="17">
        <v>2515</v>
      </c>
      <c r="L42" s="51">
        <v>1431</v>
      </c>
      <c r="M42" s="52">
        <v>1084</v>
      </c>
    </row>
    <row r="43" spans="1:13">
      <c r="A43" s="20" t="s">
        <v>50</v>
      </c>
      <c r="B43" s="21">
        <v>88</v>
      </c>
      <c r="C43" s="22">
        <v>53</v>
      </c>
      <c r="D43" s="22">
        <v>35</v>
      </c>
      <c r="E43" s="21">
        <v>0</v>
      </c>
      <c r="F43" s="22">
        <v>0</v>
      </c>
      <c r="G43" s="23">
        <v>0</v>
      </c>
      <c r="H43" s="22">
        <v>712</v>
      </c>
      <c r="I43" s="22">
        <v>409</v>
      </c>
      <c r="J43" s="22">
        <v>303</v>
      </c>
      <c r="K43" s="21">
        <v>624</v>
      </c>
      <c r="L43" s="53">
        <v>356</v>
      </c>
      <c r="M43" s="54">
        <v>268</v>
      </c>
    </row>
    <row r="44" spans="1:13">
      <c r="A44" s="20" t="s">
        <v>51</v>
      </c>
      <c r="B44" s="21">
        <v>86</v>
      </c>
      <c r="C44" s="22">
        <v>8</v>
      </c>
      <c r="D44" s="22">
        <v>78</v>
      </c>
      <c r="E44" s="21">
        <v>1</v>
      </c>
      <c r="F44" s="22">
        <v>1</v>
      </c>
      <c r="G44" s="23">
        <v>0</v>
      </c>
      <c r="H44" s="22">
        <v>651</v>
      </c>
      <c r="I44" s="22">
        <v>342</v>
      </c>
      <c r="J44" s="22">
        <v>309</v>
      </c>
      <c r="K44" s="21">
        <v>564</v>
      </c>
      <c r="L44" s="53">
        <v>333</v>
      </c>
      <c r="M44" s="54">
        <v>231</v>
      </c>
    </row>
    <row r="45" spans="1:13">
      <c r="A45" s="20" t="s">
        <v>52</v>
      </c>
      <c r="B45" s="21">
        <v>32</v>
      </c>
      <c r="C45" s="22">
        <v>10</v>
      </c>
      <c r="D45" s="22">
        <v>22</v>
      </c>
      <c r="E45" s="21">
        <v>2</v>
      </c>
      <c r="F45" s="22">
        <v>1</v>
      </c>
      <c r="G45" s="23">
        <v>1</v>
      </c>
      <c r="H45" s="22">
        <v>554</v>
      </c>
      <c r="I45" s="22">
        <v>295</v>
      </c>
      <c r="J45" s="22">
        <v>259</v>
      </c>
      <c r="K45" s="21">
        <v>520</v>
      </c>
      <c r="L45" s="53">
        <v>284</v>
      </c>
      <c r="M45" s="54">
        <v>236</v>
      </c>
    </row>
    <row r="46" spans="1:13">
      <c r="A46" s="20" t="s">
        <v>53</v>
      </c>
      <c r="B46" s="21">
        <v>113</v>
      </c>
      <c r="C46" s="22">
        <v>46</v>
      </c>
      <c r="D46" s="22">
        <v>67</v>
      </c>
      <c r="E46" s="21">
        <v>3</v>
      </c>
      <c r="F46" s="22">
        <v>3</v>
      </c>
      <c r="G46" s="23">
        <v>0</v>
      </c>
      <c r="H46" s="22">
        <v>518</v>
      </c>
      <c r="I46" s="22">
        <v>269</v>
      </c>
      <c r="J46" s="22">
        <v>249</v>
      </c>
      <c r="K46" s="21">
        <v>402</v>
      </c>
      <c r="L46" s="53">
        <v>220</v>
      </c>
      <c r="M46" s="54">
        <v>182</v>
      </c>
    </row>
    <row r="47" spans="1:13">
      <c r="A47" s="20" t="s">
        <v>54</v>
      </c>
      <c r="B47" s="21">
        <v>134</v>
      </c>
      <c r="C47" s="22">
        <v>51</v>
      </c>
      <c r="D47" s="22">
        <v>83</v>
      </c>
      <c r="E47" s="21">
        <v>0</v>
      </c>
      <c r="F47" s="22">
        <v>0</v>
      </c>
      <c r="G47" s="23">
        <v>0</v>
      </c>
      <c r="H47" s="22">
        <v>539</v>
      </c>
      <c r="I47" s="22">
        <v>289</v>
      </c>
      <c r="J47" s="22">
        <v>250</v>
      </c>
      <c r="K47" s="21">
        <v>405</v>
      </c>
      <c r="L47" s="53">
        <v>238</v>
      </c>
      <c r="M47" s="54">
        <v>167</v>
      </c>
    </row>
    <row r="48" spans="1:13" ht="20.100000000000001" customHeight="1">
      <c r="A48" s="16" t="s">
        <v>55</v>
      </c>
      <c r="B48" s="17">
        <v>471</v>
      </c>
      <c r="C48" s="18">
        <v>222</v>
      </c>
      <c r="D48" s="18">
        <v>249</v>
      </c>
      <c r="E48" s="17">
        <v>9</v>
      </c>
      <c r="F48" s="18">
        <v>6</v>
      </c>
      <c r="G48" s="19">
        <v>3</v>
      </c>
      <c r="H48" s="18">
        <v>2195</v>
      </c>
      <c r="I48" s="18">
        <v>1197</v>
      </c>
      <c r="J48" s="18">
        <v>998</v>
      </c>
      <c r="K48" s="17">
        <v>1715</v>
      </c>
      <c r="L48" s="51">
        <v>969</v>
      </c>
      <c r="M48" s="52">
        <v>746</v>
      </c>
    </row>
    <row r="49" spans="1:13">
      <c r="A49" s="20" t="s">
        <v>56</v>
      </c>
      <c r="B49" s="21">
        <v>76</v>
      </c>
      <c r="C49" s="22">
        <v>41</v>
      </c>
      <c r="D49" s="22">
        <v>35</v>
      </c>
      <c r="E49" s="21">
        <v>4</v>
      </c>
      <c r="F49" s="22">
        <v>2</v>
      </c>
      <c r="G49" s="23">
        <v>2</v>
      </c>
      <c r="H49" s="22">
        <v>503</v>
      </c>
      <c r="I49" s="22">
        <v>273</v>
      </c>
      <c r="J49" s="22">
        <v>230</v>
      </c>
      <c r="K49" s="21">
        <v>423</v>
      </c>
      <c r="L49" s="53">
        <v>230</v>
      </c>
      <c r="M49" s="54">
        <v>193</v>
      </c>
    </row>
    <row r="50" spans="1:13">
      <c r="A50" s="20" t="s">
        <v>57</v>
      </c>
      <c r="B50" s="21">
        <v>104</v>
      </c>
      <c r="C50" s="22">
        <v>59</v>
      </c>
      <c r="D50" s="22">
        <v>45</v>
      </c>
      <c r="E50" s="21">
        <v>0</v>
      </c>
      <c r="F50" s="22">
        <v>0</v>
      </c>
      <c r="G50" s="23">
        <v>0</v>
      </c>
      <c r="H50" s="22">
        <v>479</v>
      </c>
      <c r="I50" s="22">
        <v>272</v>
      </c>
      <c r="J50" s="22">
        <v>207</v>
      </c>
      <c r="K50" s="21">
        <v>375</v>
      </c>
      <c r="L50" s="53">
        <v>213</v>
      </c>
      <c r="M50" s="54">
        <v>162</v>
      </c>
    </row>
    <row r="51" spans="1:13">
      <c r="A51" s="20" t="s">
        <v>58</v>
      </c>
      <c r="B51" s="21">
        <v>116</v>
      </c>
      <c r="C51" s="22">
        <v>68</v>
      </c>
      <c r="D51" s="22">
        <v>48</v>
      </c>
      <c r="E51" s="21">
        <v>1</v>
      </c>
      <c r="F51" s="22">
        <v>0</v>
      </c>
      <c r="G51" s="23">
        <v>1</v>
      </c>
      <c r="H51" s="22">
        <v>439</v>
      </c>
      <c r="I51" s="22">
        <v>246</v>
      </c>
      <c r="J51" s="22">
        <v>193</v>
      </c>
      <c r="K51" s="21">
        <v>322</v>
      </c>
      <c r="L51" s="53">
        <v>178</v>
      </c>
      <c r="M51" s="54">
        <v>144</v>
      </c>
    </row>
    <row r="52" spans="1:13">
      <c r="A52" s="20" t="s">
        <v>59</v>
      </c>
      <c r="B52" s="21">
        <v>105</v>
      </c>
      <c r="C52" s="22">
        <v>31</v>
      </c>
      <c r="D52" s="22">
        <v>74</v>
      </c>
      <c r="E52" s="21">
        <v>1</v>
      </c>
      <c r="F52" s="22">
        <v>1</v>
      </c>
      <c r="G52" s="23">
        <v>0</v>
      </c>
      <c r="H52" s="22">
        <v>411</v>
      </c>
      <c r="I52" s="22">
        <v>204</v>
      </c>
      <c r="J52" s="22">
        <v>207</v>
      </c>
      <c r="K52" s="21">
        <v>305</v>
      </c>
      <c r="L52" s="53">
        <v>172</v>
      </c>
      <c r="M52" s="54">
        <v>133</v>
      </c>
    </row>
    <row r="53" spans="1:13">
      <c r="A53" s="20" t="s">
        <v>60</v>
      </c>
      <c r="B53" s="21">
        <v>70</v>
      </c>
      <c r="C53" s="22">
        <v>23</v>
      </c>
      <c r="D53" s="22">
        <v>47</v>
      </c>
      <c r="E53" s="21">
        <v>3</v>
      </c>
      <c r="F53" s="22">
        <v>3</v>
      </c>
      <c r="G53" s="23">
        <v>0</v>
      </c>
      <c r="H53" s="22">
        <v>363</v>
      </c>
      <c r="I53" s="22">
        <v>202</v>
      </c>
      <c r="J53" s="22">
        <v>161</v>
      </c>
      <c r="K53" s="21">
        <v>290</v>
      </c>
      <c r="L53" s="53">
        <v>176</v>
      </c>
      <c r="M53" s="54">
        <v>114</v>
      </c>
    </row>
    <row r="54" spans="1:13" ht="20.100000000000001" customHeight="1">
      <c r="A54" s="16" t="s">
        <v>61</v>
      </c>
      <c r="B54" s="17">
        <v>348</v>
      </c>
      <c r="C54" s="18">
        <v>147</v>
      </c>
      <c r="D54" s="18">
        <v>201</v>
      </c>
      <c r="E54" s="17">
        <v>19</v>
      </c>
      <c r="F54" s="18">
        <v>11</v>
      </c>
      <c r="G54" s="19">
        <v>8</v>
      </c>
      <c r="H54" s="18">
        <v>1484</v>
      </c>
      <c r="I54" s="18">
        <v>831</v>
      </c>
      <c r="J54" s="18">
        <v>653</v>
      </c>
      <c r="K54" s="17">
        <v>1117</v>
      </c>
      <c r="L54" s="51">
        <v>673</v>
      </c>
      <c r="M54" s="52">
        <v>444</v>
      </c>
    </row>
    <row r="55" spans="1:13">
      <c r="A55" s="20" t="s">
        <v>62</v>
      </c>
      <c r="B55" s="21">
        <v>113</v>
      </c>
      <c r="C55" s="22">
        <v>58</v>
      </c>
      <c r="D55" s="22">
        <v>55</v>
      </c>
      <c r="E55" s="21">
        <v>5</v>
      </c>
      <c r="F55" s="22">
        <v>2</v>
      </c>
      <c r="G55" s="23">
        <v>3</v>
      </c>
      <c r="H55" s="22">
        <v>369</v>
      </c>
      <c r="I55" s="22">
        <v>193</v>
      </c>
      <c r="J55" s="22">
        <v>176</v>
      </c>
      <c r="K55" s="21">
        <v>251</v>
      </c>
      <c r="L55" s="53">
        <v>133</v>
      </c>
      <c r="M55" s="54">
        <v>118</v>
      </c>
    </row>
    <row r="56" spans="1:13">
      <c r="A56" s="20" t="s">
        <v>63</v>
      </c>
      <c r="B56" s="21">
        <v>55</v>
      </c>
      <c r="C56" s="22">
        <v>8</v>
      </c>
      <c r="D56" s="22">
        <v>47</v>
      </c>
      <c r="E56" s="21">
        <v>2</v>
      </c>
      <c r="F56" s="22">
        <v>2</v>
      </c>
      <c r="G56" s="23">
        <v>0</v>
      </c>
      <c r="H56" s="22">
        <v>312</v>
      </c>
      <c r="I56" s="22">
        <v>168</v>
      </c>
      <c r="J56" s="22">
        <v>144</v>
      </c>
      <c r="K56" s="21">
        <v>255</v>
      </c>
      <c r="L56" s="53">
        <v>158</v>
      </c>
      <c r="M56" s="54">
        <v>97</v>
      </c>
    </row>
    <row r="57" spans="1:13">
      <c r="A57" s="20" t="s">
        <v>64</v>
      </c>
      <c r="B57" s="21">
        <v>41</v>
      </c>
      <c r="C57" s="22">
        <v>9</v>
      </c>
      <c r="D57" s="22">
        <v>32</v>
      </c>
      <c r="E57" s="21">
        <v>6</v>
      </c>
      <c r="F57" s="22">
        <v>3</v>
      </c>
      <c r="G57" s="23">
        <v>3</v>
      </c>
      <c r="H57" s="22">
        <v>285</v>
      </c>
      <c r="I57" s="22">
        <v>162</v>
      </c>
      <c r="J57" s="22">
        <v>123</v>
      </c>
      <c r="K57" s="21">
        <v>238</v>
      </c>
      <c r="L57" s="53">
        <v>150</v>
      </c>
      <c r="M57" s="54">
        <v>88</v>
      </c>
    </row>
    <row r="58" spans="1:13">
      <c r="A58" s="20" t="s">
        <v>65</v>
      </c>
      <c r="B58" s="21">
        <v>52</v>
      </c>
      <c r="C58" s="22">
        <v>28</v>
      </c>
      <c r="D58" s="22">
        <v>24</v>
      </c>
      <c r="E58" s="21">
        <v>4</v>
      </c>
      <c r="F58" s="22">
        <v>3</v>
      </c>
      <c r="G58" s="23">
        <v>1</v>
      </c>
      <c r="H58" s="22">
        <v>256</v>
      </c>
      <c r="I58" s="22">
        <v>154</v>
      </c>
      <c r="J58" s="22">
        <v>102</v>
      </c>
      <c r="K58" s="21">
        <v>200</v>
      </c>
      <c r="L58" s="53">
        <v>123</v>
      </c>
      <c r="M58" s="54">
        <v>77</v>
      </c>
    </row>
    <row r="59" spans="1:13">
      <c r="A59" s="20" t="s">
        <v>66</v>
      </c>
      <c r="B59" s="21">
        <v>87</v>
      </c>
      <c r="C59" s="22">
        <v>44</v>
      </c>
      <c r="D59" s="22">
        <v>43</v>
      </c>
      <c r="E59" s="21">
        <v>2</v>
      </c>
      <c r="F59" s="22">
        <v>1</v>
      </c>
      <c r="G59" s="23">
        <v>1</v>
      </c>
      <c r="H59" s="22">
        <v>262</v>
      </c>
      <c r="I59" s="22">
        <v>154</v>
      </c>
      <c r="J59" s="22">
        <v>108</v>
      </c>
      <c r="K59" s="21">
        <v>173</v>
      </c>
      <c r="L59" s="53">
        <v>109</v>
      </c>
      <c r="M59" s="54">
        <v>64</v>
      </c>
    </row>
    <row r="60" spans="1:13" ht="20.100000000000001" customHeight="1">
      <c r="A60" s="16" t="s">
        <v>67</v>
      </c>
      <c r="B60" s="17">
        <v>76</v>
      </c>
      <c r="C60" s="18">
        <v>-23</v>
      </c>
      <c r="D60" s="18">
        <v>99</v>
      </c>
      <c r="E60" s="17">
        <v>58</v>
      </c>
      <c r="F60" s="18">
        <v>31</v>
      </c>
      <c r="G60" s="19">
        <v>27</v>
      </c>
      <c r="H60" s="18">
        <v>1056</v>
      </c>
      <c r="I60" s="18">
        <v>556</v>
      </c>
      <c r="J60" s="18">
        <v>500</v>
      </c>
      <c r="K60" s="17">
        <v>922</v>
      </c>
      <c r="L60" s="51">
        <v>548</v>
      </c>
      <c r="M60" s="52">
        <v>374</v>
      </c>
    </row>
    <row r="61" spans="1:13">
      <c r="A61" s="20" t="s">
        <v>68</v>
      </c>
      <c r="B61" s="21">
        <v>31</v>
      </c>
      <c r="C61" s="22">
        <v>-8</v>
      </c>
      <c r="D61" s="22">
        <v>39</v>
      </c>
      <c r="E61" s="21">
        <v>10</v>
      </c>
      <c r="F61" s="22">
        <v>5</v>
      </c>
      <c r="G61" s="23">
        <v>5</v>
      </c>
      <c r="H61" s="22">
        <v>240</v>
      </c>
      <c r="I61" s="22">
        <v>114</v>
      </c>
      <c r="J61" s="22">
        <v>126</v>
      </c>
      <c r="K61" s="21">
        <v>199</v>
      </c>
      <c r="L61" s="53">
        <v>117</v>
      </c>
      <c r="M61" s="54">
        <v>82</v>
      </c>
    </row>
    <row r="62" spans="1:13">
      <c r="A62" s="20" t="s">
        <v>69</v>
      </c>
      <c r="B62" s="21">
        <v>19</v>
      </c>
      <c r="C62" s="22">
        <v>1</v>
      </c>
      <c r="D62" s="22">
        <v>18</v>
      </c>
      <c r="E62" s="21">
        <v>6</v>
      </c>
      <c r="F62" s="22">
        <v>2</v>
      </c>
      <c r="G62" s="23">
        <v>4</v>
      </c>
      <c r="H62" s="22">
        <v>226</v>
      </c>
      <c r="I62" s="22">
        <v>126</v>
      </c>
      <c r="J62" s="22">
        <v>100</v>
      </c>
      <c r="K62" s="21">
        <v>201</v>
      </c>
      <c r="L62" s="53">
        <v>123</v>
      </c>
      <c r="M62" s="54">
        <v>78</v>
      </c>
    </row>
    <row r="63" spans="1:13">
      <c r="A63" s="20" t="s">
        <v>70</v>
      </c>
      <c r="B63" s="21">
        <v>22</v>
      </c>
      <c r="C63" s="22">
        <v>14</v>
      </c>
      <c r="D63" s="22">
        <v>8</v>
      </c>
      <c r="E63" s="21">
        <v>11</v>
      </c>
      <c r="F63" s="22">
        <v>5</v>
      </c>
      <c r="G63" s="23">
        <v>6</v>
      </c>
      <c r="H63" s="22">
        <v>205</v>
      </c>
      <c r="I63" s="22">
        <v>115</v>
      </c>
      <c r="J63" s="22">
        <v>90</v>
      </c>
      <c r="K63" s="21">
        <v>172</v>
      </c>
      <c r="L63" s="53">
        <v>96</v>
      </c>
      <c r="M63" s="54">
        <v>76</v>
      </c>
    </row>
    <row r="64" spans="1:13">
      <c r="A64" s="20" t="s">
        <v>71</v>
      </c>
      <c r="B64" s="21">
        <v>1</v>
      </c>
      <c r="C64" s="22">
        <v>-11</v>
      </c>
      <c r="D64" s="22">
        <v>12</v>
      </c>
      <c r="E64" s="21">
        <v>16</v>
      </c>
      <c r="F64" s="22">
        <v>8</v>
      </c>
      <c r="G64" s="23">
        <v>8</v>
      </c>
      <c r="H64" s="22">
        <v>204</v>
      </c>
      <c r="I64" s="22">
        <v>105</v>
      </c>
      <c r="J64" s="22">
        <v>99</v>
      </c>
      <c r="K64" s="21">
        <v>187</v>
      </c>
      <c r="L64" s="53">
        <v>108</v>
      </c>
      <c r="M64" s="54">
        <v>79</v>
      </c>
    </row>
    <row r="65" spans="1:13">
      <c r="A65" s="24" t="s">
        <v>72</v>
      </c>
      <c r="B65" s="25">
        <v>3</v>
      </c>
      <c r="C65" s="26">
        <v>-19</v>
      </c>
      <c r="D65" s="26">
        <v>22</v>
      </c>
      <c r="E65" s="25">
        <v>15</v>
      </c>
      <c r="F65" s="26">
        <v>11</v>
      </c>
      <c r="G65" s="27">
        <v>4</v>
      </c>
      <c r="H65" s="26">
        <v>181</v>
      </c>
      <c r="I65" s="26">
        <v>96</v>
      </c>
      <c r="J65" s="26">
        <v>85</v>
      </c>
      <c r="K65" s="25">
        <v>163</v>
      </c>
      <c r="L65" s="55">
        <v>104</v>
      </c>
      <c r="M65" s="56">
        <v>5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234</v>
      </c>
      <c r="C69" s="58">
        <v>1694</v>
      </c>
      <c r="D69" s="59">
        <v>154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234</v>
      </c>
      <c r="C70" s="61">
        <v>1694</v>
      </c>
      <c r="D70" s="62">
        <v>1540</v>
      </c>
    </row>
    <row r="71" spans="1:13">
      <c r="A71" s="24" t="s">
        <v>14</v>
      </c>
      <c r="B71" s="63">
        <v>3234</v>
      </c>
      <c r="C71" s="64">
        <v>1694</v>
      </c>
      <c r="D71" s="65">
        <v>1540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88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22</v>
      </c>
      <c r="C77" s="18">
        <v>-9</v>
      </c>
      <c r="D77" s="18">
        <v>31</v>
      </c>
      <c r="E77" s="17">
        <v>70</v>
      </c>
      <c r="F77" s="18">
        <v>50</v>
      </c>
      <c r="G77" s="19">
        <v>20</v>
      </c>
      <c r="H77" s="18">
        <v>813</v>
      </c>
      <c r="I77" s="18">
        <v>460</v>
      </c>
      <c r="J77" s="18">
        <v>353</v>
      </c>
      <c r="K77" s="17">
        <v>721</v>
      </c>
      <c r="L77" s="51">
        <v>419</v>
      </c>
      <c r="M77" s="52">
        <v>302</v>
      </c>
    </row>
    <row r="78" spans="1:13">
      <c r="A78" s="40" t="s">
        <v>81</v>
      </c>
      <c r="B78" s="21">
        <v>23</v>
      </c>
      <c r="C78" s="22">
        <v>16</v>
      </c>
      <c r="D78" s="22">
        <v>7</v>
      </c>
      <c r="E78" s="21">
        <v>11</v>
      </c>
      <c r="F78" s="22">
        <v>5</v>
      </c>
      <c r="G78" s="23">
        <v>6</v>
      </c>
      <c r="H78" s="22">
        <v>198</v>
      </c>
      <c r="I78" s="22">
        <v>113</v>
      </c>
      <c r="J78" s="22">
        <v>85</v>
      </c>
      <c r="K78" s="21">
        <v>164</v>
      </c>
      <c r="L78" s="53">
        <v>92</v>
      </c>
      <c r="M78" s="54">
        <v>72</v>
      </c>
    </row>
    <row r="79" spans="1:13">
      <c r="A79" s="40" t="s">
        <v>82</v>
      </c>
      <c r="B79" s="21">
        <v>-16</v>
      </c>
      <c r="C79" s="22">
        <v>-13</v>
      </c>
      <c r="D79" s="22">
        <v>-3</v>
      </c>
      <c r="E79" s="21">
        <v>15</v>
      </c>
      <c r="F79" s="22">
        <v>12</v>
      </c>
      <c r="G79" s="23">
        <v>3</v>
      </c>
      <c r="H79" s="22">
        <v>178</v>
      </c>
      <c r="I79" s="22">
        <v>110</v>
      </c>
      <c r="J79" s="22">
        <v>68</v>
      </c>
      <c r="K79" s="21">
        <v>179</v>
      </c>
      <c r="L79" s="53">
        <v>111</v>
      </c>
      <c r="M79" s="54">
        <v>68</v>
      </c>
    </row>
    <row r="80" spans="1:13">
      <c r="A80" s="40" t="s">
        <v>83</v>
      </c>
      <c r="B80" s="21">
        <v>14</v>
      </c>
      <c r="C80" s="22">
        <v>-4</v>
      </c>
      <c r="D80" s="22">
        <v>18</v>
      </c>
      <c r="E80" s="21">
        <v>12</v>
      </c>
      <c r="F80" s="22">
        <v>11</v>
      </c>
      <c r="G80" s="23">
        <v>1</v>
      </c>
      <c r="H80" s="22">
        <v>162</v>
      </c>
      <c r="I80" s="22">
        <v>88</v>
      </c>
      <c r="J80" s="22">
        <v>74</v>
      </c>
      <c r="K80" s="21">
        <v>136</v>
      </c>
      <c r="L80" s="53">
        <v>81</v>
      </c>
      <c r="M80" s="54">
        <v>55</v>
      </c>
    </row>
    <row r="81" spans="1:13">
      <c r="A81" s="40" t="s">
        <v>84</v>
      </c>
      <c r="B81" s="21">
        <v>-24</v>
      </c>
      <c r="C81" s="22">
        <v>-7</v>
      </c>
      <c r="D81" s="22">
        <v>-17</v>
      </c>
      <c r="E81" s="21">
        <v>13</v>
      </c>
      <c r="F81" s="22">
        <v>8</v>
      </c>
      <c r="G81" s="23">
        <v>5</v>
      </c>
      <c r="H81" s="22">
        <v>108</v>
      </c>
      <c r="I81" s="22">
        <v>69</v>
      </c>
      <c r="J81" s="22">
        <v>39</v>
      </c>
      <c r="K81" s="21">
        <v>119</v>
      </c>
      <c r="L81" s="53">
        <v>68</v>
      </c>
      <c r="M81" s="54">
        <v>51</v>
      </c>
    </row>
    <row r="82" spans="1:13">
      <c r="A82" s="40" t="s">
        <v>85</v>
      </c>
      <c r="B82" s="21">
        <v>25</v>
      </c>
      <c r="C82" s="22">
        <v>-1</v>
      </c>
      <c r="D82" s="22">
        <v>26</v>
      </c>
      <c r="E82" s="21">
        <v>19</v>
      </c>
      <c r="F82" s="22">
        <v>14</v>
      </c>
      <c r="G82" s="23">
        <v>5</v>
      </c>
      <c r="H82" s="22">
        <v>167</v>
      </c>
      <c r="I82" s="22">
        <v>80</v>
      </c>
      <c r="J82" s="22">
        <v>87</v>
      </c>
      <c r="K82" s="21">
        <v>123</v>
      </c>
      <c r="L82" s="53">
        <v>67</v>
      </c>
      <c r="M82" s="54">
        <v>56</v>
      </c>
    </row>
    <row r="83" spans="1:13" ht="19.5" customHeight="1">
      <c r="A83" s="34" t="s">
        <v>86</v>
      </c>
      <c r="B83" s="17">
        <v>-2</v>
      </c>
      <c r="C83" s="18">
        <v>-22</v>
      </c>
      <c r="D83" s="18">
        <v>20</v>
      </c>
      <c r="E83" s="17">
        <v>79</v>
      </c>
      <c r="F83" s="18">
        <v>50</v>
      </c>
      <c r="G83" s="19">
        <v>29</v>
      </c>
      <c r="H83" s="18">
        <v>506</v>
      </c>
      <c r="I83" s="18">
        <v>270</v>
      </c>
      <c r="J83" s="18">
        <v>236</v>
      </c>
      <c r="K83" s="17">
        <v>429</v>
      </c>
      <c r="L83" s="51">
        <v>242</v>
      </c>
      <c r="M83" s="52">
        <v>187</v>
      </c>
    </row>
    <row r="84" spans="1:13">
      <c r="A84" s="40" t="s">
        <v>87</v>
      </c>
      <c r="B84" s="21">
        <v>0</v>
      </c>
      <c r="C84" s="22">
        <v>4</v>
      </c>
      <c r="D84" s="22">
        <v>-4</v>
      </c>
      <c r="E84" s="21">
        <v>16</v>
      </c>
      <c r="F84" s="22">
        <v>9</v>
      </c>
      <c r="G84" s="23">
        <v>7</v>
      </c>
      <c r="H84" s="22">
        <v>112</v>
      </c>
      <c r="I84" s="22">
        <v>59</v>
      </c>
      <c r="J84" s="22">
        <v>53</v>
      </c>
      <c r="K84" s="21">
        <v>96</v>
      </c>
      <c r="L84" s="53">
        <v>46</v>
      </c>
      <c r="M84" s="54">
        <v>50</v>
      </c>
    </row>
    <row r="85" spans="1:13">
      <c r="A85" s="40" t="s">
        <v>88</v>
      </c>
      <c r="B85" s="21">
        <v>14</v>
      </c>
      <c r="C85" s="22">
        <v>-5</v>
      </c>
      <c r="D85" s="22">
        <v>19</v>
      </c>
      <c r="E85" s="21">
        <v>13</v>
      </c>
      <c r="F85" s="22">
        <v>10</v>
      </c>
      <c r="G85" s="23">
        <v>3</v>
      </c>
      <c r="H85" s="22">
        <v>117</v>
      </c>
      <c r="I85" s="22">
        <v>63</v>
      </c>
      <c r="J85" s="22">
        <v>54</v>
      </c>
      <c r="K85" s="21">
        <v>90</v>
      </c>
      <c r="L85" s="53">
        <v>58</v>
      </c>
      <c r="M85" s="54">
        <v>32</v>
      </c>
    </row>
    <row r="86" spans="1:13">
      <c r="A86" s="40" t="s">
        <v>89</v>
      </c>
      <c r="B86" s="21">
        <v>2</v>
      </c>
      <c r="C86" s="22">
        <v>6</v>
      </c>
      <c r="D86" s="22">
        <v>-4</v>
      </c>
      <c r="E86" s="21">
        <v>15</v>
      </c>
      <c r="F86" s="22">
        <v>8</v>
      </c>
      <c r="G86" s="23">
        <v>7</v>
      </c>
      <c r="H86" s="22">
        <v>96</v>
      </c>
      <c r="I86" s="22">
        <v>56</v>
      </c>
      <c r="J86" s="22">
        <v>40</v>
      </c>
      <c r="K86" s="21">
        <v>79</v>
      </c>
      <c r="L86" s="53">
        <v>42</v>
      </c>
      <c r="M86" s="54">
        <v>37</v>
      </c>
    </row>
    <row r="87" spans="1:13">
      <c r="A87" s="40" t="s">
        <v>90</v>
      </c>
      <c r="B87" s="21">
        <v>-20</v>
      </c>
      <c r="C87" s="22">
        <v>-23</v>
      </c>
      <c r="D87" s="22">
        <v>3</v>
      </c>
      <c r="E87" s="21">
        <v>17</v>
      </c>
      <c r="F87" s="22">
        <v>12</v>
      </c>
      <c r="G87" s="23">
        <v>5</v>
      </c>
      <c r="H87" s="22">
        <v>98</v>
      </c>
      <c r="I87" s="22">
        <v>52</v>
      </c>
      <c r="J87" s="22">
        <v>46</v>
      </c>
      <c r="K87" s="21">
        <v>101</v>
      </c>
      <c r="L87" s="53">
        <v>63</v>
      </c>
      <c r="M87" s="54">
        <v>38</v>
      </c>
    </row>
    <row r="88" spans="1:13">
      <c r="A88" s="40" t="s">
        <v>91</v>
      </c>
      <c r="B88" s="21">
        <v>2</v>
      </c>
      <c r="C88" s="22">
        <v>-4</v>
      </c>
      <c r="D88" s="22">
        <v>6</v>
      </c>
      <c r="E88" s="21">
        <v>18</v>
      </c>
      <c r="F88" s="22">
        <v>11</v>
      </c>
      <c r="G88" s="23">
        <v>7</v>
      </c>
      <c r="H88" s="22">
        <v>83</v>
      </c>
      <c r="I88" s="22">
        <v>40</v>
      </c>
      <c r="J88" s="22">
        <v>43</v>
      </c>
      <c r="K88" s="21">
        <v>63</v>
      </c>
      <c r="L88" s="53">
        <v>33</v>
      </c>
      <c r="M88" s="54">
        <v>30</v>
      </c>
    </row>
    <row r="89" spans="1:13" ht="19.5" customHeight="1">
      <c r="A89" s="34" t="s">
        <v>92</v>
      </c>
      <c r="B89" s="17">
        <v>-15</v>
      </c>
      <c r="C89" s="18">
        <v>-53</v>
      </c>
      <c r="D89" s="18">
        <v>38</v>
      </c>
      <c r="E89" s="17">
        <v>87</v>
      </c>
      <c r="F89" s="18">
        <v>58</v>
      </c>
      <c r="G89" s="19">
        <v>29</v>
      </c>
      <c r="H89" s="18">
        <v>398</v>
      </c>
      <c r="I89" s="18">
        <v>221</v>
      </c>
      <c r="J89" s="18">
        <v>177</v>
      </c>
      <c r="K89" s="17">
        <v>326</v>
      </c>
      <c r="L89" s="51">
        <v>216</v>
      </c>
      <c r="M89" s="52">
        <v>110</v>
      </c>
    </row>
    <row r="90" spans="1:13">
      <c r="A90" s="40" t="s">
        <v>93</v>
      </c>
      <c r="B90" s="21">
        <v>-12</v>
      </c>
      <c r="C90" s="22">
        <v>-16</v>
      </c>
      <c r="D90" s="22">
        <v>4</v>
      </c>
      <c r="E90" s="21">
        <v>16</v>
      </c>
      <c r="F90" s="22">
        <v>10</v>
      </c>
      <c r="G90" s="23">
        <v>6</v>
      </c>
      <c r="H90" s="22">
        <v>95</v>
      </c>
      <c r="I90" s="22">
        <v>61</v>
      </c>
      <c r="J90" s="22">
        <v>34</v>
      </c>
      <c r="K90" s="21">
        <v>91</v>
      </c>
      <c r="L90" s="53">
        <v>67</v>
      </c>
      <c r="M90" s="54">
        <v>24</v>
      </c>
    </row>
    <row r="91" spans="1:13">
      <c r="A91" s="40" t="s">
        <v>94</v>
      </c>
      <c r="B91" s="21">
        <v>-13</v>
      </c>
      <c r="C91" s="22">
        <v>-25</v>
      </c>
      <c r="D91" s="22">
        <v>12</v>
      </c>
      <c r="E91" s="21">
        <v>23</v>
      </c>
      <c r="F91" s="22">
        <v>17</v>
      </c>
      <c r="G91" s="23">
        <v>6</v>
      </c>
      <c r="H91" s="22">
        <v>87</v>
      </c>
      <c r="I91" s="22">
        <v>44</v>
      </c>
      <c r="J91" s="22">
        <v>43</v>
      </c>
      <c r="K91" s="21">
        <v>77</v>
      </c>
      <c r="L91" s="53">
        <v>52</v>
      </c>
      <c r="M91" s="54">
        <v>25</v>
      </c>
    </row>
    <row r="92" spans="1:13">
      <c r="A92" s="40" t="s">
        <v>95</v>
      </c>
      <c r="B92" s="21">
        <v>10</v>
      </c>
      <c r="C92" s="22">
        <v>-4</v>
      </c>
      <c r="D92" s="22">
        <v>14</v>
      </c>
      <c r="E92" s="21">
        <v>13</v>
      </c>
      <c r="F92" s="22">
        <v>8</v>
      </c>
      <c r="G92" s="23">
        <v>5</v>
      </c>
      <c r="H92" s="22">
        <v>83</v>
      </c>
      <c r="I92" s="22">
        <v>46</v>
      </c>
      <c r="J92" s="22">
        <v>37</v>
      </c>
      <c r="K92" s="21">
        <v>60</v>
      </c>
      <c r="L92" s="53">
        <v>42</v>
      </c>
      <c r="M92" s="54">
        <v>18</v>
      </c>
    </row>
    <row r="93" spans="1:13">
      <c r="A93" s="40" t="s">
        <v>96</v>
      </c>
      <c r="B93" s="21">
        <v>10</v>
      </c>
      <c r="C93" s="22">
        <v>5</v>
      </c>
      <c r="D93" s="22">
        <v>5</v>
      </c>
      <c r="E93" s="21">
        <v>17</v>
      </c>
      <c r="F93" s="22">
        <v>11</v>
      </c>
      <c r="G93" s="23">
        <v>6</v>
      </c>
      <c r="H93" s="22">
        <v>77</v>
      </c>
      <c r="I93" s="22">
        <v>44</v>
      </c>
      <c r="J93" s="22">
        <v>33</v>
      </c>
      <c r="K93" s="21">
        <v>50</v>
      </c>
      <c r="L93" s="53">
        <v>28</v>
      </c>
      <c r="M93" s="54">
        <v>22</v>
      </c>
    </row>
    <row r="94" spans="1:13">
      <c r="A94" s="40" t="s">
        <v>97</v>
      </c>
      <c r="B94" s="21">
        <v>-10</v>
      </c>
      <c r="C94" s="22">
        <v>-13</v>
      </c>
      <c r="D94" s="22">
        <v>3</v>
      </c>
      <c r="E94" s="21">
        <v>18</v>
      </c>
      <c r="F94" s="22">
        <v>12</v>
      </c>
      <c r="G94" s="23">
        <v>6</v>
      </c>
      <c r="H94" s="22">
        <v>56</v>
      </c>
      <c r="I94" s="22">
        <v>26</v>
      </c>
      <c r="J94" s="22">
        <v>30</v>
      </c>
      <c r="K94" s="21">
        <v>48</v>
      </c>
      <c r="L94" s="53">
        <v>27</v>
      </c>
      <c r="M94" s="54">
        <v>21</v>
      </c>
    </row>
    <row r="95" spans="1:13" ht="19.5" customHeight="1">
      <c r="A95" s="34" t="s">
        <v>98</v>
      </c>
      <c r="B95" s="17">
        <v>-160</v>
      </c>
      <c r="C95" s="18">
        <v>-95</v>
      </c>
      <c r="D95" s="18">
        <v>-65</v>
      </c>
      <c r="E95" s="17">
        <v>191</v>
      </c>
      <c r="F95" s="18">
        <v>115</v>
      </c>
      <c r="G95" s="19">
        <v>76</v>
      </c>
      <c r="H95" s="18">
        <v>276</v>
      </c>
      <c r="I95" s="18">
        <v>148</v>
      </c>
      <c r="J95" s="18">
        <v>128</v>
      </c>
      <c r="K95" s="17">
        <v>245</v>
      </c>
      <c r="L95" s="51">
        <v>128</v>
      </c>
      <c r="M95" s="52">
        <v>117</v>
      </c>
    </row>
    <row r="96" spans="1:13">
      <c r="A96" s="40" t="s">
        <v>99</v>
      </c>
      <c r="B96" s="21">
        <v>-11</v>
      </c>
      <c r="C96" s="22">
        <v>-7</v>
      </c>
      <c r="D96" s="22">
        <v>-4</v>
      </c>
      <c r="E96" s="21">
        <v>22</v>
      </c>
      <c r="F96" s="22">
        <v>10</v>
      </c>
      <c r="G96" s="23">
        <v>12</v>
      </c>
      <c r="H96" s="22">
        <v>62</v>
      </c>
      <c r="I96" s="22">
        <v>34</v>
      </c>
      <c r="J96" s="22">
        <v>28</v>
      </c>
      <c r="K96" s="21">
        <v>51</v>
      </c>
      <c r="L96" s="53">
        <v>31</v>
      </c>
      <c r="M96" s="54">
        <v>20</v>
      </c>
    </row>
    <row r="97" spans="1:13">
      <c r="A97" s="40" t="s">
        <v>100</v>
      </c>
      <c r="B97" s="21">
        <v>-24</v>
      </c>
      <c r="C97" s="22">
        <v>-24</v>
      </c>
      <c r="D97" s="22">
        <v>0</v>
      </c>
      <c r="E97" s="21">
        <v>27</v>
      </c>
      <c r="F97" s="22">
        <v>19</v>
      </c>
      <c r="G97" s="23">
        <v>8</v>
      </c>
      <c r="H97" s="22">
        <v>52</v>
      </c>
      <c r="I97" s="22">
        <v>25</v>
      </c>
      <c r="J97" s="22">
        <v>27</v>
      </c>
      <c r="K97" s="21">
        <v>49</v>
      </c>
      <c r="L97" s="53">
        <v>30</v>
      </c>
      <c r="M97" s="54">
        <v>19</v>
      </c>
    </row>
    <row r="98" spans="1:13">
      <c r="A98" s="40" t="s">
        <v>101</v>
      </c>
      <c r="B98" s="21">
        <v>-38</v>
      </c>
      <c r="C98" s="22">
        <v>-23</v>
      </c>
      <c r="D98" s="22">
        <v>-15</v>
      </c>
      <c r="E98" s="21">
        <v>40</v>
      </c>
      <c r="F98" s="22">
        <v>26</v>
      </c>
      <c r="G98" s="23">
        <v>14</v>
      </c>
      <c r="H98" s="22">
        <v>53</v>
      </c>
      <c r="I98" s="22">
        <v>28</v>
      </c>
      <c r="J98" s="22">
        <v>25</v>
      </c>
      <c r="K98" s="21">
        <v>51</v>
      </c>
      <c r="L98" s="53">
        <v>25</v>
      </c>
      <c r="M98" s="54">
        <v>26</v>
      </c>
    </row>
    <row r="99" spans="1:13">
      <c r="A99" s="40" t="s">
        <v>102</v>
      </c>
      <c r="B99" s="21">
        <v>-38</v>
      </c>
      <c r="C99" s="22">
        <v>-20</v>
      </c>
      <c r="D99" s="22">
        <v>-18</v>
      </c>
      <c r="E99" s="21">
        <v>49</v>
      </c>
      <c r="F99" s="22">
        <v>28</v>
      </c>
      <c r="G99" s="23">
        <v>21</v>
      </c>
      <c r="H99" s="22">
        <v>53</v>
      </c>
      <c r="I99" s="22">
        <v>25</v>
      </c>
      <c r="J99" s="22">
        <v>28</v>
      </c>
      <c r="K99" s="21">
        <v>42</v>
      </c>
      <c r="L99" s="53">
        <v>17</v>
      </c>
      <c r="M99" s="54">
        <v>25</v>
      </c>
    </row>
    <row r="100" spans="1:13">
      <c r="A100" s="40" t="s">
        <v>103</v>
      </c>
      <c r="B100" s="21">
        <v>-49</v>
      </c>
      <c r="C100" s="22">
        <v>-21</v>
      </c>
      <c r="D100" s="22">
        <v>-28</v>
      </c>
      <c r="E100" s="21">
        <v>53</v>
      </c>
      <c r="F100" s="22">
        <v>32</v>
      </c>
      <c r="G100" s="23">
        <v>21</v>
      </c>
      <c r="H100" s="22">
        <v>56</v>
      </c>
      <c r="I100" s="22">
        <v>36</v>
      </c>
      <c r="J100" s="22">
        <v>20</v>
      </c>
      <c r="K100" s="21">
        <v>52</v>
      </c>
      <c r="L100" s="53">
        <v>25</v>
      </c>
      <c r="M100" s="54">
        <v>27</v>
      </c>
    </row>
    <row r="101" spans="1:13" ht="19.5" customHeight="1">
      <c r="A101" s="34" t="s">
        <v>104</v>
      </c>
      <c r="B101" s="17">
        <v>-316</v>
      </c>
      <c r="C101" s="18">
        <v>-216</v>
      </c>
      <c r="D101" s="18">
        <v>-100</v>
      </c>
      <c r="E101" s="17">
        <v>314</v>
      </c>
      <c r="F101" s="18">
        <v>206</v>
      </c>
      <c r="G101" s="19">
        <v>108</v>
      </c>
      <c r="H101" s="18">
        <v>241</v>
      </c>
      <c r="I101" s="18">
        <v>107</v>
      </c>
      <c r="J101" s="18">
        <v>134</v>
      </c>
      <c r="K101" s="17">
        <v>243</v>
      </c>
      <c r="L101" s="51">
        <v>117</v>
      </c>
      <c r="M101" s="52">
        <v>126</v>
      </c>
    </row>
    <row r="102" spans="1:13">
      <c r="A102" s="40" t="s">
        <v>105</v>
      </c>
      <c r="B102" s="21">
        <v>-40</v>
      </c>
      <c r="C102" s="22">
        <v>-26</v>
      </c>
      <c r="D102" s="22">
        <v>-14</v>
      </c>
      <c r="E102" s="21">
        <v>49</v>
      </c>
      <c r="F102" s="22">
        <v>36</v>
      </c>
      <c r="G102" s="23">
        <v>13</v>
      </c>
      <c r="H102" s="22">
        <v>69</v>
      </c>
      <c r="I102" s="22">
        <v>36</v>
      </c>
      <c r="J102" s="22">
        <v>33</v>
      </c>
      <c r="K102" s="21">
        <v>60</v>
      </c>
      <c r="L102" s="53">
        <v>26</v>
      </c>
      <c r="M102" s="54">
        <v>34</v>
      </c>
    </row>
    <row r="103" spans="1:13">
      <c r="A103" s="40" t="s">
        <v>106</v>
      </c>
      <c r="B103" s="21">
        <v>-66</v>
      </c>
      <c r="C103" s="22">
        <v>-55</v>
      </c>
      <c r="D103" s="22">
        <v>-11</v>
      </c>
      <c r="E103" s="21">
        <v>73</v>
      </c>
      <c r="F103" s="22">
        <v>49</v>
      </c>
      <c r="G103" s="23">
        <v>24</v>
      </c>
      <c r="H103" s="22">
        <v>63</v>
      </c>
      <c r="I103" s="22">
        <v>27</v>
      </c>
      <c r="J103" s="22">
        <v>36</v>
      </c>
      <c r="K103" s="21">
        <v>56</v>
      </c>
      <c r="L103" s="53">
        <v>33</v>
      </c>
      <c r="M103" s="54">
        <v>23</v>
      </c>
    </row>
    <row r="104" spans="1:13">
      <c r="A104" s="40" t="s">
        <v>107</v>
      </c>
      <c r="B104" s="21">
        <v>-79</v>
      </c>
      <c r="C104" s="22">
        <v>-45</v>
      </c>
      <c r="D104" s="22">
        <v>-34</v>
      </c>
      <c r="E104" s="21">
        <v>66</v>
      </c>
      <c r="F104" s="22">
        <v>39</v>
      </c>
      <c r="G104" s="23">
        <v>27</v>
      </c>
      <c r="H104" s="22">
        <v>46</v>
      </c>
      <c r="I104" s="22">
        <v>19</v>
      </c>
      <c r="J104" s="22">
        <v>27</v>
      </c>
      <c r="K104" s="21">
        <v>59</v>
      </c>
      <c r="L104" s="53">
        <v>25</v>
      </c>
      <c r="M104" s="54">
        <v>34</v>
      </c>
    </row>
    <row r="105" spans="1:13">
      <c r="A105" s="40" t="s">
        <v>108</v>
      </c>
      <c r="B105" s="21">
        <v>-59</v>
      </c>
      <c r="C105" s="22">
        <v>-43</v>
      </c>
      <c r="D105" s="22">
        <v>-16</v>
      </c>
      <c r="E105" s="21">
        <v>58</v>
      </c>
      <c r="F105" s="22">
        <v>37</v>
      </c>
      <c r="G105" s="23">
        <v>21</v>
      </c>
      <c r="H105" s="22">
        <v>35</v>
      </c>
      <c r="I105" s="22">
        <v>15</v>
      </c>
      <c r="J105" s="22">
        <v>20</v>
      </c>
      <c r="K105" s="21">
        <v>36</v>
      </c>
      <c r="L105" s="53">
        <v>21</v>
      </c>
      <c r="M105" s="54">
        <v>15</v>
      </c>
    </row>
    <row r="106" spans="1:13">
      <c r="A106" s="40" t="s">
        <v>109</v>
      </c>
      <c r="B106" s="21">
        <v>-72</v>
      </c>
      <c r="C106" s="22">
        <v>-47</v>
      </c>
      <c r="D106" s="22">
        <v>-25</v>
      </c>
      <c r="E106" s="21">
        <v>68</v>
      </c>
      <c r="F106" s="22">
        <v>45</v>
      </c>
      <c r="G106" s="23">
        <v>23</v>
      </c>
      <c r="H106" s="22">
        <v>28</v>
      </c>
      <c r="I106" s="22">
        <v>10</v>
      </c>
      <c r="J106" s="22">
        <v>18</v>
      </c>
      <c r="K106" s="21">
        <v>32</v>
      </c>
      <c r="L106" s="53">
        <v>12</v>
      </c>
      <c r="M106" s="54">
        <v>20</v>
      </c>
    </row>
    <row r="107" spans="1:13" ht="19.5" customHeight="1">
      <c r="A107" s="34" t="s">
        <v>110</v>
      </c>
      <c r="B107" s="17">
        <v>-401</v>
      </c>
      <c r="C107" s="18">
        <v>-278</v>
      </c>
      <c r="D107" s="18">
        <v>-123</v>
      </c>
      <c r="E107" s="17">
        <v>444</v>
      </c>
      <c r="F107" s="18">
        <v>296</v>
      </c>
      <c r="G107" s="19">
        <v>148</v>
      </c>
      <c r="H107" s="18">
        <v>227</v>
      </c>
      <c r="I107" s="18">
        <v>95</v>
      </c>
      <c r="J107" s="18">
        <v>132</v>
      </c>
      <c r="K107" s="17">
        <v>184</v>
      </c>
      <c r="L107" s="51">
        <v>77</v>
      </c>
      <c r="M107" s="52">
        <v>107</v>
      </c>
    </row>
    <row r="108" spans="1:13">
      <c r="A108" s="40" t="s">
        <v>111</v>
      </c>
      <c r="B108" s="21">
        <v>-69</v>
      </c>
      <c r="C108" s="22">
        <v>-48</v>
      </c>
      <c r="D108" s="22">
        <v>-21</v>
      </c>
      <c r="E108" s="21">
        <v>75</v>
      </c>
      <c r="F108" s="22">
        <v>50</v>
      </c>
      <c r="G108" s="23">
        <v>25</v>
      </c>
      <c r="H108" s="22">
        <v>37</v>
      </c>
      <c r="I108" s="22">
        <v>15</v>
      </c>
      <c r="J108" s="22">
        <v>22</v>
      </c>
      <c r="K108" s="21">
        <v>31</v>
      </c>
      <c r="L108" s="53">
        <v>13</v>
      </c>
      <c r="M108" s="54">
        <v>18</v>
      </c>
    </row>
    <row r="109" spans="1:13">
      <c r="A109" s="40" t="s">
        <v>112</v>
      </c>
      <c r="B109" s="21">
        <v>-84</v>
      </c>
      <c r="C109" s="22">
        <v>-53</v>
      </c>
      <c r="D109" s="22">
        <v>-31</v>
      </c>
      <c r="E109" s="21">
        <v>85</v>
      </c>
      <c r="F109" s="22">
        <v>52</v>
      </c>
      <c r="G109" s="23">
        <v>33</v>
      </c>
      <c r="H109" s="22">
        <v>36</v>
      </c>
      <c r="I109" s="22">
        <v>16</v>
      </c>
      <c r="J109" s="22">
        <v>20</v>
      </c>
      <c r="K109" s="21">
        <v>35</v>
      </c>
      <c r="L109" s="53">
        <v>17</v>
      </c>
      <c r="M109" s="54">
        <v>18</v>
      </c>
    </row>
    <row r="110" spans="1:13">
      <c r="A110" s="40" t="s">
        <v>113</v>
      </c>
      <c r="B110" s="21">
        <v>-82</v>
      </c>
      <c r="C110" s="22">
        <v>-65</v>
      </c>
      <c r="D110" s="22">
        <v>-17</v>
      </c>
      <c r="E110" s="21">
        <v>95</v>
      </c>
      <c r="F110" s="22">
        <v>73</v>
      </c>
      <c r="G110" s="23">
        <v>22</v>
      </c>
      <c r="H110" s="22">
        <v>50</v>
      </c>
      <c r="I110" s="22">
        <v>21</v>
      </c>
      <c r="J110" s="22">
        <v>29</v>
      </c>
      <c r="K110" s="21">
        <v>37</v>
      </c>
      <c r="L110" s="53">
        <v>13</v>
      </c>
      <c r="M110" s="54">
        <v>24</v>
      </c>
    </row>
    <row r="111" spans="1:13">
      <c r="A111" s="40" t="s">
        <v>114</v>
      </c>
      <c r="B111" s="21">
        <v>-91</v>
      </c>
      <c r="C111" s="22">
        <v>-63</v>
      </c>
      <c r="D111" s="22">
        <v>-28</v>
      </c>
      <c r="E111" s="21">
        <v>110</v>
      </c>
      <c r="F111" s="22">
        <v>75</v>
      </c>
      <c r="G111" s="23">
        <v>35</v>
      </c>
      <c r="H111" s="22">
        <v>58</v>
      </c>
      <c r="I111" s="22">
        <v>27</v>
      </c>
      <c r="J111" s="22">
        <v>31</v>
      </c>
      <c r="K111" s="21">
        <v>39</v>
      </c>
      <c r="L111" s="53">
        <v>15</v>
      </c>
      <c r="M111" s="54">
        <v>24</v>
      </c>
    </row>
    <row r="112" spans="1:13">
      <c r="A112" s="40" t="s">
        <v>115</v>
      </c>
      <c r="B112" s="21">
        <v>-75</v>
      </c>
      <c r="C112" s="22">
        <v>-49</v>
      </c>
      <c r="D112" s="22">
        <v>-26</v>
      </c>
      <c r="E112" s="21">
        <v>79</v>
      </c>
      <c r="F112" s="22">
        <v>46</v>
      </c>
      <c r="G112" s="23">
        <v>33</v>
      </c>
      <c r="H112" s="22">
        <v>46</v>
      </c>
      <c r="I112" s="22">
        <v>16</v>
      </c>
      <c r="J112" s="22">
        <v>30</v>
      </c>
      <c r="K112" s="21">
        <v>42</v>
      </c>
      <c r="L112" s="53">
        <v>19</v>
      </c>
      <c r="M112" s="54">
        <v>23</v>
      </c>
    </row>
    <row r="113" spans="1:13" ht="19.5" customHeight="1">
      <c r="A113" s="34" t="s">
        <v>116</v>
      </c>
      <c r="B113" s="17">
        <v>-577</v>
      </c>
      <c r="C113" s="18">
        <v>-357</v>
      </c>
      <c r="D113" s="18">
        <v>-220</v>
      </c>
      <c r="E113" s="17">
        <v>630</v>
      </c>
      <c r="F113" s="18">
        <v>356</v>
      </c>
      <c r="G113" s="19">
        <v>274</v>
      </c>
      <c r="H113" s="18">
        <v>230</v>
      </c>
      <c r="I113" s="18">
        <v>69</v>
      </c>
      <c r="J113" s="18">
        <v>161</v>
      </c>
      <c r="K113" s="17">
        <v>177</v>
      </c>
      <c r="L113" s="51">
        <v>70</v>
      </c>
      <c r="M113" s="52">
        <v>107</v>
      </c>
    </row>
    <row r="114" spans="1:13">
      <c r="A114" s="40" t="s">
        <v>117</v>
      </c>
      <c r="B114" s="21">
        <v>-66</v>
      </c>
      <c r="C114" s="22">
        <v>-53</v>
      </c>
      <c r="D114" s="22">
        <v>-13</v>
      </c>
      <c r="E114" s="21">
        <v>89</v>
      </c>
      <c r="F114" s="22">
        <v>57</v>
      </c>
      <c r="G114" s="23">
        <v>32</v>
      </c>
      <c r="H114" s="22">
        <v>57</v>
      </c>
      <c r="I114" s="22">
        <v>17</v>
      </c>
      <c r="J114" s="22">
        <v>40</v>
      </c>
      <c r="K114" s="21">
        <v>34</v>
      </c>
      <c r="L114" s="53">
        <v>13</v>
      </c>
      <c r="M114" s="54">
        <v>21</v>
      </c>
    </row>
    <row r="115" spans="1:13">
      <c r="A115" s="40" t="s">
        <v>118</v>
      </c>
      <c r="B115" s="21">
        <v>-110</v>
      </c>
      <c r="C115" s="22">
        <v>-60</v>
      </c>
      <c r="D115" s="22">
        <v>-50</v>
      </c>
      <c r="E115" s="21">
        <v>111</v>
      </c>
      <c r="F115" s="22">
        <v>56</v>
      </c>
      <c r="G115" s="23">
        <v>55</v>
      </c>
      <c r="H115" s="22">
        <v>41</v>
      </c>
      <c r="I115" s="22">
        <v>10</v>
      </c>
      <c r="J115" s="22">
        <v>31</v>
      </c>
      <c r="K115" s="21">
        <v>40</v>
      </c>
      <c r="L115" s="53">
        <v>14</v>
      </c>
      <c r="M115" s="54">
        <v>26</v>
      </c>
    </row>
    <row r="116" spans="1:13">
      <c r="A116" s="40" t="s">
        <v>119</v>
      </c>
      <c r="B116" s="21">
        <v>-119</v>
      </c>
      <c r="C116" s="22">
        <v>-62</v>
      </c>
      <c r="D116" s="22">
        <v>-57</v>
      </c>
      <c r="E116" s="21">
        <v>121</v>
      </c>
      <c r="F116" s="22">
        <v>59</v>
      </c>
      <c r="G116" s="23">
        <v>62</v>
      </c>
      <c r="H116" s="22">
        <v>36</v>
      </c>
      <c r="I116" s="22">
        <v>11</v>
      </c>
      <c r="J116" s="22">
        <v>25</v>
      </c>
      <c r="K116" s="21">
        <v>34</v>
      </c>
      <c r="L116" s="53">
        <v>14</v>
      </c>
      <c r="M116" s="54">
        <v>20</v>
      </c>
    </row>
    <row r="117" spans="1:13">
      <c r="A117" s="40" t="s">
        <v>120</v>
      </c>
      <c r="B117" s="21">
        <v>-134</v>
      </c>
      <c r="C117" s="22">
        <v>-85</v>
      </c>
      <c r="D117" s="22">
        <v>-49</v>
      </c>
      <c r="E117" s="21">
        <v>146</v>
      </c>
      <c r="F117" s="22">
        <v>89</v>
      </c>
      <c r="G117" s="23">
        <v>57</v>
      </c>
      <c r="H117" s="22">
        <v>43</v>
      </c>
      <c r="I117" s="22">
        <v>17</v>
      </c>
      <c r="J117" s="22">
        <v>26</v>
      </c>
      <c r="K117" s="21">
        <v>31</v>
      </c>
      <c r="L117" s="53">
        <v>13</v>
      </c>
      <c r="M117" s="54">
        <v>18</v>
      </c>
    </row>
    <row r="118" spans="1:13">
      <c r="A118" s="40" t="s">
        <v>121</v>
      </c>
      <c r="B118" s="21">
        <v>-148</v>
      </c>
      <c r="C118" s="22">
        <v>-97</v>
      </c>
      <c r="D118" s="22">
        <v>-51</v>
      </c>
      <c r="E118" s="21">
        <v>163</v>
      </c>
      <c r="F118" s="22">
        <v>95</v>
      </c>
      <c r="G118" s="23">
        <v>68</v>
      </c>
      <c r="H118" s="22">
        <v>53</v>
      </c>
      <c r="I118" s="22">
        <v>14</v>
      </c>
      <c r="J118" s="22">
        <v>39</v>
      </c>
      <c r="K118" s="21">
        <v>38</v>
      </c>
      <c r="L118" s="53">
        <v>16</v>
      </c>
      <c r="M118" s="54">
        <v>22</v>
      </c>
    </row>
    <row r="119" spans="1:13" ht="19.5" customHeight="1">
      <c r="A119" s="34" t="s">
        <v>122</v>
      </c>
      <c r="B119" s="17">
        <v>-717</v>
      </c>
      <c r="C119" s="18">
        <v>-358</v>
      </c>
      <c r="D119" s="18">
        <v>-359</v>
      </c>
      <c r="E119" s="17">
        <v>796</v>
      </c>
      <c r="F119" s="18">
        <v>384</v>
      </c>
      <c r="G119" s="19">
        <v>412</v>
      </c>
      <c r="H119" s="18">
        <v>215</v>
      </c>
      <c r="I119" s="18">
        <v>66</v>
      </c>
      <c r="J119" s="18">
        <v>149</v>
      </c>
      <c r="K119" s="17">
        <v>136</v>
      </c>
      <c r="L119" s="51">
        <v>40</v>
      </c>
      <c r="M119" s="52">
        <v>96</v>
      </c>
    </row>
    <row r="120" spans="1:13">
      <c r="A120" s="40" t="s">
        <v>123</v>
      </c>
      <c r="B120" s="21">
        <v>-133</v>
      </c>
      <c r="C120" s="22">
        <v>-73</v>
      </c>
      <c r="D120" s="22">
        <v>-60</v>
      </c>
      <c r="E120" s="21">
        <v>145</v>
      </c>
      <c r="F120" s="22">
        <v>75</v>
      </c>
      <c r="G120" s="23">
        <v>70</v>
      </c>
      <c r="H120" s="22">
        <v>41</v>
      </c>
      <c r="I120" s="22">
        <v>13</v>
      </c>
      <c r="J120" s="22">
        <v>28</v>
      </c>
      <c r="K120" s="21">
        <v>29</v>
      </c>
      <c r="L120" s="53">
        <v>11</v>
      </c>
      <c r="M120" s="54">
        <v>18</v>
      </c>
    </row>
    <row r="121" spans="1:13">
      <c r="A121" s="40" t="s">
        <v>124</v>
      </c>
      <c r="B121" s="21">
        <v>-136</v>
      </c>
      <c r="C121" s="22">
        <v>-71</v>
      </c>
      <c r="D121" s="22">
        <v>-65</v>
      </c>
      <c r="E121" s="21">
        <v>157</v>
      </c>
      <c r="F121" s="22">
        <v>82</v>
      </c>
      <c r="G121" s="23">
        <v>75</v>
      </c>
      <c r="H121" s="22">
        <v>49</v>
      </c>
      <c r="I121" s="22">
        <v>17</v>
      </c>
      <c r="J121" s="22">
        <v>32</v>
      </c>
      <c r="K121" s="21">
        <v>28</v>
      </c>
      <c r="L121" s="53">
        <v>6</v>
      </c>
      <c r="M121" s="54">
        <v>22</v>
      </c>
    </row>
    <row r="122" spans="1:13">
      <c r="A122" s="40" t="s">
        <v>125</v>
      </c>
      <c r="B122" s="21">
        <v>-170</v>
      </c>
      <c r="C122" s="22">
        <v>-78</v>
      </c>
      <c r="D122" s="22">
        <v>-92</v>
      </c>
      <c r="E122" s="21">
        <v>176</v>
      </c>
      <c r="F122" s="22">
        <v>83</v>
      </c>
      <c r="G122" s="23">
        <v>93</v>
      </c>
      <c r="H122" s="22">
        <v>45</v>
      </c>
      <c r="I122" s="22">
        <v>18</v>
      </c>
      <c r="J122" s="22">
        <v>27</v>
      </c>
      <c r="K122" s="21">
        <v>39</v>
      </c>
      <c r="L122" s="53">
        <v>13</v>
      </c>
      <c r="M122" s="54">
        <v>26</v>
      </c>
    </row>
    <row r="123" spans="1:13">
      <c r="A123" s="40" t="s">
        <v>126</v>
      </c>
      <c r="B123" s="21">
        <v>-150</v>
      </c>
      <c r="C123" s="22">
        <v>-68</v>
      </c>
      <c r="D123" s="22">
        <v>-82</v>
      </c>
      <c r="E123" s="21">
        <v>166</v>
      </c>
      <c r="F123" s="22">
        <v>71</v>
      </c>
      <c r="G123" s="23">
        <v>95</v>
      </c>
      <c r="H123" s="22">
        <v>37</v>
      </c>
      <c r="I123" s="22">
        <v>7</v>
      </c>
      <c r="J123" s="22">
        <v>30</v>
      </c>
      <c r="K123" s="21">
        <v>21</v>
      </c>
      <c r="L123" s="53">
        <v>4</v>
      </c>
      <c r="M123" s="54">
        <v>17</v>
      </c>
    </row>
    <row r="124" spans="1:13">
      <c r="A124" s="40" t="s">
        <v>127</v>
      </c>
      <c r="B124" s="21">
        <v>-128</v>
      </c>
      <c r="C124" s="22">
        <v>-68</v>
      </c>
      <c r="D124" s="22">
        <v>-60</v>
      </c>
      <c r="E124" s="21">
        <v>152</v>
      </c>
      <c r="F124" s="22">
        <v>73</v>
      </c>
      <c r="G124" s="23">
        <v>79</v>
      </c>
      <c r="H124" s="22">
        <v>43</v>
      </c>
      <c r="I124" s="22">
        <v>11</v>
      </c>
      <c r="J124" s="22">
        <v>32</v>
      </c>
      <c r="K124" s="21">
        <v>19</v>
      </c>
      <c r="L124" s="53">
        <v>6</v>
      </c>
      <c r="M124" s="54">
        <v>13</v>
      </c>
    </row>
    <row r="125" spans="1:13" ht="19.5" customHeight="1">
      <c r="A125" s="34" t="s">
        <v>128</v>
      </c>
      <c r="B125" s="17">
        <v>-603</v>
      </c>
      <c r="C125" s="18">
        <v>-223</v>
      </c>
      <c r="D125" s="18">
        <v>-380</v>
      </c>
      <c r="E125" s="17">
        <v>644</v>
      </c>
      <c r="F125" s="18">
        <v>242</v>
      </c>
      <c r="G125" s="19">
        <v>402</v>
      </c>
      <c r="H125" s="18">
        <v>114</v>
      </c>
      <c r="I125" s="18">
        <v>36</v>
      </c>
      <c r="J125" s="18">
        <v>78</v>
      </c>
      <c r="K125" s="17">
        <v>73</v>
      </c>
      <c r="L125" s="51">
        <v>17</v>
      </c>
      <c r="M125" s="52">
        <v>56</v>
      </c>
    </row>
    <row r="126" spans="1:13">
      <c r="A126" s="40" t="s">
        <v>129</v>
      </c>
      <c r="B126" s="21">
        <v>-140</v>
      </c>
      <c r="C126" s="22">
        <v>-54</v>
      </c>
      <c r="D126" s="22">
        <v>-86</v>
      </c>
      <c r="E126" s="21">
        <v>145</v>
      </c>
      <c r="F126" s="22">
        <v>58</v>
      </c>
      <c r="G126" s="23">
        <v>87</v>
      </c>
      <c r="H126" s="22">
        <v>26</v>
      </c>
      <c r="I126" s="22">
        <v>10</v>
      </c>
      <c r="J126" s="22">
        <v>16</v>
      </c>
      <c r="K126" s="21">
        <v>21</v>
      </c>
      <c r="L126" s="53">
        <v>6</v>
      </c>
      <c r="M126" s="54">
        <v>15</v>
      </c>
    </row>
    <row r="127" spans="1:13">
      <c r="A127" s="40" t="s">
        <v>130</v>
      </c>
      <c r="B127" s="21">
        <v>-110</v>
      </c>
      <c r="C127" s="22">
        <v>-36</v>
      </c>
      <c r="D127" s="22">
        <v>-74</v>
      </c>
      <c r="E127" s="21">
        <v>133</v>
      </c>
      <c r="F127" s="22">
        <v>45</v>
      </c>
      <c r="G127" s="23">
        <v>88</v>
      </c>
      <c r="H127" s="22">
        <v>33</v>
      </c>
      <c r="I127" s="22">
        <v>10</v>
      </c>
      <c r="J127" s="22">
        <v>23</v>
      </c>
      <c r="K127" s="21">
        <v>10</v>
      </c>
      <c r="L127" s="53">
        <v>1</v>
      </c>
      <c r="M127" s="54">
        <v>9</v>
      </c>
    </row>
    <row r="128" spans="1:13">
      <c r="A128" s="40" t="s">
        <v>131</v>
      </c>
      <c r="B128" s="21">
        <v>-129</v>
      </c>
      <c r="C128" s="22">
        <v>-51</v>
      </c>
      <c r="D128" s="22">
        <v>-78</v>
      </c>
      <c r="E128" s="21">
        <v>129</v>
      </c>
      <c r="F128" s="22">
        <v>51</v>
      </c>
      <c r="G128" s="23">
        <v>78</v>
      </c>
      <c r="H128" s="22">
        <v>22</v>
      </c>
      <c r="I128" s="22">
        <v>7</v>
      </c>
      <c r="J128" s="22">
        <v>15</v>
      </c>
      <c r="K128" s="21">
        <v>22</v>
      </c>
      <c r="L128" s="53">
        <v>7</v>
      </c>
      <c r="M128" s="54">
        <v>15</v>
      </c>
    </row>
    <row r="129" spans="1:13">
      <c r="A129" s="40" t="s">
        <v>132</v>
      </c>
      <c r="B129" s="21">
        <v>-102</v>
      </c>
      <c r="C129" s="22">
        <v>-37</v>
      </c>
      <c r="D129" s="22">
        <v>-65</v>
      </c>
      <c r="E129" s="21">
        <v>110</v>
      </c>
      <c r="F129" s="22">
        <v>40</v>
      </c>
      <c r="G129" s="23">
        <v>70</v>
      </c>
      <c r="H129" s="22">
        <v>17</v>
      </c>
      <c r="I129" s="22">
        <v>5</v>
      </c>
      <c r="J129" s="22">
        <v>12</v>
      </c>
      <c r="K129" s="21">
        <v>9</v>
      </c>
      <c r="L129" s="53">
        <v>2</v>
      </c>
      <c r="M129" s="54">
        <v>7</v>
      </c>
    </row>
    <row r="130" spans="1:13">
      <c r="A130" s="40" t="s">
        <v>133</v>
      </c>
      <c r="B130" s="21">
        <v>-122</v>
      </c>
      <c r="C130" s="22">
        <v>-45</v>
      </c>
      <c r="D130" s="22">
        <v>-77</v>
      </c>
      <c r="E130" s="21">
        <v>127</v>
      </c>
      <c r="F130" s="22">
        <v>48</v>
      </c>
      <c r="G130" s="23">
        <v>79</v>
      </c>
      <c r="H130" s="22">
        <v>16</v>
      </c>
      <c r="I130" s="22">
        <v>4</v>
      </c>
      <c r="J130" s="22">
        <v>12</v>
      </c>
      <c r="K130" s="21">
        <v>11</v>
      </c>
      <c r="L130" s="53">
        <v>1</v>
      </c>
      <c r="M130" s="54">
        <v>10</v>
      </c>
    </row>
    <row r="131" spans="1:13" ht="19.5" customHeight="1">
      <c r="A131" s="34" t="s">
        <v>134</v>
      </c>
      <c r="B131" s="17">
        <v>-315</v>
      </c>
      <c r="C131" s="18">
        <v>-80</v>
      </c>
      <c r="D131" s="18">
        <v>-235</v>
      </c>
      <c r="E131" s="17">
        <v>330</v>
      </c>
      <c r="F131" s="18">
        <v>77</v>
      </c>
      <c r="G131" s="19">
        <v>253</v>
      </c>
      <c r="H131" s="18">
        <v>34</v>
      </c>
      <c r="I131" s="18">
        <v>8</v>
      </c>
      <c r="J131" s="18">
        <v>26</v>
      </c>
      <c r="K131" s="17">
        <v>19</v>
      </c>
      <c r="L131" s="51">
        <v>11</v>
      </c>
      <c r="M131" s="52">
        <v>8</v>
      </c>
    </row>
    <row r="132" spans="1:13">
      <c r="A132" s="40" t="s">
        <v>135</v>
      </c>
      <c r="B132" s="21">
        <v>-79</v>
      </c>
      <c r="C132" s="22">
        <v>-23</v>
      </c>
      <c r="D132" s="22">
        <v>-56</v>
      </c>
      <c r="E132" s="21">
        <v>83</v>
      </c>
      <c r="F132" s="22">
        <v>20</v>
      </c>
      <c r="G132" s="23">
        <v>63</v>
      </c>
      <c r="H132" s="22">
        <v>13</v>
      </c>
      <c r="I132" s="22">
        <v>4</v>
      </c>
      <c r="J132" s="22">
        <v>9</v>
      </c>
      <c r="K132" s="21">
        <v>9</v>
      </c>
      <c r="L132" s="53">
        <v>7</v>
      </c>
      <c r="M132" s="54">
        <v>2</v>
      </c>
    </row>
    <row r="133" spans="1:13">
      <c r="A133" s="40" t="s">
        <v>136</v>
      </c>
      <c r="B133" s="21">
        <v>-71</v>
      </c>
      <c r="C133" s="22">
        <v>-20</v>
      </c>
      <c r="D133" s="22">
        <v>-51</v>
      </c>
      <c r="E133" s="21">
        <v>74</v>
      </c>
      <c r="F133" s="22">
        <v>20</v>
      </c>
      <c r="G133" s="23">
        <v>54</v>
      </c>
      <c r="H133" s="22">
        <v>7</v>
      </c>
      <c r="I133" s="22">
        <v>2</v>
      </c>
      <c r="J133" s="22">
        <v>5</v>
      </c>
      <c r="K133" s="21">
        <v>4</v>
      </c>
      <c r="L133" s="53">
        <v>2</v>
      </c>
      <c r="M133" s="54">
        <v>2</v>
      </c>
    </row>
    <row r="134" spans="1:13">
      <c r="A134" s="40" t="s">
        <v>137</v>
      </c>
      <c r="B134" s="21">
        <v>-52</v>
      </c>
      <c r="C134" s="22">
        <v>-14</v>
      </c>
      <c r="D134" s="22">
        <v>-38</v>
      </c>
      <c r="E134" s="21">
        <v>58</v>
      </c>
      <c r="F134" s="22">
        <v>15</v>
      </c>
      <c r="G134" s="23">
        <v>43</v>
      </c>
      <c r="H134" s="22">
        <v>9</v>
      </c>
      <c r="I134" s="22">
        <v>2</v>
      </c>
      <c r="J134" s="22">
        <v>7</v>
      </c>
      <c r="K134" s="21">
        <v>3</v>
      </c>
      <c r="L134" s="53">
        <v>1</v>
      </c>
      <c r="M134" s="54">
        <v>2</v>
      </c>
    </row>
    <row r="135" spans="1:13">
      <c r="A135" s="40" t="s">
        <v>138</v>
      </c>
      <c r="B135" s="21">
        <v>-68</v>
      </c>
      <c r="C135" s="22">
        <v>-16</v>
      </c>
      <c r="D135" s="22">
        <v>-52</v>
      </c>
      <c r="E135" s="21">
        <v>71</v>
      </c>
      <c r="F135" s="22">
        <v>16</v>
      </c>
      <c r="G135" s="23">
        <v>55</v>
      </c>
      <c r="H135" s="22">
        <v>4</v>
      </c>
      <c r="I135" s="22">
        <v>0</v>
      </c>
      <c r="J135" s="22">
        <v>4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45</v>
      </c>
      <c r="C136" s="22">
        <v>-7</v>
      </c>
      <c r="D136" s="22">
        <v>-38</v>
      </c>
      <c r="E136" s="21">
        <v>44</v>
      </c>
      <c r="F136" s="22">
        <v>6</v>
      </c>
      <c r="G136" s="23">
        <v>38</v>
      </c>
      <c r="H136" s="22">
        <v>1</v>
      </c>
      <c r="I136" s="22">
        <v>0</v>
      </c>
      <c r="J136" s="22">
        <v>1</v>
      </c>
      <c r="K136" s="21">
        <v>2</v>
      </c>
      <c r="L136" s="53">
        <v>1</v>
      </c>
      <c r="M136" s="54">
        <v>1</v>
      </c>
    </row>
    <row r="137" spans="1:13" ht="19.5" customHeight="1">
      <c r="A137" s="41" t="s">
        <v>140</v>
      </c>
      <c r="B137" s="42">
        <v>-99</v>
      </c>
      <c r="C137" s="43">
        <v>-18</v>
      </c>
      <c r="D137" s="43">
        <v>-81</v>
      </c>
      <c r="E137" s="42">
        <v>98</v>
      </c>
      <c r="F137" s="43">
        <v>18</v>
      </c>
      <c r="G137" s="44">
        <v>80</v>
      </c>
      <c r="H137" s="43">
        <v>1</v>
      </c>
      <c r="I137" s="43">
        <v>0</v>
      </c>
      <c r="J137" s="43">
        <v>1</v>
      </c>
      <c r="K137" s="42">
        <v>2</v>
      </c>
      <c r="L137" s="67">
        <v>0</v>
      </c>
      <c r="M137" s="68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2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50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585</v>
      </c>
      <c r="C5" s="14">
        <v>757</v>
      </c>
      <c r="D5" s="14">
        <v>828</v>
      </c>
      <c r="E5" s="13">
        <v>903</v>
      </c>
      <c r="F5" s="14">
        <v>462</v>
      </c>
      <c r="G5" s="15">
        <v>441</v>
      </c>
      <c r="H5" s="14">
        <v>10220</v>
      </c>
      <c r="I5" s="14">
        <v>5595</v>
      </c>
      <c r="J5" s="14">
        <v>4625</v>
      </c>
      <c r="K5" s="13">
        <v>8610</v>
      </c>
      <c r="L5" s="49">
        <v>4821</v>
      </c>
      <c r="M5" s="50">
        <v>3789</v>
      </c>
    </row>
    <row r="6" spans="1:13" ht="19.5" customHeight="1">
      <c r="A6" s="16" t="s">
        <v>13</v>
      </c>
      <c r="B6" s="17">
        <v>866</v>
      </c>
      <c r="C6" s="18">
        <v>443</v>
      </c>
      <c r="D6" s="18">
        <v>423</v>
      </c>
      <c r="E6" s="17">
        <v>1</v>
      </c>
      <c r="F6" s="18">
        <v>1</v>
      </c>
      <c r="G6" s="19">
        <v>0</v>
      </c>
      <c r="H6" s="18">
        <v>403</v>
      </c>
      <c r="I6" s="18">
        <v>216</v>
      </c>
      <c r="J6" s="18">
        <v>187</v>
      </c>
      <c r="K6" s="17">
        <v>414</v>
      </c>
      <c r="L6" s="51">
        <v>217</v>
      </c>
      <c r="M6" s="52">
        <v>197</v>
      </c>
    </row>
    <row r="7" spans="1:13">
      <c r="A7" s="20" t="s">
        <v>14</v>
      </c>
      <c r="B7" s="21">
        <v>874</v>
      </c>
      <c r="C7" s="22">
        <v>436</v>
      </c>
      <c r="D7" s="22">
        <v>438</v>
      </c>
      <c r="E7" s="21">
        <v>1</v>
      </c>
      <c r="F7" s="22">
        <v>1</v>
      </c>
      <c r="G7" s="23">
        <v>0</v>
      </c>
      <c r="H7" s="22">
        <v>70</v>
      </c>
      <c r="I7" s="22">
        <v>32</v>
      </c>
      <c r="J7" s="22">
        <v>38</v>
      </c>
      <c r="K7" s="21">
        <v>73</v>
      </c>
      <c r="L7" s="53">
        <v>40</v>
      </c>
      <c r="M7" s="54">
        <v>33</v>
      </c>
    </row>
    <row r="8" spans="1:13">
      <c r="A8" s="20" t="s">
        <v>15</v>
      </c>
      <c r="B8" s="21">
        <v>-6</v>
      </c>
      <c r="C8" s="22">
        <v>10</v>
      </c>
      <c r="D8" s="22">
        <v>-16</v>
      </c>
      <c r="E8" s="21">
        <v>0</v>
      </c>
      <c r="F8" s="22">
        <v>0</v>
      </c>
      <c r="G8" s="23">
        <v>0</v>
      </c>
      <c r="H8" s="22">
        <v>106</v>
      </c>
      <c r="I8" s="22">
        <v>64</v>
      </c>
      <c r="J8" s="22">
        <v>42</v>
      </c>
      <c r="K8" s="21">
        <v>112</v>
      </c>
      <c r="L8" s="53">
        <v>54</v>
      </c>
      <c r="M8" s="54">
        <v>58</v>
      </c>
    </row>
    <row r="9" spans="1:13">
      <c r="A9" s="20" t="s">
        <v>16</v>
      </c>
      <c r="B9" s="21">
        <v>-6</v>
      </c>
      <c r="C9" s="22">
        <v>-7</v>
      </c>
      <c r="D9" s="22">
        <v>1</v>
      </c>
      <c r="E9" s="21">
        <v>0</v>
      </c>
      <c r="F9" s="22">
        <v>0</v>
      </c>
      <c r="G9" s="23">
        <v>0</v>
      </c>
      <c r="H9" s="22">
        <v>79</v>
      </c>
      <c r="I9" s="22">
        <v>41</v>
      </c>
      <c r="J9" s="22">
        <v>38</v>
      </c>
      <c r="K9" s="21">
        <v>85</v>
      </c>
      <c r="L9" s="53">
        <v>48</v>
      </c>
      <c r="M9" s="54">
        <v>37</v>
      </c>
    </row>
    <row r="10" spans="1:13">
      <c r="A10" s="20" t="s">
        <v>17</v>
      </c>
      <c r="B10" s="21">
        <v>-4</v>
      </c>
      <c r="C10" s="22">
        <v>0</v>
      </c>
      <c r="D10" s="22">
        <v>-4</v>
      </c>
      <c r="E10" s="21">
        <v>0</v>
      </c>
      <c r="F10" s="22">
        <v>0</v>
      </c>
      <c r="G10" s="23">
        <v>0</v>
      </c>
      <c r="H10" s="22">
        <v>84</v>
      </c>
      <c r="I10" s="22">
        <v>47</v>
      </c>
      <c r="J10" s="22">
        <v>37</v>
      </c>
      <c r="K10" s="21">
        <v>88</v>
      </c>
      <c r="L10" s="53">
        <v>47</v>
      </c>
      <c r="M10" s="54">
        <v>41</v>
      </c>
    </row>
    <row r="11" spans="1:13">
      <c r="A11" s="20" t="s">
        <v>18</v>
      </c>
      <c r="B11" s="21">
        <v>8</v>
      </c>
      <c r="C11" s="22">
        <v>4</v>
      </c>
      <c r="D11" s="22">
        <v>4</v>
      </c>
      <c r="E11" s="21">
        <v>0</v>
      </c>
      <c r="F11" s="22">
        <v>0</v>
      </c>
      <c r="G11" s="23">
        <v>0</v>
      </c>
      <c r="H11" s="22">
        <v>64</v>
      </c>
      <c r="I11" s="22">
        <v>32</v>
      </c>
      <c r="J11" s="22">
        <v>32</v>
      </c>
      <c r="K11" s="21">
        <v>56</v>
      </c>
      <c r="L11" s="53">
        <v>28</v>
      </c>
      <c r="M11" s="54">
        <v>28</v>
      </c>
    </row>
    <row r="12" spans="1:13" ht="20.100000000000001" customHeight="1">
      <c r="A12" s="16" t="s">
        <v>19</v>
      </c>
      <c r="B12" s="17">
        <v>26</v>
      </c>
      <c r="C12" s="18">
        <v>23</v>
      </c>
      <c r="D12" s="18">
        <v>3</v>
      </c>
      <c r="E12" s="17">
        <v>0</v>
      </c>
      <c r="F12" s="18">
        <v>0</v>
      </c>
      <c r="G12" s="19">
        <v>0</v>
      </c>
      <c r="H12" s="18">
        <v>211</v>
      </c>
      <c r="I12" s="18">
        <v>114</v>
      </c>
      <c r="J12" s="18">
        <v>97</v>
      </c>
      <c r="K12" s="17">
        <v>185</v>
      </c>
      <c r="L12" s="51">
        <v>91</v>
      </c>
      <c r="M12" s="52">
        <v>94</v>
      </c>
    </row>
    <row r="13" spans="1:13">
      <c r="A13" s="20" t="s">
        <v>20</v>
      </c>
      <c r="B13" s="21">
        <v>1</v>
      </c>
      <c r="C13" s="22">
        <v>0</v>
      </c>
      <c r="D13" s="22">
        <v>1</v>
      </c>
      <c r="E13" s="21">
        <v>0</v>
      </c>
      <c r="F13" s="22">
        <v>0</v>
      </c>
      <c r="G13" s="23">
        <v>0</v>
      </c>
      <c r="H13" s="22">
        <v>53</v>
      </c>
      <c r="I13" s="22">
        <v>25</v>
      </c>
      <c r="J13" s="22">
        <v>28</v>
      </c>
      <c r="K13" s="21">
        <v>52</v>
      </c>
      <c r="L13" s="53">
        <v>25</v>
      </c>
      <c r="M13" s="54">
        <v>27</v>
      </c>
    </row>
    <row r="14" spans="1:13">
      <c r="A14" s="20" t="s">
        <v>21</v>
      </c>
      <c r="B14" s="21">
        <v>13</v>
      </c>
      <c r="C14" s="22">
        <v>13</v>
      </c>
      <c r="D14" s="22">
        <v>0</v>
      </c>
      <c r="E14" s="21">
        <v>0</v>
      </c>
      <c r="F14" s="22">
        <v>0</v>
      </c>
      <c r="G14" s="23">
        <v>0</v>
      </c>
      <c r="H14" s="22">
        <v>59</v>
      </c>
      <c r="I14" s="22">
        <v>33</v>
      </c>
      <c r="J14" s="22">
        <v>26</v>
      </c>
      <c r="K14" s="21">
        <v>46</v>
      </c>
      <c r="L14" s="53">
        <v>20</v>
      </c>
      <c r="M14" s="54">
        <v>26</v>
      </c>
    </row>
    <row r="15" spans="1:13">
      <c r="A15" s="20" t="s">
        <v>22</v>
      </c>
      <c r="B15" s="21">
        <v>2</v>
      </c>
      <c r="C15" s="22">
        <v>-5</v>
      </c>
      <c r="D15" s="22">
        <v>7</v>
      </c>
      <c r="E15" s="21">
        <v>0</v>
      </c>
      <c r="F15" s="22">
        <v>0</v>
      </c>
      <c r="G15" s="23">
        <v>0</v>
      </c>
      <c r="H15" s="22">
        <v>42</v>
      </c>
      <c r="I15" s="22">
        <v>17</v>
      </c>
      <c r="J15" s="22">
        <v>25</v>
      </c>
      <c r="K15" s="21">
        <v>40</v>
      </c>
      <c r="L15" s="53">
        <v>22</v>
      </c>
      <c r="M15" s="54">
        <v>18</v>
      </c>
    </row>
    <row r="16" spans="1:13">
      <c r="A16" s="20" t="s">
        <v>23</v>
      </c>
      <c r="B16" s="21">
        <v>4</v>
      </c>
      <c r="C16" s="22">
        <v>7</v>
      </c>
      <c r="D16" s="22">
        <v>-3</v>
      </c>
      <c r="E16" s="21">
        <v>0</v>
      </c>
      <c r="F16" s="22">
        <v>0</v>
      </c>
      <c r="G16" s="23">
        <v>0</v>
      </c>
      <c r="H16" s="22">
        <v>31</v>
      </c>
      <c r="I16" s="22">
        <v>19</v>
      </c>
      <c r="J16" s="22">
        <v>12</v>
      </c>
      <c r="K16" s="21">
        <v>27</v>
      </c>
      <c r="L16" s="53">
        <v>12</v>
      </c>
      <c r="M16" s="54">
        <v>15</v>
      </c>
    </row>
    <row r="17" spans="1:13">
      <c r="A17" s="20" t="s">
        <v>24</v>
      </c>
      <c r="B17" s="21">
        <v>6</v>
      </c>
      <c r="C17" s="22">
        <v>8</v>
      </c>
      <c r="D17" s="22">
        <v>-2</v>
      </c>
      <c r="E17" s="21">
        <v>0</v>
      </c>
      <c r="F17" s="22">
        <v>0</v>
      </c>
      <c r="G17" s="23">
        <v>0</v>
      </c>
      <c r="H17" s="22">
        <v>26</v>
      </c>
      <c r="I17" s="22">
        <v>20</v>
      </c>
      <c r="J17" s="22">
        <v>6</v>
      </c>
      <c r="K17" s="21">
        <v>20</v>
      </c>
      <c r="L17" s="53">
        <v>12</v>
      </c>
      <c r="M17" s="54">
        <v>8</v>
      </c>
    </row>
    <row r="18" spans="1:13" ht="20.100000000000001" customHeight="1">
      <c r="A18" s="16" t="s">
        <v>25</v>
      </c>
      <c r="B18" s="17">
        <v>26</v>
      </c>
      <c r="C18" s="18">
        <v>13</v>
      </c>
      <c r="D18" s="18">
        <v>13</v>
      </c>
      <c r="E18" s="17">
        <v>0</v>
      </c>
      <c r="F18" s="18">
        <v>0</v>
      </c>
      <c r="G18" s="19">
        <v>0</v>
      </c>
      <c r="H18" s="18">
        <v>116</v>
      </c>
      <c r="I18" s="18">
        <v>56</v>
      </c>
      <c r="J18" s="18">
        <v>60</v>
      </c>
      <c r="K18" s="17">
        <v>90</v>
      </c>
      <c r="L18" s="51">
        <v>43</v>
      </c>
      <c r="M18" s="52">
        <v>47</v>
      </c>
    </row>
    <row r="19" spans="1:13">
      <c r="A19" s="20" t="s">
        <v>26</v>
      </c>
      <c r="B19" s="21">
        <v>0</v>
      </c>
      <c r="C19" s="22">
        <v>-2</v>
      </c>
      <c r="D19" s="22">
        <v>2</v>
      </c>
      <c r="E19" s="21">
        <v>0</v>
      </c>
      <c r="F19" s="22">
        <v>0</v>
      </c>
      <c r="G19" s="23">
        <v>0</v>
      </c>
      <c r="H19" s="22">
        <v>23</v>
      </c>
      <c r="I19" s="22">
        <v>9</v>
      </c>
      <c r="J19" s="22">
        <v>14</v>
      </c>
      <c r="K19" s="21">
        <v>23</v>
      </c>
      <c r="L19" s="53">
        <v>11</v>
      </c>
      <c r="M19" s="54">
        <v>12</v>
      </c>
    </row>
    <row r="20" spans="1:13">
      <c r="A20" s="20" t="s">
        <v>27</v>
      </c>
      <c r="B20" s="21">
        <v>6</v>
      </c>
      <c r="C20" s="22">
        <v>4</v>
      </c>
      <c r="D20" s="22">
        <v>2</v>
      </c>
      <c r="E20" s="21">
        <v>0</v>
      </c>
      <c r="F20" s="22">
        <v>0</v>
      </c>
      <c r="G20" s="23">
        <v>0</v>
      </c>
      <c r="H20" s="22">
        <v>20</v>
      </c>
      <c r="I20" s="22">
        <v>10</v>
      </c>
      <c r="J20" s="22">
        <v>10</v>
      </c>
      <c r="K20" s="21">
        <v>14</v>
      </c>
      <c r="L20" s="53">
        <v>6</v>
      </c>
      <c r="M20" s="54">
        <v>8</v>
      </c>
    </row>
    <row r="21" spans="1:13">
      <c r="A21" s="20" t="s">
        <v>28</v>
      </c>
      <c r="B21" s="21">
        <v>8</v>
      </c>
      <c r="C21" s="22">
        <v>6</v>
      </c>
      <c r="D21" s="22">
        <v>2</v>
      </c>
      <c r="E21" s="21">
        <v>0</v>
      </c>
      <c r="F21" s="22">
        <v>0</v>
      </c>
      <c r="G21" s="23">
        <v>0</v>
      </c>
      <c r="H21" s="22">
        <v>26</v>
      </c>
      <c r="I21" s="22">
        <v>15</v>
      </c>
      <c r="J21" s="22">
        <v>11</v>
      </c>
      <c r="K21" s="21">
        <v>18</v>
      </c>
      <c r="L21" s="53">
        <v>9</v>
      </c>
      <c r="M21" s="54">
        <v>9</v>
      </c>
    </row>
    <row r="22" spans="1:13">
      <c r="A22" s="20" t="s">
        <v>29</v>
      </c>
      <c r="B22" s="21">
        <v>14</v>
      </c>
      <c r="C22" s="22">
        <v>7</v>
      </c>
      <c r="D22" s="22">
        <v>7</v>
      </c>
      <c r="E22" s="21">
        <v>0</v>
      </c>
      <c r="F22" s="22">
        <v>0</v>
      </c>
      <c r="G22" s="23">
        <v>0</v>
      </c>
      <c r="H22" s="22">
        <v>33</v>
      </c>
      <c r="I22" s="22">
        <v>15</v>
      </c>
      <c r="J22" s="22">
        <v>18</v>
      </c>
      <c r="K22" s="21">
        <v>19</v>
      </c>
      <c r="L22" s="53">
        <v>8</v>
      </c>
      <c r="M22" s="54">
        <v>11</v>
      </c>
    </row>
    <row r="23" spans="1:13">
      <c r="A23" s="20" t="s">
        <v>30</v>
      </c>
      <c r="B23" s="21">
        <v>-2</v>
      </c>
      <c r="C23" s="22">
        <v>-2</v>
      </c>
      <c r="D23" s="22">
        <v>0</v>
      </c>
      <c r="E23" s="21">
        <v>0</v>
      </c>
      <c r="F23" s="22">
        <v>0</v>
      </c>
      <c r="G23" s="23">
        <v>0</v>
      </c>
      <c r="H23" s="22">
        <v>14</v>
      </c>
      <c r="I23" s="22">
        <v>7</v>
      </c>
      <c r="J23" s="22">
        <v>7</v>
      </c>
      <c r="K23" s="21">
        <v>16</v>
      </c>
      <c r="L23" s="53">
        <v>9</v>
      </c>
      <c r="M23" s="54">
        <v>7</v>
      </c>
    </row>
    <row r="24" spans="1:13" ht="20.100000000000001" customHeight="1">
      <c r="A24" s="16" t="s">
        <v>31</v>
      </c>
      <c r="B24" s="17">
        <v>160</v>
      </c>
      <c r="C24" s="18">
        <v>73</v>
      </c>
      <c r="D24" s="18">
        <v>87</v>
      </c>
      <c r="E24" s="17">
        <v>0</v>
      </c>
      <c r="F24" s="18">
        <v>0</v>
      </c>
      <c r="G24" s="19">
        <v>0</v>
      </c>
      <c r="H24" s="18">
        <v>315</v>
      </c>
      <c r="I24" s="18">
        <v>161</v>
      </c>
      <c r="J24" s="18">
        <v>154</v>
      </c>
      <c r="K24" s="17">
        <v>155</v>
      </c>
      <c r="L24" s="51">
        <v>88</v>
      </c>
      <c r="M24" s="52">
        <v>67</v>
      </c>
    </row>
    <row r="25" spans="1:13">
      <c r="A25" s="20" t="s">
        <v>32</v>
      </c>
      <c r="B25" s="21">
        <v>5</v>
      </c>
      <c r="C25" s="22">
        <v>2</v>
      </c>
      <c r="D25" s="22">
        <v>3</v>
      </c>
      <c r="E25" s="21">
        <v>0</v>
      </c>
      <c r="F25" s="22">
        <v>0</v>
      </c>
      <c r="G25" s="23">
        <v>0</v>
      </c>
      <c r="H25" s="22">
        <v>19</v>
      </c>
      <c r="I25" s="22">
        <v>11</v>
      </c>
      <c r="J25" s="22">
        <v>8</v>
      </c>
      <c r="K25" s="21">
        <v>14</v>
      </c>
      <c r="L25" s="53">
        <v>9</v>
      </c>
      <c r="M25" s="54">
        <v>5</v>
      </c>
    </row>
    <row r="26" spans="1:13">
      <c r="A26" s="20" t="s">
        <v>33</v>
      </c>
      <c r="B26" s="21">
        <v>-7</v>
      </c>
      <c r="C26" s="22">
        <v>-4</v>
      </c>
      <c r="D26" s="22">
        <v>-3</v>
      </c>
      <c r="E26" s="21">
        <v>0</v>
      </c>
      <c r="F26" s="22">
        <v>0</v>
      </c>
      <c r="G26" s="23">
        <v>0</v>
      </c>
      <c r="H26" s="22">
        <v>23</v>
      </c>
      <c r="I26" s="22">
        <v>10</v>
      </c>
      <c r="J26" s="22">
        <v>13</v>
      </c>
      <c r="K26" s="21">
        <v>30</v>
      </c>
      <c r="L26" s="53">
        <v>14</v>
      </c>
      <c r="M26" s="54">
        <v>16</v>
      </c>
    </row>
    <row r="27" spans="1:13">
      <c r="A27" s="20" t="s">
        <v>34</v>
      </c>
      <c r="B27" s="21">
        <v>10</v>
      </c>
      <c r="C27" s="22">
        <v>4</v>
      </c>
      <c r="D27" s="22">
        <v>6</v>
      </c>
      <c r="E27" s="21">
        <v>0</v>
      </c>
      <c r="F27" s="22">
        <v>0</v>
      </c>
      <c r="G27" s="23">
        <v>0</v>
      </c>
      <c r="H27" s="22">
        <v>22</v>
      </c>
      <c r="I27" s="22">
        <v>12</v>
      </c>
      <c r="J27" s="22">
        <v>10</v>
      </c>
      <c r="K27" s="21">
        <v>12</v>
      </c>
      <c r="L27" s="53">
        <v>8</v>
      </c>
      <c r="M27" s="54">
        <v>4</v>
      </c>
    </row>
    <row r="28" spans="1:13">
      <c r="A28" s="20" t="s">
        <v>35</v>
      </c>
      <c r="B28" s="21">
        <v>28</v>
      </c>
      <c r="C28" s="22">
        <v>8</v>
      </c>
      <c r="D28" s="22">
        <v>20</v>
      </c>
      <c r="E28" s="21">
        <v>0</v>
      </c>
      <c r="F28" s="22">
        <v>0</v>
      </c>
      <c r="G28" s="23">
        <v>0</v>
      </c>
      <c r="H28" s="22">
        <v>53</v>
      </c>
      <c r="I28" s="22">
        <v>19</v>
      </c>
      <c r="J28" s="22">
        <v>34</v>
      </c>
      <c r="K28" s="21">
        <v>25</v>
      </c>
      <c r="L28" s="53">
        <v>11</v>
      </c>
      <c r="M28" s="54">
        <v>14</v>
      </c>
    </row>
    <row r="29" spans="1:13">
      <c r="A29" s="20" t="s">
        <v>36</v>
      </c>
      <c r="B29" s="21">
        <v>124</v>
      </c>
      <c r="C29" s="22">
        <v>63</v>
      </c>
      <c r="D29" s="22">
        <v>61</v>
      </c>
      <c r="E29" s="21">
        <v>0</v>
      </c>
      <c r="F29" s="22">
        <v>0</v>
      </c>
      <c r="G29" s="23">
        <v>0</v>
      </c>
      <c r="H29" s="22">
        <v>198</v>
      </c>
      <c r="I29" s="22">
        <v>109</v>
      </c>
      <c r="J29" s="22">
        <v>89</v>
      </c>
      <c r="K29" s="21">
        <v>74</v>
      </c>
      <c r="L29" s="53">
        <v>46</v>
      </c>
      <c r="M29" s="54">
        <v>28</v>
      </c>
    </row>
    <row r="30" spans="1:13" ht="20.100000000000001" customHeight="1">
      <c r="A30" s="16" t="s">
        <v>37</v>
      </c>
      <c r="B30" s="17">
        <v>934</v>
      </c>
      <c r="C30" s="18">
        <v>539</v>
      </c>
      <c r="D30" s="18">
        <v>395</v>
      </c>
      <c r="E30" s="17">
        <v>1</v>
      </c>
      <c r="F30" s="18">
        <v>1</v>
      </c>
      <c r="G30" s="19">
        <v>0</v>
      </c>
      <c r="H30" s="18">
        <v>1939</v>
      </c>
      <c r="I30" s="18">
        <v>1084</v>
      </c>
      <c r="J30" s="18">
        <v>855</v>
      </c>
      <c r="K30" s="17">
        <v>1004</v>
      </c>
      <c r="L30" s="51">
        <v>544</v>
      </c>
      <c r="M30" s="52">
        <v>460</v>
      </c>
    </row>
    <row r="31" spans="1:13">
      <c r="A31" s="20" t="s">
        <v>38</v>
      </c>
      <c r="B31" s="21">
        <v>77</v>
      </c>
      <c r="C31" s="22">
        <v>39</v>
      </c>
      <c r="D31" s="22">
        <v>38</v>
      </c>
      <c r="E31" s="21">
        <v>0</v>
      </c>
      <c r="F31" s="22">
        <v>0</v>
      </c>
      <c r="G31" s="23">
        <v>0</v>
      </c>
      <c r="H31" s="22">
        <v>179</v>
      </c>
      <c r="I31" s="22">
        <v>92</v>
      </c>
      <c r="J31" s="22">
        <v>87</v>
      </c>
      <c r="K31" s="21">
        <v>102</v>
      </c>
      <c r="L31" s="53">
        <v>53</v>
      </c>
      <c r="M31" s="54">
        <v>49</v>
      </c>
    </row>
    <row r="32" spans="1:13">
      <c r="A32" s="20" t="s">
        <v>39</v>
      </c>
      <c r="B32" s="21">
        <v>146</v>
      </c>
      <c r="C32" s="22">
        <v>73</v>
      </c>
      <c r="D32" s="22">
        <v>73</v>
      </c>
      <c r="E32" s="21">
        <v>0</v>
      </c>
      <c r="F32" s="22">
        <v>0</v>
      </c>
      <c r="G32" s="23">
        <v>0</v>
      </c>
      <c r="H32" s="22">
        <v>283</v>
      </c>
      <c r="I32" s="22">
        <v>153</v>
      </c>
      <c r="J32" s="22">
        <v>130</v>
      </c>
      <c r="K32" s="21">
        <v>137</v>
      </c>
      <c r="L32" s="53">
        <v>80</v>
      </c>
      <c r="M32" s="54">
        <v>57</v>
      </c>
    </row>
    <row r="33" spans="1:13">
      <c r="A33" s="20" t="s">
        <v>40</v>
      </c>
      <c r="B33" s="21">
        <v>167</v>
      </c>
      <c r="C33" s="22">
        <v>103</v>
      </c>
      <c r="D33" s="22">
        <v>64</v>
      </c>
      <c r="E33" s="21">
        <v>0</v>
      </c>
      <c r="F33" s="22">
        <v>0</v>
      </c>
      <c r="G33" s="23">
        <v>0</v>
      </c>
      <c r="H33" s="22">
        <v>338</v>
      </c>
      <c r="I33" s="22">
        <v>188</v>
      </c>
      <c r="J33" s="22">
        <v>150</v>
      </c>
      <c r="K33" s="21">
        <v>171</v>
      </c>
      <c r="L33" s="53">
        <v>85</v>
      </c>
      <c r="M33" s="54">
        <v>86</v>
      </c>
    </row>
    <row r="34" spans="1:13">
      <c r="A34" s="20" t="s">
        <v>41</v>
      </c>
      <c r="B34" s="21">
        <v>354</v>
      </c>
      <c r="C34" s="22">
        <v>215</v>
      </c>
      <c r="D34" s="22">
        <v>139</v>
      </c>
      <c r="E34" s="21">
        <v>1</v>
      </c>
      <c r="F34" s="22">
        <v>1</v>
      </c>
      <c r="G34" s="23">
        <v>0</v>
      </c>
      <c r="H34" s="22">
        <v>628</v>
      </c>
      <c r="I34" s="22">
        <v>366</v>
      </c>
      <c r="J34" s="22">
        <v>262</v>
      </c>
      <c r="K34" s="21">
        <v>273</v>
      </c>
      <c r="L34" s="53">
        <v>150</v>
      </c>
      <c r="M34" s="54">
        <v>123</v>
      </c>
    </row>
    <row r="35" spans="1:13">
      <c r="A35" s="20" t="s">
        <v>42</v>
      </c>
      <c r="B35" s="21">
        <v>190</v>
      </c>
      <c r="C35" s="22">
        <v>109</v>
      </c>
      <c r="D35" s="22">
        <v>81</v>
      </c>
      <c r="E35" s="21">
        <v>0</v>
      </c>
      <c r="F35" s="22">
        <v>0</v>
      </c>
      <c r="G35" s="23">
        <v>0</v>
      </c>
      <c r="H35" s="22">
        <v>511</v>
      </c>
      <c r="I35" s="22">
        <v>285</v>
      </c>
      <c r="J35" s="22">
        <v>226</v>
      </c>
      <c r="K35" s="21">
        <v>321</v>
      </c>
      <c r="L35" s="53">
        <v>176</v>
      </c>
      <c r="M35" s="54">
        <v>145</v>
      </c>
    </row>
    <row r="36" spans="1:13" ht="20.100000000000001" customHeight="1">
      <c r="A36" s="16" t="s">
        <v>43</v>
      </c>
      <c r="B36" s="17">
        <v>438</v>
      </c>
      <c r="C36" s="18">
        <v>202</v>
      </c>
      <c r="D36" s="18">
        <v>236</v>
      </c>
      <c r="E36" s="17">
        <v>2</v>
      </c>
      <c r="F36" s="18">
        <v>1</v>
      </c>
      <c r="G36" s="19">
        <v>1</v>
      </c>
      <c r="H36" s="18">
        <v>2318</v>
      </c>
      <c r="I36" s="18">
        <v>1240</v>
      </c>
      <c r="J36" s="18">
        <v>1078</v>
      </c>
      <c r="K36" s="17">
        <v>1878</v>
      </c>
      <c r="L36" s="51">
        <v>1037</v>
      </c>
      <c r="M36" s="52">
        <v>841</v>
      </c>
    </row>
    <row r="37" spans="1:13">
      <c r="A37" s="20" t="s">
        <v>44</v>
      </c>
      <c r="B37" s="21">
        <v>179</v>
      </c>
      <c r="C37" s="22">
        <v>114</v>
      </c>
      <c r="D37" s="22">
        <v>65</v>
      </c>
      <c r="E37" s="21">
        <v>0</v>
      </c>
      <c r="F37" s="22">
        <v>0</v>
      </c>
      <c r="G37" s="23">
        <v>0</v>
      </c>
      <c r="H37" s="22">
        <v>553</v>
      </c>
      <c r="I37" s="22">
        <v>310</v>
      </c>
      <c r="J37" s="22">
        <v>243</v>
      </c>
      <c r="K37" s="21">
        <v>374</v>
      </c>
      <c r="L37" s="53">
        <v>196</v>
      </c>
      <c r="M37" s="54">
        <v>178</v>
      </c>
    </row>
    <row r="38" spans="1:13">
      <c r="A38" s="20" t="s">
        <v>45</v>
      </c>
      <c r="B38" s="21">
        <v>106</v>
      </c>
      <c r="C38" s="22">
        <v>52</v>
      </c>
      <c r="D38" s="22">
        <v>54</v>
      </c>
      <c r="E38" s="21">
        <v>0</v>
      </c>
      <c r="F38" s="22">
        <v>0</v>
      </c>
      <c r="G38" s="23">
        <v>0</v>
      </c>
      <c r="H38" s="22">
        <v>475</v>
      </c>
      <c r="I38" s="22">
        <v>257</v>
      </c>
      <c r="J38" s="22">
        <v>218</v>
      </c>
      <c r="K38" s="21">
        <v>369</v>
      </c>
      <c r="L38" s="53">
        <v>205</v>
      </c>
      <c r="M38" s="54">
        <v>164</v>
      </c>
    </row>
    <row r="39" spans="1:13">
      <c r="A39" s="20" t="s">
        <v>46</v>
      </c>
      <c r="B39" s="21">
        <v>55</v>
      </c>
      <c r="C39" s="22">
        <v>8</v>
      </c>
      <c r="D39" s="22">
        <v>47</v>
      </c>
      <c r="E39" s="21">
        <v>1</v>
      </c>
      <c r="F39" s="22">
        <v>1</v>
      </c>
      <c r="G39" s="23">
        <v>0</v>
      </c>
      <c r="H39" s="22">
        <v>441</v>
      </c>
      <c r="I39" s="22">
        <v>220</v>
      </c>
      <c r="J39" s="22">
        <v>221</v>
      </c>
      <c r="K39" s="21">
        <v>385</v>
      </c>
      <c r="L39" s="53">
        <v>211</v>
      </c>
      <c r="M39" s="54">
        <v>174</v>
      </c>
    </row>
    <row r="40" spans="1:13">
      <c r="A40" s="20" t="s">
        <v>47</v>
      </c>
      <c r="B40" s="21">
        <v>77</v>
      </c>
      <c r="C40" s="22">
        <v>24</v>
      </c>
      <c r="D40" s="22">
        <v>53</v>
      </c>
      <c r="E40" s="21">
        <v>0</v>
      </c>
      <c r="F40" s="22">
        <v>0</v>
      </c>
      <c r="G40" s="23">
        <v>0</v>
      </c>
      <c r="H40" s="22">
        <v>455</v>
      </c>
      <c r="I40" s="22">
        <v>244</v>
      </c>
      <c r="J40" s="22">
        <v>211</v>
      </c>
      <c r="K40" s="21">
        <v>378</v>
      </c>
      <c r="L40" s="53">
        <v>220</v>
      </c>
      <c r="M40" s="54">
        <v>158</v>
      </c>
    </row>
    <row r="41" spans="1:13">
      <c r="A41" s="20" t="s">
        <v>48</v>
      </c>
      <c r="B41" s="21">
        <v>21</v>
      </c>
      <c r="C41" s="22">
        <v>4</v>
      </c>
      <c r="D41" s="22">
        <v>17</v>
      </c>
      <c r="E41" s="21">
        <v>1</v>
      </c>
      <c r="F41" s="22">
        <v>0</v>
      </c>
      <c r="G41" s="23">
        <v>1</v>
      </c>
      <c r="H41" s="22">
        <v>394</v>
      </c>
      <c r="I41" s="22">
        <v>209</v>
      </c>
      <c r="J41" s="22">
        <v>185</v>
      </c>
      <c r="K41" s="21">
        <v>372</v>
      </c>
      <c r="L41" s="53">
        <v>205</v>
      </c>
      <c r="M41" s="54">
        <v>167</v>
      </c>
    </row>
    <row r="42" spans="1:13" ht="20.100000000000001" customHeight="1">
      <c r="A42" s="16" t="s">
        <v>49</v>
      </c>
      <c r="B42" s="17">
        <v>-27</v>
      </c>
      <c r="C42" s="18">
        <v>-38</v>
      </c>
      <c r="D42" s="18">
        <v>11</v>
      </c>
      <c r="E42" s="17">
        <v>6</v>
      </c>
      <c r="F42" s="18">
        <v>4</v>
      </c>
      <c r="G42" s="19">
        <v>2</v>
      </c>
      <c r="H42" s="18">
        <v>1529</v>
      </c>
      <c r="I42" s="18">
        <v>820</v>
      </c>
      <c r="J42" s="18">
        <v>709</v>
      </c>
      <c r="K42" s="17">
        <v>1550</v>
      </c>
      <c r="L42" s="51">
        <v>854</v>
      </c>
      <c r="M42" s="52">
        <v>696</v>
      </c>
    </row>
    <row r="43" spans="1:13">
      <c r="A43" s="20" t="s">
        <v>50</v>
      </c>
      <c r="B43" s="21">
        <v>-24</v>
      </c>
      <c r="C43" s="22">
        <v>-43</v>
      </c>
      <c r="D43" s="22">
        <v>19</v>
      </c>
      <c r="E43" s="21">
        <v>1</v>
      </c>
      <c r="F43" s="22">
        <v>0</v>
      </c>
      <c r="G43" s="23">
        <v>1</v>
      </c>
      <c r="H43" s="22">
        <v>338</v>
      </c>
      <c r="I43" s="22">
        <v>173</v>
      </c>
      <c r="J43" s="22">
        <v>165</v>
      </c>
      <c r="K43" s="21">
        <v>361</v>
      </c>
      <c r="L43" s="53">
        <v>216</v>
      </c>
      <c r="M43" s="54">
        <v>145</v>
      </c>
    </row>
    <row r="44" spans="1:13">
      <c r="A44" s="20" t="s">
        <v>51</v>
      </c>
      <c r="B44" s="21">
        <v>11</v>
      </c>
      <c r="C44" s="22">
        <v>20</v>
      </c>
      <c r="D44" s="22">
        <v>-9</v>
      </c>
      <c r="E44" s="21">
        <v>2</v>
      </c>
      <c r="F44" s="22">
        <v>2</v>
      </c>
      <c r="G44" s="23">
        <v>0</v>
      </c>
      <c r="H44" s="22">
        <v>361</v>
      </c>
      <c r="I44" s="22">
        <v>203</v>
      </c>
      <c r="J44" s="22">
        <v>158</v>
      </c>
      <c r="K44" s="21">
        <v>348</v>
      </c>
      <c r="L44" s="53">
        <v>181</v>
      </c>
      <c r="M44" s="54">
        <v>167</v>
      </c>
    </row>
    <row r="45" spans="1:13">
      <c r="A45" s="20" t="s">
        <v>52</v>
      </c>
      <c r="B45" s="21">
        <v>-8</v>
      </c>
      <c r="C45" s="22">
        <v>7</v>
      </c>
      <c r="D45" s="22">
        <v>-15</v>
      </c>
      <c r="E45" s="21">
        <v>0</v>
      </c>
      <c r="F45" s="22">
        <v>0</v>
      </c>
      <c r="G45" s="23">
        <v>0</v>
      </c>
      <c r="H45" s="22">
        <v>289</v>
      </c>
      <c r="I45" s="22">
        <v>169</v>
      </c>
      <c r="J45" s="22">
        <v>120</v>
      </c>
      <c r="K45" s="21">
        <v>297</v>
      </c>
      <c r="L45" s="53">
        <v>162</v>
      </c>
      <c r="M45" s="54">
        <v>135</v>
      </c>
    </row>
    <row r="46" spans="1:13">
      <c r="A46" s="20" t="s">
        <v>53</v>
      </c>
      <c r="B46" s="21">
        <v>4</v>
      </c>
      <c r="C46" s="22">
        <v>-15</v>
      </c>
      <c r="D46" s="22">
        <v>19</v>
      </c>
      <c r="E46" s="21">
        <v>0</v>
      </c>
      <c r="F46" s="22">
        <v>0</v>
      </c>
      <c r="G46" s="23">
        <v>0</v>
      </c>
      <c r="H46" s="22">
        <v>281</v>
      </c>
      <c r="I46" s="22">
        <v>144</v>
      </c>
      <c r="J46" s="22">
        <v>137</v>
      </c>
      <c r="K46" s="21">
        <v>277</v>
      </c>
      <c r="L46" s="53">
        <v>159</v>
      </c>
      <c r="M46" s="54">
        <v>118</v>
      </c>
    </row>
    <row r="47" spans="1:13">
      <c r="A47" s="20" t="s">
        <v>54</v>
      </c>
      <c r="B47" s="21">
        <v>-10</v>
      </c>
      <c r="C47" s="22">
        <v>-7</v>
      </c>
      <c r="D47" s="22">
        <v>-3</v>
      </c>
      <c r="E47" s="21">
        <v>3</v>
      </c>
      <c r="F47" s="22">
        <v>2</v>
      </c>
      <c r="G47" s="23">
        <v>1</v>
      </c>
      <c r="H47" s="22">
        <v>260</v>
      </c>
      <c r="I47" s="22">
        <v>131</v>
      </c>
      <c r="J47" s="22">
        <v>129</v>
      </c>
      <c r="K47" s="21">
        <v>267</v>
      </c>
      <c r="L47" s="53">
        <v>136</v>
      </c>
      <c r="M47" s="54">
        <v>131</v>
      </c>
    </row>
    <row r="48" spans="1:13" ht="20.100000000000001" customHeight="1">
      <c r="A48" s="16" t="s">
        <v>55</v>
      </c>
      <c r="B48" s="17">
        <v>77</v>
      </c>
      <c r="C48" s="18">
        <v>34</v>
      </c>
      <c r="D48" s="18">
        <v>43</v>
      </c>
      <c r="E48" s="17">
        <v>7</v>
      </c>
      <c r="F48" s="18">
        <v>4</v>
      </c>
      <c r="G48" s="19">
        <v>3</v>
      </c>
      <c r="H48" s="18">
        <v>1092</v>
      </c>
      <c r="I48" s="18">
        <v>648</v>
      </c>
      <c r="J48" s="18">
        <v>444</v>
      </c>
      <c r="K48" s="17">
        <v>1008</v>
      </c>
      <c r="L48" s="51">
        <v>610</v>
      </c>
      <c r="M48" s="52">
        <v>398</v>
      </c>
    </row>
    <row r="49" spans="1:13">
      <c r="A49" s="20" t="s">
        <v>56</v>
      </c>
      <c r="B49" s="21">
        <v>16</v>
      </c>
      <c r="C49" s="22">
        <v>7</v>
      </c>
      <c r="D49" s="22">
        <v>9</v>
      </c>
      <c r="E49" s="21">
        <v>0</v>
      </c>
      <c r="F49" s="22">
        <v>0</v>
      </c>
      <c r="G49" s="23">
        <v>0</v>
      </c>
      <c r="H49" s="22">
        <v>273</v>
      </c>
      <c r="I49" s="22">
        <v>169</v>
      </c>
      <c r="J49" s="22">
        <v>104</v>
      </c>
      <c r="K49" s="21">
        <v>257</v>
      </c>
      <c r="L49" s="53">
        <v>162</v>
      </c>
      <c r="M49" s="54">
        <v>95</v>
      </c>
    </row>
    <row r="50" spans="1:13">
      <c r="A50" s="20" t="s">
        <v>57</v>
      </c>
      <c r="B50" s="21">
        <v>-12</v>
      </c>
      <c r="C50" s="22">
        <v>-13</v>
      </c>
      <c r="D50" s="22">
        <v>1</v>
      </c>
      <c r="E50" s="21">
        <v>3</v>
      </c>
      <c r="F50" s="22">
        <v>3</v>
      </c>
      <c r="G50" s="23">
        <v>0</v>
      </c>
      <c r="H50" s="22">
        <v>234</v>
      </c>
      <c r="I50" s="22">
        <v>136</v>
      </c>
      <c r="J50" s="22">
        <v>98</v>
      </c>
      <c r="K50" s="21">
        <v>243</v>
      </c>
      <c r="L50" s="53">
        <v>146</v>
      </c>
      <c r="M50" s="54">
        <v>97</v>
      </c>
    </row>
    <row r="51" spans="1:13">
      <c r="A51" s="20" t="s">
        <v>58</v>
      </c>
      <c r="B51" s="21">
        <v>25</v>
      </c>
      <c r="C51" s="22">
        <v>16</v>
      </c>
      <c r="D51" s="22">
        <v>9</v>
      </c>
      <c r="E51" s="21">
        <v>3</v>
      </c>
      <c r="F51" s="22">
        <v>0</v>
      </c>
      <c r="G51" s="23">
        <v>3</v>
      </c>
      <c r="H51" s="22">
        <v>208</v>
      </c>
      <c r="I51" s="22">
        <v>116</v>
      </c>
      <c r="J51" s="22">
        <v>92</v>
      </c>
      <c r="K51" s="21">
        <v>180</v>
      </c>
      <c r="L51" s="53">
        <v>100</v>
      </c>
      <c r="M51" s="54">
        <v>80</v>
      </c>
    </row>
    <row r="52" spans="1:13">
      <c r="A52" s="20" t="s">
        <v>59</v>
      </c>
      <c r="B52" s="21">
        <v>31</v>
      </c>
      <c r="C52" s="22">
        <v>25</v>
      </c>
      <c r="D52" s="22">
        <v>6</v>
      </c>
      <c r="E52" s="21">
        <v>1</v>
      </c>
      <c r="F52" s="22">
        <v>1</v>
      </c>
      <c r="G52" s="23">
        <v>0</v>
      </c>
      <c r="H52" s="22">
        <v>201</v>
      </c>
      <c r="I52" s="22">
        <v>131</v>
      </c>
      <c r="J52" s="22">
        <v>70</v>
      </c>
      <c r="K52" s="21">
        <v>169</v>
      </c>
      <c r="L52" s="53">
        <v>105</v>
      </c>
      <c r="M52" s="54">
        <v>64</v>
      </c>
    </row>
    <row r="53" spans="1:13">
      <c r="A53" s="20" t="s">
        <v>60</v>
      </c>
      <c r="B53" s="21">
        <v>17</v>
      </c>
      <c r="C53" s="22">
        <v>-1</v>
      </c>
      <c r="D53" s="22">
        <v>18</v>
      </c>
      <c r="E53" s="21">
        <v>0</v>
      </c>
      <c r="F53" s="22">
        <v>0</v>
      </c>
      <c r="G53" s="23">
        <v>0</v>
      </c>
      <c r="H53" s="22">
        <v>176</v>
      </c>
      <c r="I53" s="22">
        <v>96</v>
      </c>
      <c r="J53" s="22">
        <v>80</v>
      </c>
      <c r="K53" s="21">
        <v>159</v>
      </c>
      <c r="L53" s="53">
        <v>97</v>
      </c>
      <c r="M53" s="54">
        <v>62</v>
      </c>
    </row>
    <row r="54" spans="1:13" ht="20.100000000000001" customHeight="1">
      <c r="A54" s="16" t="s">
        <v>61</v>
      </c>
      <c r="B54" s="17">
        <v>16</v>
      </c>
      <c r="C54" s="18">
        <v>-14</v>
      </c>
      <c r="D54" s="18">
        <v>30</v>
      </c>
      <c r="E54" s="17">
        <v>12</v>
      </c>
      <c r="F54" s="18">
        <v>5</v>
      </c>
      <c r="G54" s="19">
        <v>7</v>
      </c>
      <c r="H54" s="18">
        <v>641</v>
      </c>
      <c r="I54" s="18">
        <v>353</v>
      </c>
      <c r="J54" s="18">
        <v>288</v>
      </c>
      <c r="K54" s="17">
        <v>613</v>
      </c>
      <c r="L54" s="51">
        <v>362</v>
      </c>
      <c r="M54" s="52">
        <v>251</v>
      </c>
    </row>
    <row r="55" spans="1:13">
      <c r="A55" s="20" t="s">
        <v>62</v>
      </c>
      <c r="B55" s="21">
        <v>10</v>
      </c>
      <c r="C55" s="22">
        <v>0</v>
      </c>
      <c r="D55" s="22">
        <v>10</v>
      </c>
      <c r="E55" s="21">
        <v>2</v>
      </c>
      <c r="F55" s="22">
        <v>1</v>
      </c>
      <c r="G55" s="23">
        <v>1</v>
      </c>
      <c r="H55" s="22">
        <v>148</v>
      </c>
      <c r="I55" s="22">
        <v>80</v>
      </c>
      <c r="J55" s="22">
        <v>68</v>
      </c>
      <c r="K55" s="21">
        <v>136</v>
      </c>
      <c r="L55" s="53">
        <v>79</v>
      </c>
      <c r="M55" s="54">
        <v>57</v>
      </c>
    </row>
    <row r="56" spans="1:13">
      <c r="A56" s="20" t="s">
        <v>63</v>
      </c>
      <c r="B56" s="21">
        <v>18</v>
      </c>
      <c r="C56" s="22">
        <v>11</v>
      </c>
      <c r="D56" s="22">
        <v>7</v>
      </c>
      <c r="E56" s="21">
        <v>4</v>
      </c>
      <c r="F56" s="22">
        <v>2</v>
      </c>
      <c r="G56" s="23">
        <v>2</v>
      </c>
      <c r="H56" s="22">
        <v>149</v>
      </c>
      <c r="I56" s="22">
        <v>90</v>
      </c>
      <c r="J56" s="22">
        <v>59</v>
      </c>
      <c r="K56" s="21">
        <v>127</v>
      </c>
      <c r="L56" s="53">
        <v>77</v>
      </c>
      <c r="M56" s="54">
        <v>50</v>
      </c>
    </row>
    <row r="57" spans="1:13">
      <c r="A57" s="20" t="s">
        <v>64</v>
      </c>
      <c r="B57" s="21">
        <v>13</v>
      </c>
      <c r="C57" s="22">
        <v>-2</v>
      </c>
      <c r="D57" s="22">
        <v>15</v>
      </c>
      <c r="E57" s="21">
        <v>1</v>
      </c>
      <c r="F57" s="22">
        <v>0</v>
      </c>
      <c r="G57" s="23">
        <v>1</v>
      </c>
      <c r="H57" s="22">
        <v>131</v>
      </c>
      <c r="I57" s="22">
        <v>66</v>
      </c>
      <c r="J57" s="22">
        <v>65</v>
      </c>
      <c r="K57" s="21">
        <v>117</v>
      </c>
      <c r="L57" s="53">
        <v>68</v>
      </c>
      <c r="M57" s="54">
        <v>49</v>
      </c>
    </row>
    <row r="58" spans="1:13">
      <c r="A58" s="20" t="s">
        <v>65</v>
      </c>
      <c r="B58" s="21">
        <v>-10</v>
      </c>
      <c r="C58" s="22">
        <v>-12</v>
      </c>
      <c r="D58" s="22">
        <v>2</v>
      </c>
      <c r="E58" s="21">
        <v>2</v>
      </c>
      <c r="F58" s="22">
        <v>1</v>
      </c>
      <c r="G58" s="23">
        <v>1</v>
      </c>
      <c r="H58" s="22">
        <v>111</v>
      </c>
      <c r="I58" s="22">
        <v>65</v>
      </c>
      <c r="J58" s="22">
        <v>46</v>
      </c>
      <c r="K58" s="21">
        <v>119</v>
      </c>
      <c r="L58" s="53">
        <v>76</v>
      </c>
      <c r="M58" s="54">
        <v>43</v>
      </c>
    </row>
    <row r="59" spans="1:13">
      <c r="A59" s="20" t="s">
        <v>66</v>
      </c>
      <c r="B59" s="21">
        <v>-15</v>
      </c>
      <c r="C59" s="22">
        <v>-11</v>
      </c>
      <c r="D59" s="22">
        <v>-4</v>
      </c>
      <c r="E59" s="21">
        <v>3</v>
      </c>
      <c r="F59" s="22">
        <v>1</v>
      </c>
      <c r="G59" s="23">
        <v>2</v>
      </c>
      <c r="H59" s="22">
        <v>102</v>
      </c>
      <c r="I59" s="22">
        <v>52</v>
      </c>
      <c r="J59" s="22">
        <v>50</v>
      </c>
      <c r="K59" s="21">
        <v>114</v>
      </c>
      <c r="L59" s="53">
        <v>62</v>
      </c>
      <c r="M59" s="54">
        <v>52</v>
      </c>
    </row>
    <row r="60" spans="1:13" ht="20.100000000000001" customHeight="1">
      <c r="A60" s="16" t="s">
        <v>67</v>
      </c>
      <c r="B60" s="17">
        <v>-6</v>
      </c>
      <c r="C60" s="18">
        <v>-13</v>
      </c>
      <c r="D60" s="18">
        <v>7</v>
      </c>
      <c r="E60" s="17">
        <v>9</v>
      </c>
      <c r="F60" s="18">
        <v>6</v>
      </c>
      <c r="G60" s="19">
        <v>3</v>
      </c>
      <c r="H60" s="18">
        <v>480</v>
      </c>
      <c r="I60" s="18">
        <v>282</v>
      </c>
      <c r="J60" s="18">
        <v>198</v>
      </c>
      <c r="K60" s="17">
        <v>477</v>
      </c>
      <c r="L60" s="51">
        <v>289</v>
      </c>
      <c r="M60" s="52">
        <v>188</v>
      </c>
    </row>
    <row r="61" spans="1:13">
      <c r="A61" s="20" t="s">
        <v>68</v>
      </c>
      <c r="B61" s="21">
        <v>22</v>
      </c>
      <c r="C61" s="22">
        <v>14</v>
      </c>
      <c r="D61" s="22">
        <v>8</v>
      </c>
      <c r="E61" s="21">
        <v>1</v>
      </c>
      <c r="F61" s="22">
        <v>0</v>
      </c>
      <c r="G61" s="23">
        <v>1</v>
      </c>
      <c r="H61" s="22">
        <v>108</v>
      </c>
      <c r="I61" s="22">
        <v>60</v>
      </c>
      <c r="J61" s="22">
        <v>48</v>
      </c>
      <c r="K61" s="21">
        <v>85</v>
      </c>
      <c r="L61" s="53">
        <v>46</v>
      </c>
      <c r="M61" s="54">
        <v>39</v>
      </c>
    </row>
    <row r="62" spans="1:13">
      <c r="A62" s="20" t="s">
        <v>69</v>
      </c>
      <c r="B62" s="21">
        <v>-11</v>
      </c>
      <c r="C62" s="22">
        <v>-11</v>
      </c>
      <c r="D62" s="22">
        <v>0</v>
      </c>
      <c r="E62" s="21">
        <v>2</v>
      </c>
      <c r="F62" s="22">
        <v>2</v>
      </c>
      <c r="G62" s="23">
        <v>0</v>
      </c>
      <c r="H62" s="22">
        <v>105</v>
      </c>
      <c r="I62" s="22">
        <v>64</v>
      </c>
      <c r="J62" s="22">
        <v>41</v>
      </c>
      <c r="K62" s="21">
        <v>114</v>
      </c>
      <c r="L62" s="53">
        <v>73</v>
      </c>
      <c r="M62" s="54">
        <v>41</v>
      </c>
    </row>
    <row r="63" spans="1:13">
      <c r="A63" s="20" t="s">
        <v>70</v>
      </c>
      <c r="B63" s="21">
        <v>-5</v>
      </c>
      <c r="C63" s="22">
        <v>-10</v>
      </c>
      <c r="D63" s="22">
        <v>5</v>
      </c>
      <c r="E63" s="21">
        <v>2</v>
      </c>
      <c r="F63" s="22">
        <v>0</v>
      </c>
      <c r="G63" s="23">
        <v>2</v>
      </c>
      <c r="H63" s="22">
        <v>96</v>
      </c>
      <c r="I63" s="22">
        <v>53</v>
      </c>
      <c r="J63" s="22">
        <v>43</v>
      </c>
      <c r="K63" s="21">
        <v>99</v>
      </c>
      <c r="L63" s="53">
        <v>63</v>
      </c>
      <c r="M63" s="54">
        <v>36</v>
      </c>
    </row>
    <row r="64" spans="1:13">
      <c r="A64" s="20" t="s">
        <v>71</v>
      </c>
      <c r="B64" s="21">
        <v>-13</v>
      </c>
      <c r="C64" s="22">
        <v>-8</v>
      </c>
      <c r="D64" s="22">
        <v>-5</v>
      </c>
      <c r="E64" s="21">
        <v>2</v>
      </c>
      <c r="F64" s="22">
        <v>2</v>
      </c>
      <c r="G64" s="23">
        <v>0</v>
      </c>
      <c r="H64" s="22">
        <v>82</v>
      </c>
      <c r="I64" s="22">
        <v>50</v>
      </c>
      <c r="J64" s="22">
        <v>32</v>
      </c>
      <c r="K64" s="21">
        <v>93</v>
      </c>
      <c r="L64" s="53">
        <v>56</v>
      </c>
      <c r="M64" s="54">
        <v>37</v>
      </c>
    </row>
    <row r="65" spans="1:13">
      <c r="A65" s="24" t="s">
        <v>72</v>
      </c>
      <c r="B65" s="25">
        <v>1</v>
      </c>
      <c r="C65" s="26">
        <v>2</v>
      </c>
      <c r="D65" s="26">
        <v>-1</v>
      </c>
      <c r="E65" s="25">
        <v>2</v>
      </c>
      <c r="F65" s="26">
        <v>2</v>
      </c>
      <c r="G65" s="27">
        <v>0</v>
      </c>
      <c r="H65" s="26">
        <v>89</v>
      </c>
      <c r="I65" s="26">
        <v>55</v>
      </c>
      <c r="J65" s="26">
        <v>34</v>
      </c>
      <c r="K65" s="25">
        <v>86</v>
      </c>
      <c r="L65" s="55">
        <v>51</v>
      </c>
      <c r="M65" s="56">
        <v>3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878</v>
      </c>
      <c r="C69" s="58">
        <v>445</v>
      </c>
      <c r="D69" s="59">
        <v>43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878</v>
      </c>
      <c r="C70" s="61">
        <v>445</v>
      </c>
      <c r="D70" s="62">
        <v>433</v>
      </c>
    </row>
    <row r="71" spans="1:13">
      <c r="A71" s="24" t="s">
        <v>14</v>
      </c>
      <c r="B71" s="63">
        <v>878</v>
      </c>
      <c r="C71" s="64">
        <v>445</v>
      </c>
      <c r="D71" s="65">
        <v>433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79" t="s">
        <v>15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4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10</v>
      </c>
      <c r="C77" s="18">
        <v>-21</v>
      </c>
      <c r="D77" s="18">
        <v>11</v>
      </c>
      <c r="E77" s="17">
        <v>20</v>
      </c>
      <c r="F77" s="18">
        <v>12</v>
      </c>
      <c r="G77" s="19">
        <v>8</v>
      </c>
      <c r="H77" s="18">
        <v>367</v>
      </c>
      <c r="I77" s="18">
        <v>209</v>
      </c>
      <c r="J77" s="18">
        <v>158</v>
      </c>
      <c r="K77" s="17">
        <v>357</v>
      </c>
      <c r="L77" s="51">
        <v>218</v>
      </c>
      <c r="M77" s="52">
        <v>139</v>
      </c>
    </row>
    <row r="78" spans="1:13">
      <c r="A78" s="40" t="s">
        <v>81</v>
      </c>
      <c r="B78" s="21">
        <v>-25</v>
      </c>
      <c r="C78" s="22">
        <v>-20</v>
      </c>
      <c r="D78" s="22">
        <v>-5</v>
      </c>
      <c r="E78" s="21">
        <v>5</v>
      </c>
      <c r="F78" s="22">
        <v>3</v>
      </c>
      <c r="G78" s="23">
        <v>2</v>
      </c>
      <c r="H78" s="22">
        <v>74</v>
      </c>
      <c r="I78" s="22">
        <v>43</v>
      </c>
      <c r="J78" s="22">
        <v>31</v>
      </c>
      <c r="K78" s="21">
        <v>94</v>
      </c>
      <c r="L78" s="53">
        <v>60</v>
      </c>
      <c r="M78" s="54">
        <v>34</v>
      </c>
    </row>
    <row r="79" spans="1:13">
      <c r="A79" s="40" t="s">
        <v>82</v>
      </c>
      <c r="B79" s="21">
        <v>25</v>
      </c>
      <c r="C79" s="22">
        <v>10</v>
      </c>
      <c r="D79" s="22">
        <v>15</v>
      </c>
      <c r="E79" s="21">
        <v>0</v>
      </c>
      <c r="F79" s="22">
        <v>0</v>
      </c>
      <c r="G79" s="23">
        <v>0</v>
      </c>
      <c r="H79" s="22">
        <v>94</v>
      </c>
      <c r="I79" s="22">
        <v>52</v>
      </c>
      <c r="J79" s="22">
        <v>42</v>
      </c>
      <c r="K79" s="21">
        <v>69</v>
      </c>
      <c r="L79" s="53">
        <v>42</v>
      </c>
      <c r="M79" s="54">
        <v>27</v>
      </c>
    </row>
    <row r="80" spans="1:13">
      <c r="A80" s="40" t="s">
        <v>83</v>
      </c>
      <c r="B80" s="21">
        <v>-13</v>
      </c>
      <c r="C80" s="22">
        <v>-14</v>
      </c>
      <c r="D80" s="22">
        <v>1</v>
      </c>
      <c r="E80" s="21">
        <v>6</v>
      </c>
      <c r="F80" s="22">
        <v>1</v>
      </c>
      <c r="G80" s="23">
        <v>5</v>
      </c>
      <c r="H80" s="22">
        <v>66</v>
      </c>
      <c r="I80" s="22">
        <v>35</v>
      </c>
      <c r="J80" s="22">
        <v>31</v>
      </c>
      <c r="K80" s="21">
        <v>73</v>
      </c>
      <c r="L80" s="53">
        <v>48</v>
      </c>
      <c r="M80" s="54">
        <v>25</v>
      </c>
    </row>
    <row r="81" spans="1:13">
      <c r="A81" s="40" t="s">
        <v>84</v>
      </c>
      <c r="B81" s="21">
        <v>0</v>
      </c>
      <c r="C81" s="22">
        <v>0</v>
      </c>
      <c r="D81" s="22">
        <v>0</v>
      </c>
      <c r="E81" s="21">
        <v>6</v>
      </c>
      <c r="F81" s="22">
        <v>6</v>
      </c>
      <c r="G81" s="23">
        <v>0</v>
      </c>
      <c r="H81" s="22">
        <v>64</v>
      </c>
      <c r="I81" s="22">
        <v>41</v>
      </c>
      <c r="J81" s="22">
        <v>23</v>
      </c>
      <c r="K81" s="21">
        <v>58</v>
      </c>
      <c r="L81" s="53">
        <v>35</v>
      </c>
      <c r="M81" s="54">
        <v>23</v>
      </c>
    </row>
    <row r="82" spans="1:13">
      <c r="A82" s="40" t="s">
        <v>85</v>
      </c>
      <c r="B82" s="21">
        <v>3</v>
      </c>
      <c r="C82" s="22">
        <v>3</v>
      </c>
      <c r="D82" s="22">
        <v>0</v>
      </c>
      <c r="E82" s="21">
        <v>3</v>
      </c>
      <c r="F82" s="22">
        <v>2</v>
      </c>
      <c r="G82" s="23">
        <v>1</v>
      </c>
      <c r="H82" s="22">
        <v>69</v>
      </c>
      <c r="I82" s="22">
        <v>38</v>
      </c>
      <c r="J82" s="22">
        <v>31</v>
      </c>
      <c r="K82" s="21">
        <v>63</v>
      </c>
      <c r="L82" s="53">
        <v>33</v>
      </c>
      <c r="M82" s="54">
        <v>30</v>
      </c>
    </row>
    <row r="83" spans="1:13" ht="19.5" customHeight="1">
      <c r="A83" s="34" t="s">
        <v>86</v>
      </c>
      <c r="B83" s="17">
        <v>-40</v>
      </c>
      <c r="C83" s="18">
        <v>-26</v>
      </c>
      <c r="D83" s="18">
        <v>-14</v>
      </c>
      <c r="E83" s="17">
        <v>18</v>
      </c>
      <c r="F83" s="18">
        <v>15</v>
      </c>
      <c r="G83" s="19">
        <v>3</v>
      </c>
      <c r="H83" s="18">
        <v>245</v>
      </c>
      <c r="I83" s="18">
        <v>140</v>
      </c>
      <c r="J83" s="18">
        <v>105</v>
      </c>
      <c r="K83" s="17">
        <v>267</v>
      </c>
      <c r="L83" s="51">
        <v>151</v>
      </c>
      <c r="M83" s="52">
        <v>116</v>
      </c>
    </row>
    <row r="84" spans="1:13">
      <c r="A84" s="40" t="s">
        <v>87</v>
      </c>
      <c r="B84" s="21">
        <v>-2</v>
      </c>
      <c r="C84" s="22">
        <v>-1</v>
      </c>
      <c r="D84" s="22">
        <v>-1</v>
      </c>
      <c r="E84" s="21">
        <v>4</v>
      </c>
      <c r="F84" s="22">
        <v>4</v>
      </c>
      <c r="G84" s="23">
        <v>0</v>
      </c>
      <c r="H84" s="22">
        <v>54</v>
      </c>
      <c r="I84" s="22">
        <v>32</v>
      </c>
      <c r="J84" s="22">
        <v>22</v>
      </c>
      <c r="K84" s="21">
        <v>52</v>
      </c>
      <c r="L84" s="53">
        <v>29</v>
      </c>
      <c r="M84" s="54">
        <v>23</v>
      </c>
    </row>
    <row r="85" spans="1:13">
      <c r="A85" s="40" t="s">
        <v>88</v>
      </c>
      <c r="B85" s="21">
        <v>2</v>
      </c>
      <c r="C85" s="22">
        <v>1</v>
      </c>
      <c r="D85" s="22">
        <v>1</v>
      </c>
      <c r="E85" s="21">
        <v>3</v>
      </c>
      <c r="F85" s="22">
        <v>3</v>
      </c>
      <c r="G85" s="23">
        <v>0</v>
      </c>
      <c r="H85" s="22">
        <v>54</v>
      </c>
      <c r="I85" s="22">
        <v>34</v>
      </c>
      <c r="J85" s="22">
        <v>20</v>
      </c>
      <c r="K85" s="21">
        <v>49</v>
      </c>
      <c r="L85" s="53">
        <v>30</v>
      </c>
      <c r="M85" s="54">
        <v>19</v>
      </c>
    </row>
    <row r="86" spans="1:13">
      <c r="A86" s="40" t="s">
        <v>89</v>
      </c>
      <c r="B86" s="21">
        <v>-17</v>
      </c>
      <c r="C86" s="22">
        <v>-11</v>
      </c>
      <c r="D86" s="22">
        <v>-6</v>
      </c>
      <c r="E86" s="21">
        <v>4</v>
      </c>
      <c r="F86" s="22">
        <v>4</v>
      </c>
      <c r="G86" s="23">
        <v>0</v>
      </c>
      <c r="H86" s="22">
        <v>46</v>
      </c>
      <c r="I86" s="22">
        <v>24</v>
      </c>
      <c r="J86" s="22">
        <v>22</v>
      </c>
      <c r="K86" s="21">
        <v>59</v>
      </c>
      <c r="L86" s="53">
        <v>31</v>
      </c>
      <c r="M86" s="54">
        <v>28</v>
      </c>
    </row>
    <row r="87" spans="1:13">
      <c r="A87" s="40" t="s">
        <v>90</v>
      </c>
      <c r="B87" s="21">
        <v>-19</v>
      </c>
      <c r="C87" s="22">
        <v>-8</v>
      </c>
      <c r="D87" s="22">
        <v>-11</v>
      </c>
      <c r="E87" s="21">
        <v>6</v>
      </c>
      <c r="F87" s="22">
        <v>3</v>
      </c>
      <c r="G87" s="23">
        <v>3</v>
      </c>
      <c r="H87" s="22">
        <v>48</v>
      </c>
      <c r="I87" s="22">
        <v>29</v>
      </c>
      <c r="J87" s="22">
        <v>19</v>
      </c>
      <c r="K87" s="21">
        <v>61</v>
      </c>
      <c r="L87" s="53">
        <v>34</v>
      </c>
      <c r="M87" s="54">
        <v>27</v>
      </c>
    </row>
    <row r="88" spans="1:13">
      <c r="A88" s="40" t="s">
        <v>91</v>
      </c>
      <c r="B88" s="21">
        <v>-4</v>
      </c>
      <c r="C88" s="22">
        <v>-7</v>
      </c>
      <c r="D88" s="22">
        <v>3</v>
      </c>
      <c r="E88" s="21">
        <v>1</v>
      </c>
      <c r="F88" s="22">
        <v>1</v>
      </c>
      <c r="G88" s="23">
        <v>0</v>
      </c>
      <c r="H88" s="22">
        <v>43</v>
      </c>
      <c r="I88" s="22">
        <v>21</v>
      </c>
      <c r="J88" s="22">
        <v>22</v>
      </c>
      <c r="K88" s="21">
        <v>46</v>
      </c>
      <c r="L88" s="53">
        <v>27</v>
      </c>
      <c r="M88" s="54">
        <v>19</v>
      </c>
    </row>
    <row r="89" spans="1:13" ht="19.5" customHeight="1">
      <c r="A89" s="34" t="s">
        <v>92</v>
      </c>
      <c r="B89" s="17">
        <v>-65</v>
      </c>
      <c r="C89" s="18">
        <v>-39</v>
      </c>
      <c r="D89" s="18">
        <v>-26</v>
      </c>
      <c r="E89" s="17">
        <v>39</v>
      </c>
      <c r="F89" s="18">
        <v>26</v>
      </c>
      <c r="G89" s="19">
        <v>13</v>
      </c>
      <c r="H89" s="18">
        <v>162</v>
      </c>
      <c r="I89" s="18">
        <v>95</v>
      </c>
      <c r="J89" s="18">
        <v>67</v>
      </c>
      <c r="K89" s="17">
        <v>188</v>
      </c>
      <c r="L89" s="51">
        <v>108</v>
      </c>
      <c r="M89" s="52">
        <v>80</v>
      </c>
    </row>
    <row r="90" spans="1:13">
      <c r="A90" s="40" t="s">
        <v>93</v>
      </c>
      <c r="B90" s="21">
        <v>-5</v>
      </c>
      <c r="C90" s="22">
        <v>-9</v>
      </c>
      <c r="D90" s="22">
        <v>4</v>
      </c>
      <c r="E90" s="21">
        <v>10</v>
      </c>
      <c r="F90" s="22">
        <v>7</v>
      </c>
      <c r="G90" s="23">
        <v>3</v>
      </c>
      <c r="H90" s="22">
        <v>38</v>
      </c>
      <c r="I90" s="22">
        <v>18</v>
      </c>
      <c r="J90" s="22">
        <v>20</v>
      </c>
      <c r="K90" s="21">
        <v>33</v>
      </c>
      <c r="L90" s="53">
        <v>20</v>
      </c>
      <c r="M90" s="54">
        <v>13</v>
      </c>
    </row>
    <row r="91" spans="1:13">
      <c r="A91" s="40" t="s">
        <v>94</v>
      </c>
      <c r="B91" s="21">
        <v>-26</v>
      </c>
      <c r="C91" s="22">
        <v>-15</v>
      </c>
      <c r="D91" s="22">
        <v>-11</v>
      </c>
      <c r="E91" s="21">
        <v>7</v>
      </c>
      <c r="F91" s="22">
        <v>5</v>
      </c>
      <c r="G91" s="23">
        <v>2</v>
      </c>
      <c r="H91" s="22">
        <v>37</v>
      </c>
      <c r="I91" s="22">
        <v>20</v>
      </c>
      <c r="J91" s="22">
        <v>17</v>
      </c>
      <c r="K91" s="21">
        <v>56</v>
      </c>
      <c r="L91" s="53">
        <v>30</v>
      </c>
      <c r="M91" s="54">
        <v>26</v>
      </c>
    </row>
    <row r="92" spans="1:13">
      <c r="A92" s="40" t="s">
        <v>95</v>
      </c>
      <c r="B92" s="21">
        <v>-21</v>
      </c>
      <c r="C92" s="22">
        <v>-10</v>
      </c>
      <c r="D92" s="22">
        <v>-11</v>
      </c>
      <c r="E92" s="21">
        <v>8</v>
      </c>
      <c r="F92" s="22">
        <v>5</v>
      </c>
      <c r="G92" s="23">
        <v>3</v>
      </c>
      <c r="H92" s="22">
        <v>25</v>
      </c>
      <c r="I92" s="22">
        <v>17</v>
      </c>
      <c r="J92" s="22">
        <v>8</v>
      </c>
      <c r="K92" s="21">
        <v>38</v>
      </c>
      <c r="L92" s="53">
        <v>22</v>
      </c>
      <c r="M92" s="54">
        <v>16</v>
      </c>
    </row>
    <row r="93" spans="1:13">
      <c r="A93" s="40" t="s">
        <v>96</v>
      </c>
      <c r="B93" s="21">
        <v>-13</v>
      </c>
      <c r="C93" s="22">
        <v>-9</v>
      </c>
      <c r="D93" s="22">
        <v>-4</v>
      </c>
      <c r="E93" s="21">
        <v>11</v>
      </c>
      <c r="F93" s="22">
        <v>7</v>
      </c>
      <c r="G93" s="23">
        <v>4</v>
      </c>
      <c r="H93" s="22">
        <v>30</v>
      </c>
      <c r="I93" s="22">
        <v>20</v>
      </c>
      <c r="J93" s="22">
        <v>10</v>
      </c>
      <c r="K93" s="21">
        <v>32</v>
      </c>
      <c r="L93" s="53">
        <v>22</v>
      </c>
      <c r="M93" s="54">
        <v>10</v>
      </c>
    </row>
    <row r="94" spans="1:13">
      <c r="A94" s="40" t="s">
        <v>97</v>
      </c>
      <c r="B94" s="21">
        <v>0</v>
      </c>
      <c r="C94" s="22">
        <v>4</v>
      </c>
      <c r="D94" s="22">
        <v>-4</v>
      </c>
      <c r="E94" s="21">
        <v>3</v>
      </c>
      <c r="F94" s="22">
        <v>2</v>
      </c>
      <c r="G94" s="23">
        <v>1</v>
      </c>
      <c r="H94" s="22">
        <v>32</v>
      </c>
      <c r="I94" s="22">
        <v>20</v>
      </c>
      <c r="J94" s="22">
        <v>12</v>
      </c>
      <c r="K94" s="21">
        <v>29</v>
      </c>
      <c r="L94" s="53">
        <v>14</v>
      </c>
      <c r="M94" s="54">
        <v>15</v>
      </c>
    </row>
    <row r="95" spans="1:13" ht="19.5" customHeight="1">
      <c r="A95" s="34" t="s">
        <v>98</v>
      </c>
      <c r="B95" s="17">
        <v>-62</v>
      </c>
      <c r="C95" s="18">
        <v>-40</v>
      </c>
      <c r="D95" s="18">
        <v>-22</v>
      </c>
      <c r="E95" s="17">
        <v>45</v>
      </c>
      <c r="F95" s="18">
        <v>35</v>
      </c>
      <c r="G95" s="19">
        <v>10</v>
      </c>
      <c r="H95" s="18">
        <v>101</v>
      </c>
      <c r="I95" s="18">
        <v>60</v>
      </c>
      <c r="J95" s="18">
        <v>41</v>
      </c>
      <c r="K95" s="17">
        <v>118</v>
      </c>
      <c r="L95" s="51">
        <v>65</v>
      </c>
      <c r="M95" s="52">
        <v>53</v>
      </c>
    </row>
    <row r="96" spans="1:13">
      <c r="A96" s="40" t="s">
        <v>99</v>
      </c>
      <c r="B96" s="21">
        <v>-4</v>
      </c>
      <c r="C96" s="22">
        <v>-5</v>
      </c>
      <c r="D96" s="22">
        <v>1</v>
      </c>
      <c r="E96" s="21">
        <v>4</v>
      </c>
      <c r="F96" s="22">
        <v>3</v>
      </c>
      <c r="G96" s="23">
        <v>1</v>
      </c>
      <c r="H96" s="22">
        <v>23</v>
      </c>
      <c r="I96" s="22">
        <v>14</v>
      </c>
      <c r="J96" s="22">
        <v>9</v>
      </c>
      <c r="K96" s="21">
        <v>23</v>
      </c>
      <c r="L96" s="53">
        <v>16</v>
      </c>
      <c r="M96" s="54">
        <v>7</v>
      </c>
    </row>
    <row r="97" spans="1:13">
      <c r="A97" s="40" t="s">
        <v>100</v>
      </c>
      <c r="B97" s="21">
        <v>-6</v>
      </c>
      <c r="C97" s="22">
        <v>-6</v>
      </c>
      <c r="D97" s="22">
        <v>0</v>
      </c>
      <c r="E97" s="21">
        <v>10</v>
      </c>
      <c r="F97" s="22">
        <v>10</v>
      </c>
      <c r="G97" s="23">
        <v>0</v>
      </c>
      <c r="H97" s="22">
        <v>20</v>
      </c>
      <c r="I97" s="22">
        <v>11</v>
      </c>
      <c r="J97" s="22">
        <v>9</v>
      </c>
      <c r="K97" s="21">
        <v>16</v>
      </c>
      <c r="L97" s="53">
        <v>7</v>
      </c>
      <c r="M97" s="54">
        <v>9</v>
      </c>
    </row>
    <row r="98" spans="1:13">
      <c r="A98" s="40" t="s">
        <v>101</v>
      </c>
      <c r="B98" s="21">
        <v>-18</v>
      </c>
      <c r="C98" s="22">
        <v>-14</v>
      </c>
      <c r="D98" s="22">
        <v>-4</v>
      </c>
      <c r="E98" s="21">
        <v>16</v>
      </c>
      <c r="F98" s="22">
        <v>12</v>
      </c>
      <c r="G98" s="23">
        <v>4</v>
      </c>
      <c r="H98" s="22">
        <v>18</v>
      </c>
      <c r="I98" s="22">
        <v>10</v>
      </c>
      <c r="J98" s="22">
        <v>8</v>
      </c>
      <c r="K98" s="21">
        <v>20</v>
      </c>
      <c r="L98" s="53">
        <v>12</v>
      </c>
      <c r="M98" s="54">
        <v>8</v>
      </c>
    </row>
    <row r="99" spans="1:13">
      <c r="A99" s="40" t="s">
        <v>102</v>
      </c>
      <c r="B99" s="21">
        <v>-17</v>
      </c>
      <c r="C99" s="22">
        <v>-10</v>
      </c>
      <c r="D99" s="22">
        <v>-7</v>
      </c>
      <c r="E99" s="21">
        <v>9</v>
      </c>
      <c r="F99" s="22">
        <v>7</v>
      </c>
      <c r="G99" s="23">
        <v>2</v>
      </c>
      <c r="H99" s="22">
        <v>15</v>
      </c>
      <c r="I99" s="22">
        <v>10</v>
      </c>
      <c r="J99" s="22">
        <v>5</v>
      </c>
      <c r="K99" s="21">
        <v>23</v>
      </c>
      <c r="L99" s="53">
        <v>13</v>
      </c>
      <c r="M99" s="54">
        <v>10</v>
      </c>
    </row>
    <row r="100" spans="1:13">
      <c r="A100" s="40" t="s">
        <v>103</v>
      </c>
      <c r="B100" s="21">
        <v>-17</v>
      </c>
      <c r="C100" s="22">
        <v>-5</v>
      </c>
      <c r="D100" s="22">
        <v>-12</v>
      </c>
      <c r="E100" s="21">
        <v>6</v>
      </c>
      <c r="F100" s="22">
        <v>3</v>
      </c>
      <c r="G100" s="23">
        <v>3</v>
      </c>
      <c r="H100" s="22">
        <v>25</v>
      </c>
      <c r="I100" s="22">
        <v>15</v>
      </c>
      <c r="J100" s="22">
        <v>10</v>
      </c>
      <c r="K100" s="21">
        <v>36</v>
      </c>
      <c r="L100" s="53">
        <v>17</v>
      </c>
      <c r="M100" s="54">
        <v>19</v>
      </c>
    </row>
    <row r="101" spans="1:13" ht="19.5" customHeight="1">
      <c r="A101" s="34" t="s">
        <v>104</v>
      </c>
      <c r="B101" s="17">
        <v>-80</v>
      </c>
      <c r="C101" s="18">
        <v>-65</v>
      </c>
      <c r="D101" s="18">
        <v>-15</v>
      </c>
      <c r="E101" s="17">
        <v>72</v>
      </c>
      <c r="F101" s="18">
        <v>50</v>
      </c>
      <c r="G101" s="19">
        <v>22</v>
      </c>
      <c r="H101" s="18">
        <v>98</v>
      </c>
      <c r="I101" s="18">
        <v>50</v>
      </c>
      <c r="J101" s="18">
        <v>48</v>
      </c>
      <c r="K101" s="17">
        <v>106</v>
      </c>
      <c r="L101" s="51">
        <v>65</v>
      </c>
      <c r="M101" s="52">
        <v>41</v>
      </c>
    </row>
    <row r="102" spans="1:13">
      <c r="A102" s="40" t="s">
        <v>105</v>
      </c>
      <c r="B102" s="21">
        <v>-15</v>
      </c>
      <c r="C102" s="22">
        <v>-16</v>
      </c>
      <c r="D102" s="22">
        <v>1</v>
      </c>
      <c r="E102" s="21">
        <v>14</v>
      </c>
      <c r="F102" s="22">
        <v>11</v>
      </c>
      <c r="G102" s="23">
        <v>3</v>
      </c>
      <c r="H102" s="22">
        <v>28</v>
      </c>
      <c r="I102" s="22">
        <v>13</v>
      </c>
      <c r="J102" s="22">
        <v>15</v>
      </c>
      <c r="K102" s="21">
        <v>29</v>
      </c>
      <c r="L102" s="53">
        <v>18</v>
      </c>
      <c r="M102" s="54">
        <v>11</v>
      </c>
    </row>
    <row r="103" spans="1:13">
      <c r="A103" s="40" t="s">
        <v>106</v>
      </c>
      <c r="B103" s="21">
        <v>-27</v>
      </c>
      <c r="C103" s="22">
        <v>-19</v>
      </c>
      <c r="D103" s="22">
        <v>-8</v>
      </c>
      <c r="E103" s="21">
        <v>19</v>
      </c>
      <c r="F103" s="22">
        <v>14</v>
      </c>
      <c r="G103" s="23">
        <v>5</v>
      </c>
      <c r="H103" s="22">
        <v>21</v>
      </c>
      <c r="I103" s="22">
        <v>9</v>
      </c>
      <c r="J103" s="22">
        <v>12</v>
      </c>
      <c r="K103" s="21">
        <v>29</v>
      </c>
      <c r="L103" s="53">
        <v>14</v>
      </c>
      <c r="M103" s="54">
        <v>15</v>
      </c>
    </row>
    <row r="104" spans="1:13">
      <c r="A104" s="40" t="s">
        <v>107</v>
      </c>
      <c r="B104" s="21">
        <v>-17</v>
      </c>
      <c r="C104" s="22">
        <v>-7</v>
      </c>
      <c r="D104" s="22">
        <v>-10</v>
      </c>
      <c r="E104" s="21">
        <v>17</v>
      </c>
      <c r="F104" s="22">
        <v>9</v>
      </c>
      <c r="G104" s="23">
        <v>8</v>
      </c>
      <c r="H104" s="22">
        <v>24</v>
      </c>
      <c r="I104" s="22">
        <v>17</v>
      </c>
      <c r="J104" s="22">
        <v>7</v>
      </c>
      <c r="K104" s="21">
        <v>24</v>
      </c>
      <c r="L104" s="53">
        <v>15</v>
      </c>
      <c r="M104" s="54">
        <v>9</v>
      </c>
    </row>
    <row r="105" spans="1:13">
      <c r="A105" s="40" t="s">
        <v>108</v>
      </c>
      <c r="B105" s="21">
        <v>-16</v>
      </c>
      <c r="C105" s="22">
        <v>-17</v>
      </c>
      <c r="D105" s="22">
        <v>1</v>
      </c>
      <c r="E105" s="21">
        <v>16</v>
      </c>
      <c r="F105" s="22">
        <v>12</v>
      </c>
      <c r="G105" s="23">
        <v>4</v>
      </c>
      <c r="H105" s="22">
        <v>9</v>
      </c>
      <c r="I105" s="22">
        <v>3</v>
      </c>
      <c r="J105" s="22">
        <v>6</v>
      </c>
      <c r="K105" s="21">
        <v>9</v>
      </c>
      <c r="L105" s="53">
        <v>8</v>
      </c>
      <c r="M105" s="54">
        <v>1</v>
      </c>
    </row>
    <row r="106" spans="1:13">
      <c r="A106" s="40" t="s">
        <v>109</v>
      </c>
      <c r="B106" s="21">
        <v>-5</v>
      </c>
      <c r="C106" s="22">
        <v>-6</v>
      </c>
      <c r="D106" s="22">
        <v>1</v>
      </c>
      <c r="E106" s="21">
        <v>6</v>
      </c>
      <c r="F106" s="22">
        <v>4</v>
      </c>
      <c r="G106" s="23">
        <v>2</v>
      </c>
      <c r="H106" s="22">
        <v>16</v>
      </c>
      <c r="I106" s="22">
        <v>8</v>
      </c>
      <c r="J106" s="22">
        <v>8</v>
      </c>
      <c r="K106" s="21">
        <v>15</v>
      </c>
      <c r="L106" s="53">
        <v>10</v>
      </c>
      <c r="M106" s="54">
        <v>5</v>
      </c>
    </row>
    <row r="107" spans="1:13" ht="19.5" customHeight="1">
      <c r="A107" s="34" t="s">
        <v>110</v>
      </c>
      <c r="B107" s="17">
        <v>-126</v>
      </c>
      <c r="C107" s="18">
        <v>-77</v>
      </c>
      <c r="D107" s="18">
        <v>-49</v>
      </c>
      <c r="E107" s="17">
        <v>112</v>
      </c>
      <c r="F107" s="18">
        <v>73</v>
      </c>
      <c r="G107" s="19">
        <v>39</v>
      </c>
      <c r="H107" s="18">
        <v>52</v>
      </c>
      <c r="I107" s="18">
        <v>19</v>
      </c>
      <c r="J107" s="18">
        <v>33</v>
      </c>
      <c r="K107" s="17">
        <v>66</v>
      </c>
      <c r="L107" s="51">
        <v>23</v>
      </c>
      <c r="M107" s="52">
        <v>43</v>
      </c>
    </row>
    <row r="108" spans="1:13">
      <c r="A108" s="40" t="s">
        <v>111</v>
      </c>
      <c r="B108" s="21">
        <v>-22</v>
      </c>
      <c r="C108" s="22">
        <v>-14</v>
      </c>
      <c r="D108" s="22">
        <v>-8</v>
      </c>
      <c r="E108" s="21">
        <v>20</v>
      </c>
      <c r="F108" s="22">
        <v>10</v>
      </c>
      <c r="G108" s="23">
        <v>10</v>
      </c>
      <c r="H108" s="22">
        <v>12</v>
      </c>
      <c r="I108" s="22">
        <v>3</v>
      </c>
      <c r="J108" s="22">
        <v>9</v>
      </c>
      <c r="K108" s="21">
        <v>14</v>
      </c>
      <c r="L108" s="53">
        <v>7</v>
      </c>
      <c r="M108" s="54">
        <v>7</v>
      </c>
    </row>
    <row r="109" spans="1:13">
      <c r="A109" s="40" t="s">
        <v>112</v>
      </c>
      <c r="B109" s="21">
        <v>-26</v>
      </c>
      <c r="C109" s="22">
        <v>-19</v>
      </c>
      <c r="D109" s="22">
        <v>-7</v>
      </c>
      <c r="E109" s="21">
        <v>25</v>
      </c>
      <c r="F109" s="22">
        <v>19</v>
      </c>
      <c r="G109" s="23">
        <v>6</v>
      </c>
      <c r="H109" s="22">
        <v>9</v>
      </c>
      <c r="I109" s="22">
        <v>4</v>
      </c>
      <c r="J109" s="22">
        <v>5</v>
      </c>
      <c r="K109" s="21">
        <v>10</v>
      </c>
      <c r="L109" s="53">
        <v>4</v>
      </c>
      <c r="M109" s="54">
        <v>6</v>
      </c>
    </row>
    <row r="110" spans="1:13">
      <c r="A110" s="40" t="s">
        <v>113</v>
      </c>
      <c r="B110" s="21">
        <v>-27</v>
      </c>
      <c r="C110" s="22">
        <v>-13</v>
      </c>
      <c r="D110" s="22">
        <v>-14</v>
      </c>
      <c r="E110" s="21">
        <v>29</v>
      </c>
      <c r="F110" s="22">
        <v>19</v>
      </c>
      <c r="G110" s="23">
        <v>10</v>
      </c>
      <c r="H110" s="22">
        <v>12</v>
      </c>
      <c r="I110" s="22">
        <v>6</v>
      </c>
      <c r="J110" s="22">
        <v>6</v>
      </c>
      <c r="K110" s="21">
        <v>10</v>
      </c>
      <c r="L110" s="53">
        <v>0</v>
      </c>
      <c r="M110" s="54">
        <v>10</v>
      </c>
    </row>
    <row r="111" spans="1:13">
      <c r="A111" s="40" t="s">
        <v>114</v>
      </c>
      <c r="B111" s="21">
        <v>-28</v>
      </c>
      <c r="C111" s="22">
        <v>-18</v>
      </c>
      <c r="D111" s="22">
        <v>-10</v>
      </c>
      <c r="E111" s="21">
        <v>19</v>
      </c>
      <c r="F111" s="22">
        <v>13</v>
      </c>
      <c r="G111" s="23">
        <v>6</v>
      </c>
      <c r="H111" s="22">
        <v>8</v>
      </c>
      <c r="I111" s="22">
        <v>3</v>
      </c>
      <c r="J111" s="22">
        <v>5</v>
      </c>
      <c r="K111" s="21">
        <v>17</v>
      </c>
      <c r="L111" s="53">
        <v>8</v>
      </c>
      <c r="M111" s="54">
        <v>9</v>
      </c>
    </row>
    <row r="112" spans="1:13">
      <c r="A112" s="40" t="s">
        <v>115</v>
      </c>
      <c r="B112" s="21">
        <v>-23</v>
      </c>
      <c r="C112" s="22">
        <v>-13</v>
      </c>
      <c r="D112" s="22">
        <v>-10</v>
      </c>
      <c r="E112" s="21">
        <v>19</v>
      </c>
      <c r="F112" s="22">
        <v>12</v>
      </c>
      <c r="G112" s="23">
        <v>7</v>
      </c>
      <c r="H112" s="22">
        <v>11</v>
      </c>
      <c r="I112" s="22">
        <v>3</v>
      </c>
      <c r="J112" s="22">
        <v>8</v>
      </c>
      <c r="K112" s="21">
        <v>15</v>
      </c>
      <c r="L112" s="53">
        <v>4</v>
      </c>
      <c r="M112" s="54">
        <v>11</v>
      </c>
    </row>
    <row r="113" spans="1:13" ht="19.5" customHeight="1">
      <c r="A113" s="34" t="s">
        <v>116</v>
      </c>
      <c r="B113" s="17">
        <v>-119</v>
      </c>
      <c r="C113" s="18">
        <v>-72</v>
      </c>
      <c r="D113" s="18">
        <v>-47</v>
      </c>
      <c r="E113" s="17">
        <v>124</v>
      </c>
      <c r="F113" s="18">
        <v>64</v>
      </c>
      <c r="G113" s="19">
        <v>60</v>
      </c>
      <c r="H113" s="18">
        <v>57</v>
      </c>
      <c r="I113" s="18">
        <v>19</v>
      </c>
      <c r="J113" s="18">
        <v>38</v>
      </c>
      <c r="K113" s="17">
        <v>52</v>
      </c>
      <c r="L113" s="51">
        <v>27</v>
      </c>
      <c r="M113" s="52">
        <v>25</v>
      </c>
    </row>
    <row r="114" spans="1:13">
      <c r="A114" s="40" t="s">
        <v>117</v>
      </c>
      <c r="B114" s="21">
        <v>-18</v>
      </c>
      <c r="C114" s="22">
        <v>-13</v>
      </c>
      <c r="D114" s="22">
        <v>-5</v>
      </c>
      <c r="E114" s="21">
        <v>15</v>
      </c>
      <c r="F114" s="22">
        <v>10</v>
      </c>
      <c r="G114" s="23">
        <v>5</v>
      </c>
      <c r="H114" s="22">
        <v>9</v>
      </c>
      <c r="I114" s="22">
        <v>3</v>
      </c>
      <c r="J114" s="22">
        <v>6</v>
      </c>
      <c r="K114" s="21">
        <v>12</v>
      </c>
      <c r="L114" s="53">
        <v>6</v>
      </c>
      <c r="M114" s="54">
        <v>6</v>
      </c>
    </row>
    <row r="115" spans="1:13">
      <c r="A115" s="40" t="s">
        <v>118</v>
      </c>
      <c r="B115" s="21">
        <v>-18</v>
      </c>
      <c r="C115" s="22">
        <v>-15</v>
      </c>
      <c r="D115" s="22">
        <v>-3</v>
      </c>
      <c r="E115" s="21">
        <v>20</v>
      </c>
      <c r="F115" s="22">
        <v>14</v>
      </c>
      <c r="G115" s="23">
        <v>6</v>
      </c>
      <c r="H115" s="22">
        <v>12</v>
      </c>
      <c r="I115" s="22">
        <v>6</v>
      </c>
      <c r="J115" s="22">
        <v>6</v>
      </c>
      <c r="K115" s="21">
        <v>10</v>
      </c>
      <c r="L115" s="53">
        <v>7</v>
      </c>
      <c r="M115" s="54">
        <v>3</v>
      </c>
    </row>
    <row r="116" spans="1:13">
      <c r="A116" s="40" t="s">
        <v>119</v>
      </c>
      <c r="B116" s="21">
        <v>-28</v>
      </c>
      <c r="C116" s="22">
        <v>-14</v>
      </c>
      <c r="D116" s="22">
        <v>-14</v>
      </c>
      <c r="E116" s="21">
        <v>30</v>
      </c>
      <c r="F116" s="22">
        <v>13</v>
      </c>
      <c r="G116" s="23">
        <v>17</v>
      </c>
      <c r="H116" s="22">
        <v>13</v>
      </c>
      <c r="I116" s="22">
        <v>4</v>
      </c>
      <c r="J116" s="22">
        <v>9</v>
      </c>
      <c r="K116" s="21">
        <v>11</v>
      </c>
      <c r="L116" s="53">
        <v>5</v>
      </c>
      <c r="M116" s="54">
        <v>6</v>
      </c>
    </row>
    <row r="117" spans="1:13">
      <c r="A117" s="40" t="s">
        <v>120</v>
      </c>
      <c r="B117" s="21">
        <v>-21</v>
      </c>
      <c r="C117" s="22">
        <v>-13</v>
      </c>
      <c r="D117" s="22">
        <v>-8</v>
      </c>
      <c r="E117" s="21">
        <v>29</v>
      </c>
      <c r="F117" s="22">
        <v>16</v>
      </c>
      <c r="G117" s="23">
        <v>13</v>
      </c>
      <c r="H117" s="22">
        <v>13</v>
      </c>
      <c r="I117" s="22">
        <v>4</v>
      </c>
      <c r="J117" s="22">
        <v>9</v>
      </c>
      <c r="K117" s="21">
        <v>5</v>
      </c>
      <c r="L117" s="53">
        <v>1</v>
      </c>
      <c r="M117" s="54">
        <v>4</v>
      </c>
    </row>
    <row r="118" spans="1:13">
      <c r="A118" s="40" t="s">
        <v>121</v>
      </c>
      <c r="B118" s="21">
        <v>-34</v>
      </c>
      <c r="C118" s="22">
        <v>-17</v>
      </c>
      <c r="D118" s="22">
        <v>-17</v>
      </c>
      <c r="E118" s="21">
        <v>30</v>
      </c>
      <c r="F118" s="22">
        <v>11</v>
      </c>
      <c r="G118" s="23">
        <v>19</v>
      </c>
      <c r="H118" s="22">
        <v>10</v>
      </c>
      <c r="I118" s="22">
        <v>2</v>
      </c>
      <c r="J118" s="22">
        <v>8</v>
      </c>
      <c r="K118" s="21">
        <v>14</v>
      </c>
      <c r="L118" s="53">
        <v>8</v>
      </c>
      <c r="M118" s="54">
        <v>6</v>
      </c>
    </row>
    <row r="119" spans="1:13" ht="19.5" customHeight="1">
      <c r="A119" s="34" t="s">
        <v>122</v>
      </c>
      <c r="B119" s="17">
        <v>-175</v>
      </c>
      <c r="C119" s="18">
        <v>-90</v>
      </c>
      <c r="D119" s="18">
        <v>-85</v>
      </c>
      <c r="E119" s="17">
        <v>182</v>
      </c>
      <c r="F119" s="18">
        <v>87</v>
      </c>
      <c r="G119" s="19">
        <v>95</v>
      </c>
      <c r="H119" s="18">
        <v>54</v>
      </c>
      <c r="I119" s="18">
        <v>15</v>
      </c>
      <c r="J119" s="18">
        <v>39</v>
      </c>
      <c r="K119" s="17">
        <v>47</v>
      </c>
      <c r="L119" s="51">
        <v>18</v>
      </c>
      <c r="M119" s="52">
        <v>29</v>
      </c>
    </row>
    <row r="120" spans="1:13">
      <c r="A120" s="40" t="s">
        <v>123</v>
      </c>
      <c r="B120" s="21">
        <v>-36</v>
      </c>
      <c r="C120" s="22">
        <v>-18</v>
      </c>
      <c r="D120" s="22">
        <v>-18</v>
      </c>
      <c r="E120" s="21">
        <v>32</v>
      </c>
      <c r="F120" s="22">
        <v>14</v>
      </c>
      <c r="G120" s="23">
        <v>18</v>
      </c>
      <c r="H120" s="22">
        <v>9</v>
      </c>
      <c r="I120" s="22">
        <v>1</v>
      </c>
      <c r="J120" s="22">
        <v>8</v>
      </c>
      <c r="K120" s="21">
        <v>13</v>
      </c>
      <c r="L120" s="53">
        <v>5</v>
      </c>
      <c r="M120" s="54">
        <v>8</v>
      </c>
    </row>
    <row r="121" spans="1:13">
      <c r="A121" s="40" t="s">
        <v>124</v>
      </c>
      <c r="B121" s="21">
        <v>-32</v>
      </c>
      <c r="C121" s="22">
        <v>-16</v>
      </c>
      <c r="D121" s="22">
        <v>-16</v>
      </c>
      <c r="E121" s="21">
        <v>34</v>
      </c>
      <c r="F121" s="22">
        <v>15</v>
      </c>
      <c r="G121" s="23">
        <v>19</v>
      </c>
      <c r="H121" s="22">
        <v>12</v>
      </c>
      <c r="I121" s="22">
        <v>4</v>
      </c>
      <c r="J121" s="22">
        <v>8</v>
      </c>
      <c r="K121" s="21">
        <v>10</v>
      </c>
      <c r="L121" s="53">
        <v>5</v>
      </c>
      <c r="M121" s="54">
        <v>5</v>
      </c>
    </row>
    <row r="122" spans="1:13">
      <c r="A122" s="40" t="s">
        <v>125</v>
      </c>
      <c r="B122" s="21">
        <v>-34</v>
      </c>
      <c r="C122" s="22">
        <v>-20</v>
      </c>
      <c r="D122" s="22">
        <v>-14</v>
      </c>
      <c r="E122" s="21">
        <v>44</v>
      </c>
      <c r="F122" s="22">
        <v>24</v>
      </c>
      <c r="G122" s="23">
        <v>20</v>
      </c>
      <c r="H122" s="22">
        <v>17</v>
      </c>
      <c r="I122" s="22">
        <v>6</v>
      </c>
      <c r="J122" s="22">
        <v>11</v>
      </c>
      <c r="K122" s="21">
        <v>7</v>
      </c>
      <c r="L122" s="53">
        <v>2</v>
      </c>
      <c r="M122" s="54">
        <v>5</v>
      </c>
    </row>
    <row r="123" spans="1:13">
      <c r="A123" s="40" t="s">
        <v>126</v>
      </c>
      <c r="B123" s="21">
        <v>-32</v>
      </c>
      <c r="C123" s="22">
        <v>-15</v>
      </c>
      <c r="D123" s="22">
        <v>-17</v>
      </c>
      <c r="E123" s="21">
        <v>33</v>
      </c>
      <c r="F123" s="22">
        <v>16</v>
      </c>
      <c r="G123" s="23">
        <v>17</v>
      </c>
      <c r="H123" s="22">
        <v>11</v>
      </c>
      <c r="I123" s="22">
        <v>3</v>
      </c>
      <c r="J123" s="22">
        <v>8</v>
      </c>
      <c r="K123" s="21">
        <v>10</v>
      </c>
      <c r="L123" s="53">
        <v>2</v>
      </c>
      <c r="M123" s="54">
        <v>8</v>
      </c>
    </row>
    <row r="124" spans="1:13">
      <c r="A124" s="40" t="s">
        <v>127</v>
      </c>
      <c r="B124" s="21">
        <v>-41</v>
      </c>
      <c r="C124" s="22">
        <v>-21</v>
      </c>
      <c r="D124" s="22">
        <v>-20</v>
      </c>
      <c r="E124" s="21">
        <v>39</v>
      </c>
      <c r="F124" s="22">
        <v>18</v>
      </c>
      <c r="G124" s="23">
        <v>21</v>
      </c>
      <c r="H124" s="22">
        <v>5</v>
      </c>
      <c r="I124" s="22">
        <v>1</v>
      </c>
      <c r="J124" s="22">
        <v>4</v>
      </c>
      <c r="K124" s="21">
        <v>7</v>
      </c>
      <c r="L124" s="53">
        <v>4</v>
      </c>
      <c r="M124" s="54">
        <v>3</v>
      </c>
    </row>
    <row r="125" spans="1:13" ht="19.5" customHeight="1">
      <c r="A125" s="34" t="s">
        <v>128</v>
      </c>
      <c r="B125" s="17">
        <v>-156</v>
      </c>
      <c r="C125" s="18">
        <v>-54</v>
      </c>
      <c r="D125" s="18">
        <v>-102</v>
      </c>
      <c r="E125" s="17">
        <v>158</v>
      </c>
      <c r="F125" s="18">
        <v>56</v>
      </c>
      <c r="G125" s="19">
        <v>102</v>
      </c>
      <c r="H125" s="18">
        <v>30</v>
      </c>
      <c r="I125" s="18">
        <v>12</v>
      </c>
      <c r="J125" s="18">
        <v>18</v>
      </c>
      <c r="K125" s="17">
        <v>28</v>
      </c>
      <c r="L125" s="51">
        <v>10</v>
      </c>
      <c r="M125" s="52">
        <v>18</v>
      </c>
    </row>
    <row r="126" spans="1:13">
      <c r="A126" s="40" t="s">
        <v>129</v>
      </c>
      <c r="B126" s="21">
        <v>-39</v>
      </c>
      <c r="C126" s="22">
        <v>-14</v>
      </c>
      <c r="D126" s="22">
        <v>-25</v>
      </c>
      <c r="E126" s="21">
        <v>41</v>
      </c>
      <c r="F126" s="22">
        <v>16</v>
      </c>
      <c r="G126" s="23">
        <v>25</v>
      </c>
      <c r="H126" s="22">
        <v>7</v>
      </c>
      <c r="I126" s="22">
        <v>3</v>
      </c>
      <c r="J126" s="22">
        <v>4</v>
      </c>
      <c r="K126" s="21">
        <v>5</v>
      </c>
      <c r="L126" s="53">
        <v>1</v>
      </c>
      <c r="M126" s="54">
        <v>4</v>
      </c>
    </row>
    <row r="127" spans="1:13">
      <c r="A127" s="40" t="s">
        <v>130</v>
      </c>
      <c r="B127" s="21">
        <v>-33</v>
      </c>
      <c r="C127" s="22">
        <v>-15</v>
      </c>
      <c r="D127" s="22">
        <v>-18</v>
      </c>
      <c r="E127" s="21">
        <v>33</v>
      </c>
      <c r="F127" s="22">
        <v>16</v>
      </c>
      <c r="G127" s="23">
        <v>17</v>
      </c>
      <c r="H127" s="22">
        <v>9</v>
      </c>
      <c r="I127" s="22">
        <v>4</v>
      </c>
      <c r="J127" s="22">
        <v>5</v>
      </c>
      <c r="K127" s="21">
        <v>9</v>
      </c>
      <c r="L127" s="53">
        <v>3</v>
      </c>
      <c r="M127" s="54">
        <v>6</v>
      </c>
    </row>
    <row r="128" spans="1:13">
      <c r="A128" s="40" t="s">
        <v>131</v>
      </c>
      <c r="B128" s="21">
        <v>-28</v>
      </c>
      <c r="C128" s="22">
        <v>-11</v>
      </c>
      <c r="D128" s="22">
        <v>-17</v>
      </c>
      <c r="E128" s="21">
        <v>29</v>
      </c>
      <c r="F128" s="22">
        <v>10</v>
      </c>
      <c r="G128" s="23">
        <v>19</v>
      </c>
      <c r="H128" s="22">
        <v>3</v>
      </c>
      <c r="I128" s="22">
        <v>1</v>
      </c>
      <c r="J128" s="22">
        <v>2</v>
      </c>
      <c r="K128" s="21">
        <v>2</v>
      </c>
      <c r="L128" s="53">
        <v>2</v>
      </c>
      <c r="M128" s="54">
        <v>0</v>
      </c>
    </row>
    <row r="129" spans="1:13">
      <c r="A129" s="40" t="s">
        <v>132</v>
      </c>
      <c r="B129" s="21">
        <v>-29</v>
      </c>
      <c r="C129" s="22">
        <v>-7</v>
      </c>
      <c r="D129" s="22">
        <v>-22</v>
      </c>
      <c r="E129" s="21">
        <v>26</v>
      </c>
      <c r="F129" s="22">
        <v>6</v>
      </c>
      <c r="G129" s="23">
        <v>20</v>
      </c>
      <c r="H129" s="22">
        <v>5</v>
      </c>
      <c r="I129" s="22">
        <v>1</v>
      </c>
      <c r="J129" s="22">
        <v>4</v>
      </c>
      <c r="K129" s="21">
        <v>8</v>
      </c>
      <c r="L129" s="53">
        <v>2</v>
      </c>
      <c r="M129" s="54">
        <v>6</v>
      </c>
    </row>
    <row r="130" spans="1:13">
      <c r="A130" s="40" t="s">
        <v>133</v>
      </c>
      <c r="B130" s="21">
        <v>-27</v>
      </c>
      <c r="C130" s="22">
        <v>-7</v>
      </c>
      <c r="D130" s="22">
        <v>-20</v>
      </c>
      <c r="E130" s="21">
        <v>29</v>
      </c>
      <c r="F130" s="22">
        <v>8</v>
      </c>
      <c r="G130" s="23">
        <v>21</v>
      </c>
      <c r="H130" s="22">
        <v>6</v>
      </c>
      <c r="I130" s="22">
        <v>3</v>
      </c>
      <c r="J130" s="22">
        <v>3</v>
      </c>
      <c r="K130" s="21">
        <v>4</v>
      </c>
      <c r="L130" s="53">
        <v>2</v>
      </c>
      <c r="M130" s="54">
        <v>2</v>
      </c>
    </row>
    <row r="131" spans="1:13" ht="19.5" customHeight="1">
      <c r="A131" s="34" t="s">
        <v>134</v>
      </c>
      <c r="B131" s="17">
        <v>-78</v>
      </c>
      <c r="C131" s="18">
        <v>-20</v>
      </c>
      <c r="D131" s="18">
        <v>-58</v>
      </c>
      <c r="E131" s="17">
        <v>81</v>
      </c>
      <c r="F131" s="18">
        <v>21</v>
      </c>
      <c r="G131" s="19">
        <v>60</v>
      </c>
      <c r="H131" s="18">
        <v>10</v>
      </c>
      <c r="I131" s="18">
        <v>2</v>
      </c>
      <c r="J131" s="18">
        <v>8</v>
      </c>
      <c r="K131" s="17">
        <v>7</v>
      </c>
      <c r="L131" s="51">
        <v>1</v>
      </c>
      <c r="M131" s="52">
        <v>6</v>
      </c>
    </row>
    <row r="132" spans="1:13">
      <c r="A132" s="40" t="s">
        <v>135</v>
      </c>
      <c r="B132" s="21">
        <v>-25</v>
      </c>
      <c r="C132" s="22">
        <v>-9</v>
      </c>
      <c r="D132" s="22">
        <v>-16</v>
      </c>
      <c r="E132" s="21">
        <v>27</v>
      </c>
      <c r="F132" s="22">
        <v>9</v>
      </c>
      <c r="G132" s="23">
        <v>18</v>
      </c>
      <c r="H132" s="22">
        <v>4</v>
      </c>
      <c r="I132" s="22">
        <v>1</v>
      </c>
      <c r="J132" s="22">
        <v>3</v>
      </c>
      <c r="K132" s="21">
        <v>2</v>
      </c>
      <c r="L132" s="53">
        <v>1</v>
      </c>
      <c r="M132" s="54">
        <v>1</v>
      </c>
    </row>
    <row r="133" spans="1:13">
      <c r="A133" s="40" t="s">
        <v>136</v>
      </c>
      <c r="B133" s="21">
        <v>-16</v>
      </c>
      <c r="C133" s="22">
        <v>-2</v>
      </c>
      <c r="D133" s="22">
        <v>-14</v>
      </c>
      <c r="E133" s="21">
        <v>17</v>
      </c>
      <c r="F133" s="22">
        <v>3</v>
      </c>
      <c r="G133" s="23">
        <v>14</v>
      </c>
      <c r="H133" s="22">
        <v>2</v>
      </c>
      <c r="I133" s="22">
        <v>1</v>
      </c>
      <c r="J133" s="22">
        <v>1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20</v>
      </c>
      <c r="C134" s="22">
        <v>-5</v>
      </c>
      <c r="D134" s="22">
        <v>-15</v>
      </c>
      <c r="E134" s="21">
        <v>20</v>
      </c>
      <c r="F134" s="22">
        <v>5</v>
      </c>
      <c r="G134" s="23">
        <v>15</v>
      </c>
      <c r="H134" s="22">
        <v>1</v>
      </c>
      <c r="I134" s="22">
        <v>0</v>
      </c>
      <c r="J134" s="22">
        <v>1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15</v>
      </c>
      <c r="C135" s="22">
        <v>-4</v>
      </c>
      <c r="D135" s="22">
        <v>-11</v>
      </c>
      <c r="E135" s="21">
        <v>14</v>
      </c>
      <c r="F135" s="22">
        <v>4</v>
      </c>
      <c r="G135" s="23">
        <v>10</v>
      </c>
      <c r="H135" s="22">
        <v>1</v>
      </c>
      <c r="I135" s="22">
        <v>0</v>
      </c>
      <c r="J135" s="22">
        <v>1</v>
      </c>
      <c r="K135" s="21">
        <v>2</v>
      </c>
      <c r="L135" s="53">
        <v>0</v>
      </c>
      <c r="M135" s="54">
        <v>2</v>
      </c>
    </row>
    <row r="136" spans="1:13">
      <c r="A136" s="40" t="s">
        <v>139</v>
      </c>
      <c r="B136" s="21">
        <v>-2</v>
      </c>
      <c r="C136" s="22">
        <v>0</v>
      </c>
      <c r="D136" s="22">
        <v>-2</v>
      </c>
      <c r="E136" s="21">
        <v>3</v>
      </c>
      <c r="F136" s="22">
        <v>0</v>
      </c>
      <c r="G136" s="23">
        <v>3</v>
      </c>
      <c r="H136" s="22">
        <v>2</v>
      </c>
      <c r="I136" s="22">
        <v>0</v>
      </c>
      <c r="J136" s="22">
        <v>2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14</v>
      </c>
      <c r="C137" s="43">
        <v>-1</v>
      </c>
      <c r="D137" s="43">
        <v>-13</v>
      </c>
      <c r="E137" s="42">
        <v>14</v>
      </c>
      <c r="F137" s="43">
        <v>1</v>
      </c>
      <c r="G137" s="44">
        <v>13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3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9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67</v>
      </c>
      <c r="C5" s="14">
        <v>-124</v>
      </c>
      <c r="D5" s="14">
        <v>57</v>
      </c>
      <c r="E5" s="13">
        <v>2180</v>
      </c>
      <c r="F5" s="14">
        <v>1141</v>
      </c>
      <c r="G5" s="15">
        <v>1039</v>
      </c>
      <c r="H5" s="14">
        <v>9064</v>
      </c>
      <c r="I5" s="14">
        <v>4612</v>
      </c>
      <c r="J5" s="14">
        <v>4452</v>
      </c>
      <c r="K5" s="13">
        <v>8545</v>
      </c>
      <c r="L5" s="49">
        <v>4448</v>
      </c>
      <c r="M5" s="50">
        <v>4097</v>
      </c>
    </row>
    <row r="6" spans="1:13" ht="19.5" customHeight="1">
      <c r="A6" s="16" t="s">
        <v>13</v>
      </c>
      <c r="B6" s="17">
        <v>1716</v>
      </c>
      <c r="C6" s="18">
        <v>907</v>
      </c>
      <c r="D6" s="18">
        <v>809</v>
      </c>
      <c r="E6" s="17">
        <v>6</v>
      </c>
      <c r="F6" s="18">
        <v>2</v>
      </c>
      <c r="G6" s="19">
        <v>4</v>
      </c>
      <c r="H6" s="18">
        <v>605</v>
      </c>
      <c r="I6" s="18">
        <v>302</v>
      </c>
      <c r="J6" s="18">
        <v>303</v>
      </c>
      <c r="K6" s="17">
        <v>477</v>
      </c>
      <c r="L6" s="51">
        <v>246</v>
      </c>
      <c r="M6" s="52">
        <v>231</v>
      </c>
    </row>
    <row r="7" spans="1:13">
      <c r="A7" s="20" t="s">
        <v>14</v>
      </c>
      <c r="B7" s="21">
        <v>1617</v>
      </c>
      <c r="C7" s="22">
        <v>866</v>
      </c>
      <c r="D7" s="22">
        <v>751</v>
      </c>
      <c r="E7" s="21">
        <v>2</v>
      </c>
      <c r="F7" s="22">
        <v>1</v>
      </c>
      <c r="G7" s="23">
        <v>1</v>
      </c>
      <c r="H7" s="22">
        <v>93</v>
      </c>
      <c r="I7" s="22">
        <v>47</v>
      </c>
      <c r="J7" s="22">
        <v>46</v>
      </c>
      <c r="K7" s="21">
        <v>68</v>
      </c>
      <c r="L7" s="53">
        <v>33</v>
      </c>
      <c r="M7" s="54">
        <v>35</v>
      </c>
    </row>
    <row r="8" spans="1:13">
      <c r="A8" s="20" t="s">
        <v>15</v>
      </c>
      <c r="B8" s="21">
        <v>47</v>
      </c>
      <c r="C8" s="22">
        <v>20</v>
      </c>
      <c r="D8" s="22">
        <v>27</v>
      </c>
      <c r="E8" s="21">
        <v>1</v>
      </c>
      <c r="F8" s="22">
        <v>1</v>
      </c>
      <c r="G8" s="23">
        <v>0</v>
      </c>
      <c r="H8" s="22">
        <v>187</v>
      </c>
      <c r="I8" s="22">
        <v>92</v>
      </c>
      <c r="J8" s="22">
        <v>95</v>
      </c>
      <c r="K8" s="21">
        <v>139</v>
      </c>
      <c r="L8" s="53">
        <v>71</v>
      </c>
      <c r="M8" s="54">
        <v>68</v>
      </c>
    </row>
    <row r="9" spans="1:13">
      <c r="A9" s="20" t="s">
        <v>16</v>
      </c>
      <c r="B9" s="21">
        <v>21</v>
      </c>
      <c r="C9" s="22">
        <v>11</v>
      </c>
      <c r="D9" s="22">
        <v>10</v>
      </c>
      <c r="E9" s="21">
        <v>3</v>
      </c>
      <c r="F9" s="22">
        <v>0</v>
      </c>
      <c r="G9" s="23">
        <v>3</v>
      </c>
      <c r="H9" s="22">
        <v>116</v>
      </c>
      <c r="I9" s="22">
        <v>62</v>
      </c>
      <c r="J9" s="22">
        <v>54</v>
      </c>
      <c r="K9" s="21">
        <v>92</v>
      </c>
      <c r="L9" s="53">
        <v>51</v>
      </c>
      <c r="M9" s="54">
        <v>41</v>
      </c>
    </row>
    <row r="10" spans="1:13">
      <c r="A10" s="20" t="s">
        <v>17</v>
      </c>
      <c r="B10" s="21">
        <v>13</v>
      </c>
      <c r="C10" s="22">
        <v>14</v>
      </c>
      <c r="D10" s="22">
        <v>-1</v>
      </c>
      <c r="E10" s="21">
        <v>0</v>
      </c>
      <c r="F10" s="22">
        <v>0</v>
      </c>
      <c r="G10" s="23">
        <v>0</v>
      </c>
      <c r="H10" s="22">
        <v>112</v>
      </c>
      <c r="I10" s="22">
        <v>57</v>
      </c>
      <c r="J10" s="22">
        <v>55</v>
      </c>
      <c r="K10" s="21">
        <v>99</v>
      </c>
      <c r="L10" s="53">
        <v>43</v>
      </c>
      <c r="M10" s="54">
        <v>56</v>
      </c>
    </row>
    <row r="11" spans="1:13">
      <c r="A11" s="20" t="s">
        <v>18</v>
      </c>
      <c r="B11" s="21">
        <v>18</v>
      </c>
      <c r="C11" s="22">
        <v>-4</v>
      </c>
      <c r="D11" s="22">
        <v>22</v>
      </c>
      <c r="E11" s="21">
        <v>0</v>
      </c>
      <c r="F11" s="22">
        <v>0</v>
      </c>
      <c r="G11" s="23">
        <v>0</v>
      </c>
      <c r="H11" s="22">
        <v>97</v>
      </c>
      <c r="I11" s="22">
        <v>44</v>
      </c>
      <c r="J11" s="22">
        <v>53</v>
      </c>
      <c r="K11" s="21">
        <v>79</v>
      </c>
      <c r="L11" s="53">
        <v>48</v>
      </c>
      <c r="M11" s="54">
        <v>31</v>
      </c>
    </row>
    <row r="12" spans="1:13" ht="20.100000000000001" customHeight="1">
      <c r="A12" s="16" t="s">
        <v>19</v>
      </c>
      <c r="B12" s="17">
        <v>57</v>
      </c>
      <c r="C12" s="18">
        <v>24</v>
      </c>
      <c r="D12" s="18">
        <v>33</v>
      </c>
      <c r="E12" s="17">
        <v>1</v>
      </c>
      <c r="F12" s="18">
        <v>1</v>
      </c>
      <c r="G12" s="19">
        <v>0</v>
      </c>
      <c r="H12" s="18">
        <v>299</v>
      </c>
      <c r="I12" s="18">
        <v>140</v>
      </c>
      <c r="J12" s="18">
        <v>159</v>
      </c>
      <c r="K12" s="17">
        <v>241</v>
      </c>
      <c r="L12" s="51">
        <v>115</v>
      </c>
      <c r="M12" s="52">
        <v>126</v>
      </c>
    </row>
    <row r="13" spans="1:13">
      <c r="A13" s="20" t="s">
        <v>20</v>
      </c>
      <c r="B13" s="21">
        <v>19</v>
      </c>
      <c r="C13" s="22">
        <v>0</v>
      </c>
      <c r="D13" s="22">
        <v>19</v>
      </c>
      <c r="E13" s="21">
        <v>0</v>
      </c>
      <c r="F13" s="22">
        <v>0</v>
      </c>
      <c r="G13" s="23">
        <v>0</v>
      </c>
      <c r="H13" s="22">
        <v>77</v>
      </c>
      <c r="I13" s="22">
        <v>33</v>
      </c>
      <c r="J13" s="22">
        <v>44</v>
      </c>
      <c r="K13" s="21">
        <v>58</v>
      </c>
      <c r="L13" s="53">
        <v>33</v>
      </c>
      <c r="M13" s="54">
        <v>25</v>
      </c>
    </row>
    <row r="14" spans="1:13">
      <c r="A14" s="20" t="s">
        <v>21</v>
      </c>
      <c r="B14" s="21">
        <v>2</v>
      </c>
      <c r="C14" s="22">
        <v>2</v>
      </c>
      <c r="D14" s="22">
        <v>0</v>
      </c>
      <c r="E14" s="21">
        <v>0</v>
      </c>
      <c r="F14" s="22">
        <v>0</v>
      </c>
      <c r="G14" s="23">
        <v>0</v>
      </c>
      <c r="H14" s="22">
        <v>71</v>
      </c>
      <c r="I14" s="22">
        <v>32</v>
      </c>
      <c r="J14" s="22">
        <v>39</v>
      </c>
      <c r="K14" s="21">
        <v>69</v>
      </c>
      <c r="L14" s="53">
        <v>30</v>
      </c>
      <c r="M14" s="54">
        <v>39</v>
      </c>
    </row>
    <row r="15" spans="1:13">
      <c r="A15" s="20" t="s">
        <v>22</v>
      </c>
      <c r="B15" s="21">
        <v>8</v>
      </c>
      <c r="C15" s="22">
        <v>10</v>
      </c>
      <c r="D15" s="22">
        <v>-2</v>
      </c>
      <c r="E15" s="21">
        <v>0</v>
      </c>
      <c r="F15" s="22">
        <v>0</v>
      </c>
      <c r="G15" s="23">
        <v>0</v>
      </c>
      <c r="H15" s="22">
        <v>68</v>
      </c>
      <c r="I15" s="22">
        <v>39</v>
      </c>
      <c r="J15" s="22">
        <v>29</v>
      </c>
      <c r="K15" s="21">
        <v>60</v>
      </c>
      <c r="L15" s="53">
        <v>29</v>
      </c>
      <c r="M15" s="54">
        <v>31</v>
      </c>
    </row>
    <row r="16" spans="1:13">
      <c r="A16" s="20" t="s">
        <v>23</v>
      </c>
      <c r="B16" s="21">
        <v>18</v>
      </c>
      <c r="C16" s="22">
        <v>10</v>
      </c>
      <c r="D16" s="22">
        <v>8</v>
      </c>
      <c r="E16" s="21">
        <v>1</v>
      </c>
      <c r="F16" s="22">
        <v>1</v>
      </c>
      <c r="G16" s="23">
        <v>0</v>
      </c>
      <c r="H16" s="22">
        <v>39</v>
      </c>
      <c r="I16" s="22">
        <v>20</v>
      </c>
      <c r="J16" s="22">
        <v>19</v>
      </c>
      <c r="K16" s="21">
        <v>20</v>
      </c>
      <c r="L16" s="53">
        <v>9</v>
      </c>
      <c r="M16" s="54">
        <v>11</v>
      </c>
    </row>
    <row r="17" spans="1:13">
      <c r="A17" s="20" t="s">
        <v>24</v>
      </c>
      <c r="B17" s="21">
        <v>10</v>
      </c>
      <c r="C17" s="22">
        <v>2</v>
      </c>
      <c r="D17" s="22">
        <v>8</v>
      </c>
      <c r="E17" s="21">
        <v>0</v>
      </c>
      <c r="F17" s="22">
        <v>0</v>
      </c>
      <c r="G17" s="23">
        <v>0</v>
      </c>
      <c r="H17" s="22">
        <v>44</v>
      </c>
      <c r="I17" s="22">
        <v>16</v>
      </c>
      <c r="J17" s="22">
        <v>28</v>
      </c>
      <c r="K17" s="21">
        <v>34</v>
      </c>
      <c r="L17" s="53">
        <v>14</v>
      </c>
      <c r="M17" s="54">
        <v>20</v>
      </c>
    </row>
    <row r="18" spans="1:13" ht="20.100000000000001" customHeight="1">
      <c r="A18" s="16" t="s">
        <v>25</v>
      </c>
      <c r="B18" s="17">
        <v>21</v>
      </c>
      <c r="C18" s="18">
        <v>9</v>
      </c>
      <c r="D18" s="18">
        <v>12</v>
      </c>
      <c r="E18" s="17">
        <v>2</v>
      </c>
      <c r="F18" s="18">
        <v>1</v>
      </c>
      <c r="G18" s="19">
        <v>1</v>
      </c>
      <c r="H18" s="18">
        <v>164</v>
      </c>
      <c r="I18" s="18">
        <v>86</v>
      </c>
      <c r="J18" s="18">
        <v>78</v>
      </c>
      <c r="K18" s="17">
        <v>141</v>
      </c>
      <c r="L18" s="51">
        <v>76</v>
      </c>
      <c r="M18" s="52">
        <v>65</v>
      </c>
    </row>
    <row r="19" spans="1:13">
      <c r="A19" s="20" t="s">
        <v>26</v>
      </c>
      <c r="B19" s="21">
        <v>12</v>
      </c>
      <c r="C19" s="22">
        <v>13</v>
      </c>
      <c r="D19" s="22">
        <v>-1</v>
      </c>
      <c r="E19" s="21">
        <v>0</v>
      </c>
      <c r="F19" s="22">
        <v>0</v>
      </c>
      <c r="G19" s="23">
        <v>0</v>
      </c>
      <c r="H19" s="22">
        <v>38</v>
      </c>
      <c r="I19" s="22">
        <v>25</v>
      </c>
      <c r="J19" s="22">
        <v>13</v>
      </c>
      <c r="K19" s="21">
        <v>26</v>
      </c>
      <c r="L19" s="53">
        <v>12</v>
      </c>
      <c r="M19" s="54">
        <v>14</v>
      </c>
    </row>
    <row r="20" spans="1:13">
      <c r="A20" s="20" t="s">
        <v>27</v>
      </c>
      <c r="B20" s="21">
        <v>-2</v>
      </c>
      <c r="C20" s="22">
        <v>-2</v>
      </c>
      <c r="D20" s="22">
        <v>0</v>
      </c>
      <c r="E20" s="21">
        <v>0</v>
      </c>
      <c r="F20" s="22">
        <v>0</v>
      </c>
      <c r="G20" s="23">
        <v>0</v>
      </c>
      <c r="H20" s="22">
        <v>30</v>
      </c>
      <c r="I20" s="22">
        <v>13</v>
      </c>
      <c r="J20" s="22">
        <v>17</v>
      </c>
      <c r="K20" s="21">
        <v>32</v>
      </c>
      <c r="L20" s="53">
        <v>15</v>
      </c>
      <c r="M20" s="54">
        <v>17</v>
      </c>
    </row>
    <row r="21" spans="1:13">
      <c r="A21" s="20" t="s">
        <v>28</v>
      </c>
      <c r="B21" s="21">
        <v>9</v>
      </c>
      <c r="C21" s="22">
        <v>-2</v>
      </c>
      <c r="D21" s="22">
        <v>11</v>
      </c>
      <c r="E21" s="21">
        <v>2</v>
      </c>
      <c r="F21" s="22">
        <v>1</v>
      </c>
      <c r="G21" s="23">
        <v>1</v>
      </c>
      <c r="H21" s="22">
        <v>38</v>
      </c>
      <c r="I21" s="22">
        <v>16</v>
      </c>
      <c r="J21" s="22">
        <v>22</v>
      </c>
      <c r="K21" s="21">
        <v>27</v>
      </c>
      <c r="L21" s="53">
        <v>17</v>
      </c>
      <c r="M21" s="54">
        <v>10</v>
      </c>
    </row>
    <row r="22" spans="1:13">
      <c r="A22" s="20" t="s">
        <v>29</v>
      </c>
      <c r="B22" s="21">
        <v>11</v>
      </c>
      <c r="C22" s="22">
        <v>5</v>
      </c>
      <c r="D22" s="22">
        <v>6</v>
      </c>
      <c r="E22" s="21">
        <v>0</v>
      </c>
      <c r="F22" s="22">
        <v>0</v>
      </c>
      <c r="G22" s="23">
        <v>0</v>
      </c>
      <c r="H22" s="22">
        <v>41</v>
      </c>
      <c r="I22" s="22">
        <v>22</v>
      </c>
      <c r="J22" s="22">
        <v>19</v>
      </c>
      <c r="K22" s="21">
        <v>30</v>
      </c>
      <c r="L22" s="53">
        <v>17</v>
      </c>
      <c r="M22" s="54">
        <v>13</v>
      </c>
    </row>
    <row r="23" spans="1:13">
      <c r="A23" s="20" t="s">
        <v>30</v>
      </c>
      <c r="B23" s="21">
        <v>-9</v>
      </c>
      <c r="C23" s="22">
        <v>-5</v>
      </c>
      <c r="D23" s="22">
        <v>-4</v>
      </c>
      <c r="E23" s="21">
        <v>0</v>
      </c>
      <c r="F23" s="22">
        <v>0</v>
      </c>
      <c r="G23" s="23">
        <v>0</v>
      </c>
      <c r="H23" s="22">
        <v>17</v>
      </c>
      <c r="I23" s="22">
        <v>10</v>
      </c>
      <c r="J23" s="22">
        <v>7</v>
      </c>
      <c r="K23" s="21">
        <v>26</v>
      </c>
      <c r="L23" s="53">
        <v>15</v>
      </c>
      <c r="M23" s="54">
        <v>11</v>
      </c>
    </row>
    <row r="24" spans="1:13" ht="20.100000000000001" customHeight="1">
      <c r="A24" s="16" t="s">
        <v>31</v>
      </c>
      <c r="B24" s="17">
        <v>7</v>
      </c>
      <c r="C24" s="18">
        <v>-1</v>
      </c>
      <c r="D24" s="18">
        <v>8</v>
      </c>
      <c r="E24" s="17">
        <v>0</v>
      </c>
      <c r="F24" s="18">
        <v>0</v>
      </c>
      <c r="G24" s="19">
        <v>0</v>
      </c>
      <c r="H24" s="18">
        <v>282</v>
      </c>
      <c r="I24" s="18">
        <v>147</v>
      </c>
      <c r="J24" s="18">
        <v>135</v>
      </c>
      <c r="K24" s="17">
        <v>275</v>
      </c>
      <c r="L24" s="51">
        <v>148</v>
      </c>
      <c r="M24" s="52">
        <v>127</v>
      </c>
    </row>
    <row r="25" spans="1:13">
      <c r="A25" s="20" t="s">
        <v>32</v>
      </c>
      <c r="B25" s="21">
        <v>7</v>
      </c>
      <c r="C25" s="22">
        <v>1</v>
      </c>
      <c r="D25" s="22">
        <v>6</v>
      </c>
      <c r="E25" s="21">
        <v>0</v>
      </c>
      <c r="F25" s="22">
        <v>0</v>
      </c>
      <c r="G25" s="23">
        <v>0</v>
      </c>
      <c r="H25" s="22">
        <v>33</v>
      </c>
      <c r="I25" s="22">
        <v>14</v>
      </c>
      <c r="J25" s="22">
        <v>19</v>
      </c>
      <c r="K25" s="21">
        <v>26</v>
      </c>
      <c r="L25" s="53">
        <v>13</v>
      </c>
      <c r="M25" s="54">
        <v>13</v>
      </c>
    </row>
    <row r="26" spans="1:13">
      <c r="A26" s="20" t="s">
        <v>33</v>
      </c>
      <c r="B26" s="21">
        <v>1</v>
      </c>
      <c r="C26" s="22">
        <v>-1</v>
      </c>
      <c r="D26" s="22">
        <v>2</v>
      </c>
      <c r="E26" s="21">
        <v>0</v>
      </c>
      <c r="F26" s="22">
        <v>0</v>
      </c>
      <c r="G26" s="23">
        <v>0</v>
      </c>
      <c r="H26" s="22">
        <v>47</v>
      </c>
      <c r="I26" s="22">
        <v>22</v>
      </c>
      <c r="J26" s="22">
        <v>25</v>
      </c>
      <c r="K26" s="21">
        <v>46</v>
      </c>
      <c r="L26" s="53">
        <v>23</v>
      </c>
      <c r="M26" s="54">
        <v>23</v>
      </c>
    </row>
    <row r="27" spans="1:13">
      <c r="A27" s="20" t="s">
        <v>34</v>
      </c>
      <c r="B27" s="21">
        <v>-5</v>
      </c>
      <c r="C27" s="22">
        <v>3</v>
      </c>
      <c r="D27" s="22">
        <v>-8</v>
      </c>
      <c r="E27" s="21">
        <v>0</v>
      </c>
      <c r="F27" s="22">
        <v>0</v>
      </c>
      <c r="G27" s="23">
        <v>0</v>
      </c>
      <c r="H27" s="22">
        <v>26</v>
      </c>
      <c r="I27" s="22">
        <v>13</v>
      </c>
      <c r="J27" s="22">
        <v>13</v>
      </c>
      <c r="K27" s="21">
        <v>31</v>
      </c>
      <c r="L27" s="53">
        <v>10</v>
      </c>
      <c r="M27" s="54">
        <v>21</v>
      </c>
    </row>
    <row r="28" spans="1:13">
      <c r="A28" s="20" t="s">
        <v>35</v>
      </c>
      <c r="B28" s="21">
        <v>0</v>
      </c>
      <c r="C28" s="22">
        <v>-3</v>
      </c>
      <c r="D28" s="22">
        <v>3</v>
      </c>
      <c r="E28" s="21">
        <v>0</v>
      </c>
      <c r="F28" s="22">
        <v>0</v>
      </c>
      <c r="G28" s="23">
        <v>0</v>
      </c>
      <c r="H28" s="22">
        <v>54</v>
      </c>
      <c r="I28" s="22">
        <v>27</v>
      </c>
      <c r="J28" s="22">
        <v>27</v>
      </c>
      <c r="K28" s="21">
        <v>54</v>
      </c>
      <c r="L28" s="53">
        <v>30</v>
      </c>
      <c r="M28" s="54">
        <v>24</v>
      </c>
    </row>
    <row r="29" spans="1:13">
      <c r="A29" s="20" t="s">
        <v>36</v>
      </c>
      <c r="B29" s="21">
        <v>4</v>
      </c>
      <c r="C29" s="22">
        <v>-1</v>
      </c>
      <c r="D29" s="22">
        <v>5</v>
      </c>
      <c r="E29" s="21">
        <v>0</v>
      </c>
      <c r="F29" s="22">
        <v>0</v>
      </c>
      <c r="G29" s="23">
        <v>0</v>
      </c>
      <c r="H29" s="22">
        <v>122</v>
      </c>
      <c r="I29" s="22">
        <v>71</v>
      </c>
      <c r="J29" s="22">
        <v>51</v>
      </c>
      <c r="K29" s="21">
        <v>118</v>
      </c>
      <c r="L29" s="53">
        <v>72</v>
      </c>
      <c r="M29" s="54">
        <v>46</v>
      </c>
    </row>
    <row r="30" spans="1:13" ht="20.100000000000001" customHeight="1">
      <c r="A30" s="16" t="s">
        <v>37</v>
      </c>
      <c r="B30" s="17">
        <v>-78</v>
      </c>
      <c r="C30" s="18">
        <v>-58</v>
      </c>
      <c r="D30" s="18">
        <v>-20</v>
      </c>
      <c r="E30" s="17">
        <v>3</v>
      </c>
      <c r="F30" s="18">
        <v>2</v>
      </c>
      <c r="G30" s="19">
        <v>1</v>
      </c>
      <c r="H30" s="18">
        <v>1140</v>
      </c>
      <c r="I30" s="18">
        <v>570</v>
      </c>
      <c r="J30" s="18">
        <v>570</v>
      </c>
      <c r="K30" s="17">
        <v>1215</v>
      </c>
      <c r="L30" s="51">
        <v>626</v>
      </c>
      <c r="M30" s="52">
        <v>589</v>
      </c>
    </row>
    <row r="31" spans="1:13">
      <c r="A31" s="20" t="s">
        <v>38</v>
      </c>
      <c r="B31" s="21">
        <v>12</v>
      </c>
      <c r="C31" s="22">
        <v>10</v>
      </c>
      <c r="D31" s="22">
        <v>2</v>
      </c>
      <c r="E31" s="21">
        <v>0</v>
      </c>
      <c r="F31" s="22">
        <v>0</v>
      </c>
      <c r="G31" s="23">
        <v>0</v>
      </c>
      <c r="H31" s="22">
        <v>115</v>
      </c>
      <c r="I31" s="22">
        <v>65</v>
      </c>
      <c r="J31" s="22">
        <v>50</v>
      </c>
      <c r="K31" s="21">
        <v>103</v>
      </c>
      <c r="L31" s="53">
        <v>55</v>
      </c>
      <c r="M31" s="54">
        <v>48</v>
      </c>
    </row>
    <row r="32" spans="1:13">
      <c r="A32" s="20" t="s">
        <v>39</v>
      </c>
      <c r="B32" s="21">
        <v>32</v>
      </c>
      <c r="C32" s="22">
        <v>19</v>
      </c>
      <c r="D32" s="22">
        <v>13</v>
      </c>
      <c r="E32" s="21">
        <v>1</v>
      </c>
      <c r="F32" s="22">
        <v>1</v>
      </c>
      <c r="G32" s="23">
        <v>0</v>
      </c>
      <c r="H32" s="22">
        <v>171</v>
      </c>
      <c r="I32" s="22">
        <v>83</v>
      </c>
      <c r="J32" s="22">
        <v>88</v>
      </c>
      <c r="K32" s="21">
        <v>138</v>
      </c>
      <c r="L32" s="53">
        <v>63</v>
      </c>
      <c r="M32" s="54">
        <v>75</v>
      </c>
    </row>
    <row r="33" spans="1:13">
      <c r="A33" s="20" t="s">
        <v>40</v>
      </c>
      <c r="B33" s="21">
        <v>-19</v>
      </c>
      <c r="C33" s="22">
        <v>-22</v>
      </c>
      <c r="D33" s="22">
        <v>3</v>
      </c>
      <c r="E33" s="21">
        <v>2</v>
      </c>
      <c r="F33" s="22">
        <v>1</v>
      </c>
      <c r="G33" s="23">
        <v>1</v>
      </c>
      <c r="H33" s="22">
        <v>220</v>
      </c>
      <c r="I33" s="22">
        <v>91</v>
      </c>
      <c r="J33" s="22">
        <v>129</v>
      </c>
      <c r="K33" s="21">
        <v>237</v>
      </c>
      <c r="L33" s="53">
        <v>112</v>
      </c>
      <c r="M33" s="54">
        <v>125</v>
      </c>
    </row>
    <row r="34" spans="1:13">
      <c r="A34" s="20" t="s">
        <v>41</v>
      </c>
      <c r="B34" s="21">
        <v>-60</v>
      </c>
      <c r="C34" s="22">
        <v>-42</v>
      </c>
      <c r="D34" s="22">
        <v>-18</v>
      </c>
      <c r="E34" s="21">
        <v>0</v>
      </c>
      <c r="F34" s="22">
        <v>0</v>
      </c>
      <c r="G34" s="23">
        <v>0</v>
      </c>
      <c r="H34" s="22">
        <v>330</v>
      </c>
      <c r="I34" s="22">
        <v>169</v>
      </c>
      <c r="J34" s="22">
        <v>161</v>
      </c>
      <c r="K34" s="21">
        <v>390</v>
      </c>
      <c r="L34" s="53">
        <v>211</v>
      </c>
      <c r="M34" s="54">
        <v>179</v>
      </c>
    </row>
    <row r="35" spans="1:13">
      <c r="A35" s="20" t="s">
        <v>42</v>
      </c>
      <c r="B35" s="21">
        <v>-43</v>
      </c>
      <c r="C35" s="22">
        <v>-23</v>
      </c>
      <c r="D35" s="22">
        <v>-20</v>
      </c>
      <c r="E35" s="21">
        <v>0</v>
      </c>
      <c r="F35" s="22">
        <v>0</v>
      </c>
      <c r="G35" s="23">
        <v>0</v>
      </c>
      <c r="H35" s="22">
        <v>304</v>
      </c>
      <c r="I35" s="22">
        <v>162</v>
      </c>
      <c r="J35" s="22">
        <v>142</v>
      </c>
      <c r="K35" s="21">
        <v>347</v>
      </c>
      <c r="L35" s="53">
        <v>185</v>
      </c>
      <c r="M35" s="54">
        <v>162</v>
      </c>
    </row>
    <row r="36" spans="1:13" ht="20.100000000000001" customHeight="1">
      <c r="A36" s="16" t="s">
        <v>43</v>
      </c>
      <c r="B36" s="17">
        <v>-91</v>
      </c>
      <c r="C36" s="18">
        <v>-45</v>
      </c>
      <c r="D36" s="18">
        <v>-46</v>
      </c>
      <c r="E36" s="17">
        <v>2</v>
      </c>
      <c r="F36" s="18">
        <v>1</v>
      </c>
      <c r="G36" s="19">
        <v>1</v>
      </c>
      <c r="H36" s="18">
        <v>1563</v>
      </c>
      <c r="I36" s="18">
        <v>794</v>
      </c>
      <c r="J36" s="18">
        <v>769</v>
      </c>
      <c r="K36" s="17">
        <v>1652</v>
      </c>
      <c r="L36" s="51">
        <v>838</v>
      </c>
      <c r="M36" s="52">
        <v>814</v>
      </c>
    </row>
    <row r="37" spans="1:13">
      <c r="A37" s="20" t="s">
        <v>44</v>
      </c>
      <c r="B37" s="21">
        <v>-79</v>
      </c>
      <c r="C37" s="22">
        <v>-51</v>
      </c>
      <c r="D37" s="22">
        <v>-28</v>
      </c>
      <c r="E37" s="21">
        <v>2</v>
      </c>
      <c r="F37" s="22">
        <v>1</v>
      </c>
      <c r="G37" s="23">
        <v>1</v>
      </c>
      <c r="H37" s="22">
        <v>304</v>
      </c>
      <c r="I37" s="22">
        <v>165</v>
      </c>
      <c r="J37" s="22">
        <v>139</v>
      </c>
      <c r="K37" s="21">
        <v>381</v>
      </c>
      <c r="L37" s="53">
        <v>215</v>
      </c>
      <c r="M37" s="54">
        <v>166</v>
      </c>
    </row>
    <row r="38" spans="1:13">
      <c r="A38" s="20" t="s">
        <v>45</v>
      </c>
      <c r="B38" s="21">
        <v>-16</v>
      </c>
      <c r="C38" s="22">
        <v>-6</v>
      </c>
      <c r="D38" s="22">
        <v>-10</v>
      </c>
      <c r="E38" s="21">
        <v>0</v>
      </c>
      <c r="F38" s="22">
        <v>0</v>
      </c>
      <c r="G38" s="23">
        <v>0</v>
      </c>
      <c r="H38" s="22">
        <v>327</v>
      </c>
      <c r="I38" s="22">
        <v>164</v>
      </c>
      <c r="J38" s="22">
        <v>163</v>
      </c>
      <c r="K38" s="21">
        <v>343</v>
      </c>
      <c r="L38" s="53">
        <v>170</v>
      </c>
      <c r="M38" s="54">
        <v>173</v>
      </c>
    </row>
    <row r="39" spans="1:13">
      <c r="A39" s="20" t="s">
        <v>46</v>
      </c>
      <c r="B39" s="21">
        <v>9</v>
      </c>
      <c r="C39" s="22">
        <v>21</v>
      </c>
      <c r="D39" s="22">
        <v>-12</v>
      </c>
      <c r="E39" s="21">
        <v>0</v>
      </c>
      <c r="F39" s="22">
        <v>0</v>
      </c>
      <c r="G39" s="23">
        <v>0</v>
      </c>
      <c r="H39" s="22">
        <v>332</v>
      </c>
      <c r="I39" s="22">
        <v>166</v>
      </c>
      <c r="J39" s="22">
        <v>166</v>
      </c>
      <c r="K39" s="21">
        <v>323</v>
      </c>
      <c r="L39" s="53">
        <v>145</v>
      </c>
      <c r="M39" s="54">
        <v>178</v>
      </c>
    </row>
    <row r="40" spans="1:13">
      <c r="A40" s="20" t="s">
        <v>47</v>
      </c>
      <c r="B40" s="21">
        <v>0</v>
      </c>
      <c r="C40" s="22">
        <v>-1</v>
      </c>
      <c r="D40" s="22">
        <v>1</v>
      </c>
      <c r="E40" s="21">
        <v>0</v>
      </c>
      <c r="F40" s="22">
        <v>0</v>
      </c>
      <c r="G40" s="23">
        <v>0</v>
      </c>
      <c r="H40" s="22">
        <v>307</v>
      </c>
      <c r="I40" s="22">
        <v>147</v>
      </c>
      <c r="J40" s="22">
        <v>160</v>
      </c>
      <c r="K40" s="21">
        <v>307</v>
      </c>
      <c r="L40" s="53">
        <v>148</v>
      </c>
      <c r="M40" s="54">
        <v>159</v>
      </c>
    </row>
    <row r="41" spans="1:13">
      <c r="A41" s="20" t="s">
        <v>48</v>
      </c>
      <c r="B41" s="21">
        <v>-5</v>
      </c>
      <c r="C41" s="22">
        <v>-8</v>
      </c>
      <c r="D41" s="22">
        <v>3</v>
      </c>
      <c r="E41" s="21">
        <v>0</v>
      </c>
      <c r="F41" s="22">
        <v>0</v>
      </c>
      <c r="G41" s="23">
        <v>0</v>
      </c>
      <c r="H41" s="22">
        <v>293</v>
      </c>
      <c r="I41" s="22">
        <v>152</v>
      </c>
      <c r="J41" s="22">
        <v>141</v>
      </c>
      <c r="K41" s="21">
        <v>298</v>
      </c>
      <c r="L41" s="53">
        <v>160</v>
      </c>
      <c r="M41" s="54">
        <v>138</v>
      </c>
    </row>
    <row r="42" spans="1:13" ht="20.100000000000001" customHeight="1">
      <c r="A42" s="16" t="s">
        <v>49</v>
      </c>
      <c r="B42" s="17">
        <v>141</v>
      </c>
      <c r="C42" s="18">
        <v>49</v>
      </c>
      <c r="D42" s="18">
        <v>92</v>
      </c>
      <c r="E42" s="17">
        <v>5</v>
      </c>
      <c r="F42" s="18">
        <v>2</v>
      </c>
      <c r="G42" s="19">
        <v>3</v>
      </c>
      <c r="H42" s="18">
        <v>1302</v>
      </c>
      <c r="I42" s="18">
        <v>666</v>
      </c>
      <c r="J42" s="18">
        <v>636</v>
      </c>
      <c r="K42" s="17">
        <v>1156</v>
      </c>
      <c r="L42" s="51">
        <v>615</v>
      </c>
      <c r="M42" s="52">
        <v>541</v>
      </c>
    </row>
    <row r="43" spans="1:13">
      <c r="A43" s="20" t="s">
        <v>50</v>
      </c>
      <c r="B43" s="21">
        <v>27</v>
      </c>
      <c r="C43" s="22">
        <v>19</v>
      </c>
      <c r="D43" s="22">
        <v>8</v>
      </c>
      <c r="E43" s="21">
        <v>1</v>
      </c>
      <c r="F43" s="22">
        <v>0</v>
      </c>
      <c r="G43" s="23">
        <v>1</v>
      </c>
      <c r="H43" s="22">
        <v>285</v>
      </c>
      <c r="I43" s="22">
        <v>150</v>
      </c>
      <c r="J43" s="22">
        <v>135</v>
      </c>
      <c r="K43" s="21">
        <v>257</v>
      </c>
      <c r="L43" s="53">
        <v>131</v>
      </c>
      <c r="M43" s="54">
        <v>126</v>
      </c>
    </row>
    <row r="44" spans="1:13">
      <c r="A44" s="20" t="s">
        <v>51</v>
      </c>
      <c r="B44" s="21">
        <v>5</v>
      </c>
      <c r="C44" s="22">
        <v>-17</v>
      </c>
      <c r="D44" s="22">
        <v>22</v>
      </c>
      <c r="E44" s="21">
        <v>0</v>
      </c>
      <c r="F44" s="22">
        <v>0</v>
      </c>
      <c r="G44" s="23">
        <v>0</v>
      </c>
      <c r="H44" s="22">
        <v>254</v>
      </c>
      <c r="I44" s="22">
        <v>122</v>
      </c>
      <c r="J44" s="22">
        <v>132</v>
      </c>
      <c r="K44" s="21">
        <v>249</v>
      </c>
      <c r="L44" s="53">
        <v>139</v>
      </c>
      <c r="M44" s="54">
        <v>110</v>
      </c>
    </row>
    <row r="45" spans="1:13">
      <c r="A45" s="20" t="s">
        <v>52</v>
      </c>
      <c r="B45" s="21">
        <v>46</v>
      </c>
      <c r="C45" s="22">
        <v>17</v>
      </c>
      <c r="D45" s="22">
        <v>29</v>
      </c>
      <c r="E45" s="21">
        <v>0</v>
      </c>
      <c r="F45" s="22">
        <v>0</v>
      </c>
      <c r="G45" s="23">
        <v>0</v>
      </c>
      <c r="H45" s="22">
        <v>286</v>
      </c>
      <c r="I45" s="22">
        <v>144</v>
      </c>
      <c r="J45" s="22">
        <v>142</v>
      </c>
      <c r="K45" s="21">
        <v>240</v>
      </c>
      <c r="L45" s="53">
        <v>127</v>
      </c>
      <c r="M45" s="54">
        <v>113</v>
      </c>
    </row>
    <row r="46" spans="1:13">
      <c r="A46" s="20" t="s">
        <v>53</v>
      </c>
      <c r="B46" s="21">
        <v>55</v>
      </c>
      <c r="C46" s="22">
        <v>28</v>
      </c>
      <c r="D46" s="22">
        <v>27</v>
      </c>
      <c r="E46" s="21">
        <v>2</v>
      </c>
      <c r="F46" s="22">
        <v>1</v>
      </c>
      <c r="G46" s="23">
        <v>1</v>
      </c>
      <c r="H46" s="22">
        <v>277</v>
      </c>
      <c r="I46" s="22">
        <v>146</v>
      </c>
      <c r="J46" s="22">
        <v>131</v>
      </c>
      <c r="K46" s="21">
        <v>220</v>
      </c>
      <c r="L46" s="53">
        <v>117</v>
      </c>
      <c r="M46" s="54">
        <v>103</v>
      </c>
    </row>
    <row r="47" spans="1:13">
      <c r="A47" s="20" t="s">
        <v>54</v>
      </c>
      <c r="B47" s="21">
        <v>8</v>
      </c>
      <c r="C47" s="22">
        <v>2</v>
      </c>
      <c r="D47" s="22">
        <v>6</v>
      </c>
      <c r="E47" s="21">
        <v>2</v>
      </c>
      <c r="F47" s="22">
        <v>1</v>
      </c>
      <c r="G47" s="23">
        <v>1</v>
      </c>
      <c r="H47" s="22">
        <v>200</v>
      </c>
      <c r="I47" s="22">
        <v>104</v>
      </c>
      <c r="J47" s="22">
        <v>96</v>
      </c>
      <c r="K47" s="21">
        <v>190</v>
      </c>
      <c r="L47" s="53">
        <v>101</v>
      </c>
      <c r="M47" s="54">
        <v>89</v>
      </c>
    </row>
    <row r="48" spans="1:13" ht="20.100000000000001" customHeight="1">
      <c r="A48" s="16" t="s">
        <v>55</v>
      </c>
      <c r="B48" s="17">
        <v>122</v>
      </c>
      <c r="C48" s="18">
        <v>32</v>
      </c>
      <c r="D48" s="18">
        <v>90</v>
      </c>
      <c r="E48" s="17">
        <v>6</v>
      </c>
      <c r="F48" s="18">
        <v>5</v>
      </c>
      <c r="G48" s="19">
        <v>1</v>
      </c>
      <c r="H48" s="18">
        <v>968</v>
      </c>
      <c r="I48" s="18">
        <v>514</v>
      </c>
      <c r="J48" s="18">
        <v>454</v>
      </c>
      <c r="K48" s="17">
        <v>840</v>
      </c>
      <c r="L48" s="51">
        <v>477</v>
      </c>
      <c r="M48" s="52">
        <v>363</v>
      </c>
    </row>
    <row r="49" spans="1:13">
      <c r="A49" s="20" t="s">
        <v>56</v>
      </c>
      <c r="B49" s="21">
        <v>51</v>
      </c>
      <c r="C49" s="22">
        <v>14</v>
      </c>
      <c r="D49" s="22">
        <v>37</v>
      </c>
      <c r="E49" s="21">
        <v>1</v>
      </c>
      <c r="F49" s="22">
        <v>1</v>
      </c>
      <c r="G49" s="23">
        <v>0</v>
      </c>
      <c r="H49" s="22">
        <v>234</v>
      </c>
      <c r="I49" s="22">
        <v>121</v>
      </c>
      <c r="J49" s="22">
        <v>113</v>
      </c>
      <c r="K49" s="21">
        <v>182</v>
      </c>
      <c r="L49" s="53">
        <v>106</v>
      </c>
      <c r="M49" s="54">
        <v>76</v>
      </c>
    </row>
    <row r="50" spans="1:13">
      <c r="A50" s="20" t="s">
        <v>57</v>
      </c>
      <c r="B50" s="21">
        <v>13</v>
      </c>
      <c r="C50" s="22">
        <v>10</v>
      </c>
      <c r="D50" s="22">
        <v>3</v>
      </c>
      <c r="E50" s="21">
        <v>0</v>
      </c>
      <c r="F50" s="22">
        <v>0</v>
      </c>
      <c r="G50" s="23">
        <v>0</v>
      </c>
      <c r="H50" s="22">
        <v>200</v>
      </c>
      <c r="I50" s="22">
        <v>115</v>
      </c>
      <c r="J50" s="22">
        <v>85</v>
      </c>
      <c r="K50" s="21">
        <v>187</v>
      </c>
      <c r="L50" s="53">
        <v>105</v>
      </c>
      <c r="M50" s="54">
        <v>82</v>
      </c>
    </row>
    <row r="51" spans="1:13">
      <c r="A51" s="20" t="s">
        <v>58</v>
      </c>
      <c r="B51" s="21">
        <v>28</v>
      </c>
      <c r="C51" s="22">
        <v>-5</v>
      </c>
      <c r="D51" s="22">
        <v>33</v>
      </c>
      <c r="E51" s="21">
        <v>1</v>
      </c>
      <c r="F51" s="22">
        <v>0</v>
      </c>
      <c r="G51" s="23">
        <v>1</v>
      </c>
      <c r="H51" s="22">
        <v>194</v>
      </c>
      <c r="I51" s="22">
        <v>94</v>
      </c>
      <c r="J51" s="22">
        <v>100</v>
      </c>
      <c r="K51" s="21">
        <v>165</v>
      </c>
      <c r="L51" s="53">
        <v>99</v>
      </c>
      <c r="M51" s="54">
        <v>66</v>
      </c>
    </row>
    <row r="52" spans="1:13">
      <c r="A52" s="20" t="s">
        <v>59</v>
      </c>
      <c r="B52" s="21">
        <v>-5</v>
      </c>
      <c r="C52" s="22">
        <v>-8</v>
      </c>
      <c r="D52" s="22">
        <v>3</v>
      </c>
      <c r="E52" s="21">
        <v>1</v>
      </c>
      <c r="F52" s="22">
        <v>1</v>
      </c>
      <c r="G52" s="23">
        <v>0</v>
      </c>
      <c r="H52" s="22">
        <v>174</v>
      </c>
      <c r="I52" s="22">
        <v>93</v>
      </c>
      <c r="J52" s="22">
        <v>81</v>
      </c>
      <c r="K52" s="21">
        <v>178</v>
      </c>
      <c r="L52" s="53">
        <v>100</v>
      </c>
      <c r="M52" s="54">
        <v>78</v>
      </c>
    </row>
    <row r="53" spans="1:13">
      <c r="A53" s="20" t="s">
        <v>60</v>
      </c>
      <c r="B53" s="21">
        <v>35</v>
      </c>
      <c r="C53" s="22">
        <v>21</v>
      </c>
      <c r="D53" s="22">
        <v>14</v>
      </c>
      <c r="E53" s="21">
        <v>3</v>
      </c>
      <c r="F53" s="22">
        <v>3</v>
      </c>
      <c r="G53" s="23">
        <v>0</v>
      </c>
      <c r="H53" s="22">
        <v>166</v>
      </c>
      <c r="I53" s="22">
        <v>91</v>
      </c>
      <c r="J53" s="22">
        <v>75</v>
      </c>
      <c r="K53" s="21">
        <v>128</v>
      </c>
      <c r="L53" s="53">
        <v>67</v>
      </c>
      <c r="M53" s="54">
        <v>61</v>
      </c>
    </row>
    <row r="54" spans="1:13" ht="20.100000000000001" customHeight="1">
      <c r="A54" s="16" t="s">
        <v>61</v>
      </c>
      <c r="B54" s="17">
        <v>18</v>
      </c>
      <c r="C54" s="18">
        <v>30</v>
      </c>
      <c r="D54" s="18">
        <v>-12</v>
      </c>
      <c r="E54" s="17">
        <v>11</v>
      </c>
      <c r="F54" s="18">
        <v>9</v>
      </c>
      <c r="G54" s="19">
        <v>2</v>
      </c>
      <c r="H54" s="18">
        <v>631</v>
      </c>
      <c r="I54" s="18">
        <v>355</v>
      </c>
      <c r="J54" s="18">
        <v>276</v>
      </c>
      <c r="K54" s="17">
        <v>602</v>
      </c>
      <c r="L54" s="51">
        <v>316</v>
      </c>
      <c r="M54" s="52">
        <v>286</v>
      </c>
    </row>
    <row r="55" spans="1:13">
      <c r="A55" s="20" t="s">
        <v>62</v>
      </c>
      <c r="B55" s="21">
        <v>20</v>
      </c>
      <c r="C55" s="22">
        <v>25</v>
      </c>
      <c r="D55" s="22">
        <v>-5</v>
      </c>
      <c r="E55" s="21">
        <v>0</v>
      </c>
      <c r="F55" s="22">
        <v>0</v>
      </c>
      <c r="G55" s="23">
        <v>0</v>
      </c>
      <c r="H55" s="22">
        <v>143</v>
      </c>
      <c r="I55" s="22">
        <v>85</v>
      </c>
      <c r="J55" s="22">
        <v>58</v>
      </c>
      <c r="K55" s="21">
        <v>123</v>
      </c>
      <c r="L55" s="53">
        <v>60</v>
      </c>
      <c r="M55" s="54">
        <v>63</v>
      </c>
    </row>
    <row r="56" spans="1:13">
      <c r="A56" s="20" t="s">
        <v>63</v>
      </c>
      <c r="B56" s="21">
        <v>12</v>
      </c>
      <c r="C56" s="22">
        <v>3</v>
      </c>
      <c r="D56" s="22">
        <v>9</v>
      </c>
      <c r="E56" s="21">
        <v>3</v>
      </c>
      <c r="F56" s="22">
        <v>3</v>
      </c>
      <c r="G56" s="23">
        <v>0</v>
      </c>
      <c r="H56" s="22">
        <v>146</v>
      </c>
      <c r="I56" s="22">
        <v>72</v>
      </c>
      <c r="J56" s="22">
        <v>74</v>
      </c>
      <c r="K56" s="21">
        <v>131</v>
      </c>
      <c r="L56" s="53">
        <v>66</v>
      </c>
      <c r="M56" s="54">
        <v>65</v>
      </c>
    </row>
    <row r="57" spans="1:13">
      <c r="A57" s="20" t="s">
        <v>64</v>
      </c>
      <c r="B57" s="21">
        <v>16</v>
      </c>
      <c r="C57" s="22">
        <v>17</v>
      </c>
      <c r="D57" s="22">
        <v>-1</v>
      </c>
      <c r="E57" s="21">
        <v>3</v>
      </c>
      <c r="F57" s="22">
        <v>3</v>
      </c>
      <c r="G57" s="23">
        <v>0</v>
      </c>
      <c r="H57" s="22">
        <v>126</v>
      </c>
      <c r="I57" s="22">
        <v>81</v>
      </c>
      <c r="J57" s="22">
        <v>45</v>
      </c>
      <c r="K57" s="21">
        <v>107</v>
      </c>
      <c r="L57" s="53">
        <v>61</v>
      </c>
      <c r="M57" s="54">
        <v>46</v>
      </c>
    </row>
    <row r="58" spans="1:13">
      <c r="A58" s="20" t="s">
        <v>65</v>
      </c>
      <c r="B58" s="21">
        <v>-29</v>
      </c>
      <c r="C58" s="22">
        <v>-19</v>
      </c>
      <c r="D58" s="22">
        <v>-10</v>
      </c>
      <c r="E58" s="21">
        <v>4</v>
      </c>
      <c r="F58" s="22">
        <v>3</v>
      </c>
      <c r="G58" s="23">
        <v>1</v>
      </c>
      <c r="H58" s="22">
        <v>104</v>
      </c>
      <c r="I58" s="22">
        <v>52</v>
      </c>
      <c r="J58" s="22">
        <v>52</v>
      </c>
      <c r="K58" s="21">
        <v>129</v>
      </c>
      <c r="L58" s="53">
        <v>68</v>
      </c>
      <c r="M58" s="54">
        <v>61</v>
      </c>
    </row>
    <row r="59" spans="1:13">
      <c r="A59" s="20" t="s">
        <v>66</v>
      </c>
      <c r="B59" s="21">
        <v>-1</v>
      </c>
      <c r="C59" s="22">
        <v>4</v>
      </c>
      <c r="D59" s="22">
        <v>-5</v>
      </c>
      <c r="E59" s="21">
        <v>1</v>
      </c>
      <c r="F59" s="22">
        <v>0</v>
      </c>
      <c r="G59" s="23">
        <v>1</v>
      </c>
      <c r="H59" s="22">
        <v>112</v>
      </c>
      <c r="I59" s="22">
        <v>65</v>
      </c>
      <c r="J59" s="22">
        <v>47</v>
      </c>
      <c r="K59" s="21">
        <v>112</v>
      </c>
      <c r="L59" s="53">
        <v>61</v>
      </c>
      <c r="M59" s="54">
        <v>51</v>
      </c>
    </row>
    <row r="60" spans="1:13" ht="20.100000000000001" customHeight="1">
      <c r="A60" s="16" t="s">
        <v>67</v>
      </c>
      <c r="B60" s="17">
        <v>42</v>
      </c>
      <c r="C60" s="18">
        <v>3</v>
      </c>
      <c r="D60" s="18">
        <v>39</v>
      </c>
      <c r="E60" s="17">
        <v>20</v>
      </c>
      <c r="F60" s="18">
        <v>13</v>
      </c>
      <c r="G60" s="19">
        <v>7</v>
      </c>
      <c r="H60" s="18">
        <v>516</v>
      </c>
      <c r="I60" s="18">
        <v>262</v>
      </c>
      <c r="J60" s="18">
        <v>254</v>
      </c>
      <c r="K60" s="17">
        <v>454</v>
      </c>
      <c r="L60" s="51">
        <v>246</v>
      </c>
      <c r="M60" s="52">
        <v>208</v>
      </c>
    </row>
    <row r="61" spans="1:13">
      <c r="A61" s="20" t="s">
        <v>68</v>
      </c>
      <c r="B61" s="21">
        <v>1</v>
      </c>
      <c r="C61" s="22">
        <v>-6</v>
      </c>
      <c r="D61" s="22">
        <v>7</v>
      </c>
      <c r="E61" s="21">
        <v>2</v>
      </c>
      <c r="F61" s="22">
        <v>2</v>
      </c>
      <c r="G61" s="23">
        <v>0</v>
      </c>
      <c r="H61" s="22">
        <v>108</v>
      </c>
      <c r="I61" s="22">
        <v>58</v>
      </c>
      <c r="J61" s="22">
        <v>50</v>
      </c>
      <c r="K61" s="21">
        <v>105</v>
      </c>
      <c r="L61" s="53">
        <v>62</v>
      </c>
      <c r="M61" s="54">
        <v>43</v>
      </c>
    </row>
    <row r="62" spans="1:13">
      <c r="A62" s="20" t="s">
        <v>69</v>
      </c>
      <c r="B62" s="21">
        <v>7</v>
      </c>
      <c r="C62" s="22">
        <v>4</v>
      </c>
      <c r="D62" s="22">
        <v>3</v>
      </c>
      <c r="E62" s="21">
        <v>5</v>
      </c>
      <c r="F62" s="22">
        <v>3</v>
      </c>
      <c r="G62" s="23">
        <v>2</v>
      </c>
      <c r="H62" s="22">
        <v>111</v>
      </c>
      <c r="I62" s="22">
        <v>61</v>
      </c>
      <c r="J62" s="22">
        <v>50</v>
      </c>
      <c r="K62" s="21">
        <v>99</v>
      </c>
      <c r="L62" s="53">
        <v>54</v>
      </c>
      <c r="M62" s="54">
        <v>45</v>
      </c>
    </row>
    <row r="63" spans="1:13">
      <c r="A63" s="20" t="s">
        <v>70</v>
      </c>
      <c r="B63" s="21">
        <v>33</v>
      </c>
      <c r="C63" s="22">
        <v>15</v>
      </c>
      <c r="D63" s="22">
        <v>18</v>
      </c>
      <c r="E63" s="21">
        <v>6</v>
      </c>
      <c r="F63" s="22">
        <v>3</v>
      </c>
      <c r="G63" s="23">
        <v>3</v>
      </c>
      <c r="H63" s="22">
        <v>112</v>
      </c>
      <c r="I63" s="22">
        <v>54</v>
      </c>
      <c r="J63" s="22">
        <v>58</v>
      </c>
      <c r="K63" s="21">
        <v>73</v>
      </c>
      <c r="L63" s="53">
        <v>36</v>
      </c>
      <c r="M63" s="54">
        <v>37</v>
      </c>
    </row>
    <row r="64" spans="1:13">
      <c r="A64" s="20" t="s">
        <v>71</v>
      </c>
      <c r="B64" s="21">
        <v>-1</v>
      </c>
      <c r="C64" s="22">
        <v>-4</v>
      </c>
      <c r="D64" s="22">
        <v>3</v>
      </c>
      <c r="E64" s="21">
        <v>4</v>
      </c>
      <c r="F64" s="22">
        <v>3</v>
      </c>
      <c r="G64" s="23">
        <v>1</v>
      </c>
      <c r="H64" s="22">
        <v>93</v>
      </c>
      <c r="I64" s="22">
        <v>45</v>
      </c>
      <c r="J64" s="22">
        <v>48</v>
      </c>
      <c r="K64" s="21">
        <v>90</v>
      </c>
      <c r="L64" s="53">
        <v>46</v>
      </c>
      <c r="M64" s="54">
        <v>44</v>
      </c>
    </row>
    <row r="65" spans="1:13">
      <c r="A65" s="24" t="s">
        <v>72</v>
      </c>
      <c r="B65" s="25">
        <v>2</v>
      </c>
      <c r="C65" s="26">
        <v>-6</v>
      </c>
      <c r="D65" s="26">
        <v>8</v>
      </c>
      <c r="E65" s="25">
        <v>3</v>
      </c>
      <c r="F65" s="26">
        <v>2</v>
      </c>
      <c r="G65" s="27">
        <v>1</v>
      </c>
      <c r="H65" s="26">
        <v>92</v>
      </c>
      <c r="I65" s="26">
        <v>44</v>
      </c>
      <c r="J65" s="26">
        <v>48</v>
      </c>
      <c r="K65" s="25">
        <v>87</v>
      </c>
      <c r="L65" s="55">
        <v>48</v>
      </c>
      <c r="M65" s="56">
        <v>3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594</v>
      </c>
      <c r="C69" s="58">
        <v>853</v>
      </c>
      <c r="D69" s="59">
        <v>741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594</v>
      </c>
      <c r="C70" s="61">
        <v>853</v>
      </c>
      <c r="D70" s="62">
        <v>741</v>
      </c>
    </row>
    <row r="71" spans="1:13">
      <c r="A71" s="24" t="s">
        <v>14</v>
      </c>
      <c r="B71" s="63">
        <v>1594</v>
      </c>
      <c r="C71" s="64">
        <v>853</v>
      </c>
      <c r="D71" s="65">
        <v>741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9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5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9</v>
      </c>
      <c r="C77" s="18">
        <v>8</v>
      </c>
      <c r="D77" s="18">
        <v>-17</v>
      </c>
      <c r="E77" s="17">
        <v>42</v>
      </c>
      <c r="F77" s="18">
        <v>27</v>
      </c>
      <c r="G77" s="19">
        <v>15</v>
      </c>
      <c r="H77" s="18">
        <v>438</v>
      </c>
      <c r="I77" s="18">
        <v>243</v>
      </c>
      <c r="J77" s="18">
        <v>195</v>
      </c>
      <c r="K77" s="17">
        <v>405</v>
      </c>
      <c r="L77" s="51">
        <v>208</v>
      </c>
      <c r="M77" s="52">
        <v>197</v>
      </c>
    </row>
    <row r="78" spans="1:13">
      <c r="A78" s="40" t="s">
        <v>81</v>
      </c>
      <c r="B78" s="21">
        <v>-13</v>
      </c>
      <c r="C78" s="22">
        <v>-4</v>
      </c>
      <c r="D78" s="22">
        <v>-9</v>
      </c>
      <c r="E78" s="21">
        <v>6</v>
      </c>
      <c r="F78" s="22">
        <v>6</v>
      </c>
      <c r="G78" s="23">
        <v>0</v>
      </c>
      <c r="H78" s="22">
        <v>98</v>
      </c>
      <c r="I78" s="22">
        <v>53</v>
      </c>
      <c r="J78" s="22">
        <v>45</v>
      </c>
      <c r="K78" s="21">
        <v>105</v>
      </c>
      <c r="L78" s="53">
        <v>51</v>
      </c>
      <c r="M78" s="54">
        <v>54</v>
      </c>
    </row>
    <row r="79" spans="1:13">
      <c r="A79" s="40" t="s">
        <v>82</v>
      </c>
      <c r="B79" s="21">
        <v>6</v>
      </c>
      <c r="C79" s="22">
        <v>4</v>
      </c>
      <c r="D79" s="22">
        <v>2</v>
      </c>
      <c r="E79" s="21">
        <v>5</v>
      </c>
      <c r="F79" s="22">
        <v>2</v>
      </c>
      <c r="G79" s="23">
        <v>3</v>
      </c>
      <c r="H79" s="22">
        <v>91</v>
      </c>
      <c r="I79" s="22">
        <v>51</v>
      </c>
      <c r="J79" s="22">
        <v>40</v>
      </c>
      <c r="K79" s="21">
        <v>80</v>
      </c>
      <c r="L79" s="53">
        <v>45</v>
      </c>
      <c r="M79" s="54">
        <v>35</v>
      </c>
    </row>
    <row r="80" spans="1:13">
      <c r="A80" s="40" t="s">
        <v>83</v>
      </c>
      <c r="B80" s="21">
        <v>-14</v>
      </c>
      <c r="C80" s="22">
        <v>-8</v>
      </c>
      <c r="D80" s="22">
        <v>-6</v>
      </c>
      <c r="E80" s="21">
        <v>12</v>
      </c>
      <c r="F80" s="22">
        <v>7</v>
      </c>
      <c r="G80" s="23">
        <v>5</v>
      </c>
      <c r="H80" s="22">
        <v>89</v>
      </c>
      <c r="I80" s="22">
        <v>48</v>
      </c>
      <c r="J80" s="22">
        <v>41</v>
      </c>
      <c r="K80" s="21">
        <v>91</v>
      </c>
      <c r="L80" s="53">
        <v>49</v>
      </c>
      <c r="M80" s="54">
        <v>42</v>
      </c>
    </row>
    <row r="81" spans="1:13">
      <c r="A81" s="40" t="s">
        <v>84</v>
      </c>
      <c r="B81" s="21">
        <v>7</v>
      </c>
      <c r="C81" s="22">
        <v>5</v>
      </c>
      <c r="D81" s="22">
        <v>2</v>
      </c>
      <c r="E81" s="21">
        <v>7</v>
      </c>
      <c r="F81" s="22">
        <v>6</v>
      </c>
      <c r="G81" s="23">
        <v>1</v>
      </c>
      <c r="H81" s="22">
        <v>75</v>
      </c>
      <c r="I81" s="22">
        <v>44</v>
      </c>
      <c r="J81" s="22">
        <v>31</v>
      </c>
      <c r="K81" s="21">
        <v>61</v>
      </c>
      <c r="L81" s="53">
        <v>33</v>
      </c>
      <c r="M81" s="54">
        <v>28</v>
      </c>
    </row>
    <row r="82" spans="1:13">
      <c r="A82" s="40" t="s">
        <v>85</v>
      </c>
      <c r="B82" s="21">
        <v>5</v>
      </c>
      <c r="C82" s="22">
        <v>11</v>
      </c>
      <c r="D82" s="22">
        <v>-6</v>
      </c>
      <c r="E82" s="21">
        <v>12</v>
      </c>
      <c r="F82" s="22">
        <v>6</v>
      </c>
      <c r="G82" s="23">
        <v>6</v>
      </c>
      <c r="H82" s="22">
        <v>85</v>
      </c>
      <c r="I82" s="22">
        <v>47</v>
      </c>
      <c r="J82" s="22">
        <v>38</v>
      </c>
      <c r="K82" s="21">
        <v>68</v>
      </c>
      <c r="L82" s="53">
        <v>30</v>
      </c>
      <c r="M82" s="54">
        <v>38</v>
      </c>
    </row>
    <row r="83" spans="1:13" ht="19.5" customHeight="1">
      <c r="A83" s="34" t="s">
        <v>86</v>
      </c>
      <c r="B83" s="17">
        <v>-51</v>
      </c>
      <c r="C83" s="18">
        <v>-35</v>
      </c>
      <c r="D83" s="18">
        <v>-16</v>
      </c>
      <c r="E83" s="17">
        <v>58</v>
      </c>
      <c r="F83" s="18">
        <v>37</v>
      </c>
      <c r="G83" s="19">
        <v>21</v>
      </c>
      <c r="H83" s="18">
        <v>275</v>
      </c>
      <c r="I83" s="18">
        <v>159</v>
      </c>
      <c r="J83" s="18">
        <v>116</v>
      </c>
      <c r="K83" s="17">
        <v>268</v>
      </c>
      <c r="L83" s="51">
        <v>157</v>
      </c>
      <c r="M83" s="52">
        <v>111</v>
      </c>
    </row>
    <row r="84" spans="1:13">
      <c r="A84" s="40" t="s">
        <v>87</v>
      </c>
      <c r="B84" s="21">
        <v>-1</v>
      </c>
      <c r="C84" s="22">
        <v>1</v>
      </c>
      <c r="D84" s="22">
        <v>-2</v>
      </c>
      <c r="E84" s="21">
        <v>13</v>
      </c>
      <c r="F84" s="22">
        <v>8</v>
      </c>
      <c r="G84" s="23">
        <v>5</v>
      </c>
      <c r="H84" s="22">
        <v>72</v>
      </c>
      <c r="I84" s="22">
        <v>45</v>
      </c>
      <c r="J84" s="22">
        <v>27</v>
      </c>
      <c r="K84" s="21">
        <v>60</v>
      </c>
      <c r="L84" s="53">
        <v>36</v>
      </c>
      <c r="M84" s="54">
        <v>24</v>
      </c>
    </row>
    <row r="85" spans="1:13">
      <c r="A85" s="40" t="s">
        <v>88</v>
      </c>
      <c r="B85" s="21">
        <v>-26</v>
      </c>
      <c r="C85" s="22">
        <v>-19</v>
      </c>
      <c r="D85" s="22">
        <v>-7</v>
      </c>
      <c r="E85" s="21">
        <v>12</v>
      </c>
      <c r="F85" s="22">
        <v>9</v>
      </c>
      <c r="G85" s="23">
        <v>3</v>
      </c>
      <c r="H85" s="22">
        <v>54</v>
      </c>
      <c r="I85" s="22">
        <v>30</v>
      </c>
      <c r="J85" s="22">
        <v>24</v>
      </c>
      <c r="K85" s="21">
        <v>68</v>
      </c>
      <c r="L85" s="53">
        <v>40</v>
      </c>
      <c r="M85" s="54">
        <v>28</v>
      </c>
    </row>
    <row r="86" spans="1:13">
      <c r="A86" s="40" t="s">
        <v>89</v>
      </c>
      <c r="B86" s="21">
        <v>-9</v>
      </c>
      <c r="C86" s="22">
        <v>-4</v>
      </c>
      <c r="D86" s="22">
        <v>-5</v>
      </c>
      <c r="E86" s="21">
        <v>11</v>
      </c>
      <c r="F86" s="22">
        <v>4</v>
      </c>
      <c r="G86" s="23">
        <v>7</v>
      </c>
      <c r="H86" s="22">
        <v>52</v>
      </c>
      <c r="I86" s="22">
        <v>28</v>
      </c>
      <c r="J86" s="22">
        <v>24</v>
      </c>
      <c r="K86" s="21">
        <v>50</v>
      </c>
      <c r="L86" s="53">
        <v>28</v>
      </c>
      <c r="M86" s="54">
        <v>22</v>
      </c>
    </row>
    <row r="87" spans="1:13">
      <c r="A87" s="40" t="s">
        <v>90</v>
      </c>
      <c r="B87" s="21">
        <v>-10</v>
      </c>
      <c r="C87" s="22">
        <v>-10</v>
      </c>
      <c r="D87" s="22">
        <v>0</v>
      </c>
      <c r="E87" s="21">
        <v>9</v>
      </c>
      <c r="F87" s="22">
        <v>6</v>
      </c>
      <c r="G87" s="23">
        <v>3</v>
      </c>
      <c r="H87" s="22">
        <v>55</v>
      </c>
      <c r="I87" s="22">
        <v>34</v>
      </c>
      <c r="J87" s="22">
        <v>21</v>
      </c>
      <c r="K87" s="21">
        <v>56</v>
      </c>
      <c r="L87" s="53">
        <v>38</v>
      </c>
      <c r="M87" s="54">
        <v>18</v>
      </c>
    </row>
    <row r="88" spans="1:13">
      <c r="A88" s="40" t="s">
        <v>91</v>
      </c>
      <c r="B88" s="21">
        <v>-5</v>
      </c>
      <c r="C88" s="22">
        <v>-3</v>
      </c>
      <c r="D88" s="22">
        <v>-2</v>
      </c>
      <c r="E88" s="21">
        <v>13</v>
      </c>
      <c r="F88" s="22">
        <v>10</v>
      </c>
      <c r="G88" s="23">
        <v>3</v>
      </c>
      <c r="H88" s="22">
        <v>42</v>
      </c>
      <c r="I88" s="22">
        <v>22</v>
      </c>
      <c r="J88" s="22">
        <v>20</v>
      </c>
      <c r="K88" s="21">
        <v>34</v>
      </c>
      <c r="L88" s="53">
        <v>15</v>
      </c>
      <c r="M88" s="54">
        <v>19</v>
      </c>
    </row>
    <row r="89" spans="1:13" ht="19.5" customHeight="1">
      <c r="A89" s="34" t="s">
        <v>92</v>
      </c>
      <c r="B89" s="17">
        <v>-31</v>
      </c>
      <c r="C89" s="18">
        <v>-8</v>
      </c>
      <c r="D89" s="18">
        <v>-23</v>
      </c>
      <c r="E89" s="17">
        <v>46</v>
      </c>
      <c r="F89" s="18">
        <v>27</v>
      </c>
      <c r="G89" s="19">
        <v>19</v>
      </c>
      <c r="H89" s="18">
        <v>210</v>
      </c>
      <c r="I89" s="18">
        <v>128</v>
      </c>
      <c r="J89" s="18">
        <v>82</v>
      </c>
      <c r="K89" s="17">
        <v>195</v>
      </c>
      <c r="L89" s="51">
        <v>109</v>
      </c>
      <c r="M89" s="52">
        <v>86</v>
      </c>
    </row>
    <row r="90" spans="1:13">
      <c r="A90" s="40" t="s">
        <v>93</v>
      </c>
      <c r="B90" s="21">
        <v>-1</v>
      </c>
      <c r="C90" s="22">
        <v>-1</v>
      </c>
      <c r="D90" s="22">
        <v>0</v>
      </c>
      <c r="E90" s="21">
        <v>5</v>
      </c>
      <c r="F90" s="22">
        <v>2</v>
      </c>
      <c r="G90" s="23">
        <v>3</v>
      </c>
      <c r="H90" s="22">
        <v>56</v>
      </c>
      <c r="I90" s="22">
        <v>33</v>
      </c>
      <c r="J90" s="22">
        <v>23</v>
      </c>
      <c r="K90" s="21">
        <v>52</v>
      </c>
      <c r="L90" s="53">
        <v>32</v>
      </c>
      <c r="M90" s="54">
        <v>20</v>
      </c>
    </row>
    <row r="91" spans="1:13">
      <c r="A91" s="40" t="s">
        <v>94</v>
      </c>
      <c r="B91" s="21">
        <v>-11</v>
      </c>
      <c r="C91" s="22">
        <v>-8</v>
      </c>
      <c r="D91" s="22">
        <v>-3</v>
      </c>
      <c r="E91" s="21">
        <v>8</v>
      </c>
      <c r="F91" s="22">
        <v>8</v>
      </c>
      <c r="G91" s="23">
        <v>0</v>
      </c>
      <c r="H91" s="22">
        <v>35</v>
      </c>
      <c r="I91" s="22">
        <v>23</v>
      </c>
      <c r="J91" s="22">
        <v>12</v>
      </c>
      <c r="K91" s="21">
        <v>38</v>
      </c>
      <c r="L91" s="53">
        <v>23</v>
      </c>
      <c r="M91" s="54">
        <v>15</v>
      </c>
    </row>
    <row r="92" spans="1:13">
      <c r="A92" s="40" t="s">
        <v>95</v>
      </c>
      <c r="B92" s="21">
        <v>-9</v>
      </c>
      <c r="C92" s="22">
        <v>-4</v>
      </c>
      <c r="D92" s="22">
        <v>-5</v>
      </c>
      <c r="E92" s="21">
        <v>14</v>
      </c>
      <c r="F92" s="22">
        <v>7</v>
      </c>
      <c r="G92" s="23">
        <v>7</v>
      </c>
      <c r="H92" s="22">
        <v>39</v>
      </c>
      <c r="I92" s="22">
        <v>22</v>
      </c>
      <c r="J92" s="22">
        <v>17</v>
      </c>
      <c r="K92" s="21">
        <v>34</v>
      </c>
      <c r="L92" s="53">
        <v>19</v>
      </c>
      <c r="M92" s="54">
        <v>15</v>
      </c>
    </row>
    <row r="93" spans="1:13">
      <c r="A93" s="40" t="s">
        <v>96</v>
      </c>
      <c r="B93" s="21">
        <v>-9</v>
      </c>
      <c r="C93" s="22">
        <v>0</v>
      </c>
      <c r="D93" s="22">
        <v>-9</v>
      </c>
      <c r="E93" s="21">
        <v>8</v>
      </c>
      <c r="F93" s="22">
        <v>5</v>
      </c>
      <c r="G93" s="23">
        <v>3</v>
      </c>
      <c r="H93" s="22">
        <v>41</v>
      </c>
      <c r="I93" s="22">
        <v>26</v>
      </c>
      <c r="J93" s="22">
        <v>15</v>
      </c>
      <c r="K93" s="21">
        <v>42</v>
      </c>
      <c r="L93" s="53">
        <v>21</v>
      </c>
      <c r="M93" s="54">
        <v>21</v>
      </c>
    </row>
    <row r="94" spans="1:13">
      <c r="A94" s="40" t="s">
        <v>97</v>
      </c>
      <c r="B94" s="21">
        <v>-1</v>
      </c>
      <c r="C94" s="22">
        <v>5</v>
      </c>
      <c r="D94" s="22">
        <v>-6</v>
      </c>
      <c r="E94" s="21">
        <v>11</v>
      </c>
      <c r="F94" s="22">
        <v>5</v>
      </c>
      <c r="G94" s="23">
        <v>6</v>
      </c>
      <c r="H94" s="22">
        <v>39</v>
      </c>
      <c r="I94" s="22">
        <v>24</v>
      </c>
      <c r="J94" s="22">
        <v>15</v>
      </c>
      <c r="K94" s="21">
        <v>29</v>
      </c>
      <c r="L94" s="53">
        <v>14</v>
      </c>
      <c r="M94" s="54">
        <v>15</v>
      </c>
    </row>
    <row r="95" spans="1:13" ht="19.5" customHeight="1">
      <c r="A95" s="34" t="s">
        <v>98</v>
      </c>
      <c r="B95" s="17">
        <v>-146</v>
      </c>
      <c r="C95" s="18">
        <v>-79</v>
      </c>
      <c r="D95" s="18">
        <v>-67</v>
      </c>
      <c r="E95" s="17">
        <v>117</v>
      </c>
      <c r="F95" s="18">
        <v>72</v>
      </c>
      <c r="G95" s="19">
        <v>45</v>
      </c>
      <c r="H95" s="18">
        <v>125</v>
      </c>
      <c r="I95" s="18">
        <v>69</v>
      </c>
      <c r="J95" s="18">
        <v>56</v>
      </c>
      <c r="K95" s="17">
        <v>154</v>
      </c>
      <c r="L95" s="51">
        <v>76</v>
      </c>
      <c r="M95" s="52">
        <v>78</v>
      </c>
    </row>
    <row r="96" spans="1:13">
      <c r="A96" s="40" t="s">
        <v>99</v>
      </c>
      <c r="B96" s="21">
        <v>-23</v>
      </c>
      <c r="C96" s="22">
        <v>-10</v>
      </c>
      <c r="D96" s="22">
        <v>-13</v>
      </c>
      <c r="E96" s="21">
        <v>15</v>
      </c>
      <c r="F96" s="22">
        <v>10</v>
      </c>
      <c r="G96" s="23">
        <v>5</v>
      </c>
      <c r="H96" s="22">
        <v>28</v>
      </c>
      <c r="I96" s="22">
        <v>19</v>
      </c>
      <c r="J96" s="22">
        <v>9</v>
      </c>
      <c r="K96" s="21">
        <v>36</v>
      </c>
      <c r="L96" s="53">
        <v>19</v>
      </c>
      <c r="M96" s="54">
        <v>17</v>
      </c>
    </row>
    <row r="97" spans="1:13">
      <c r="A97" s="40" t="s">
        <v>100</v>
      </c>
      <c r="B97" s="21">
        <v>-16</v>
      </c>
      <c r="C97" s="22">
        <v>-9</v>
      </c>
      <c r="D97" s="22">
        <v>-7</v>
      </c>
      <c r="E97" s="21">
        <v>18</v>
      </c>
      <c r="F97" s="22">
        <v>11</v>
      </c>
      <c r="G97" s="23">
        <v>7</v>
      </c>
      <c r="H97" s="22">
        <v>29</v>
      </c>
      <c r="I97" s="22">
        <v>14</v>
      </c>
      <c r="J97" s="22">
        <v>15</v>
      </c>
      <c r="K97" s="21">
        <v>27</v>
      </c>
      <c r="L97" s="53">
        <v>12</v>
      </c>
      <c r="M97" s="54">
        <v>15</v>
      </c>
    </row>
    <row r="98" spans="1:13">
      <c r="A98" s="40" t="s">
        <v>101</v>
      </c>
      <c r="B98" s="21">
        <v>-43</v>
      </c>
      <c r="C98" s="22">
        <v>-28</v>
      </c>
      <c r="D98" s="22">
        <v>-15</v>
      </c>
      <c r="E98" s="21">
        <v>24</v>
      </c>
      <c r="F98" s="22">
        <v>15</v>
      </c>
      <c r="G98" s="23">
        <v>9</v>
      </c>
      <c r="H98" s="22">
        <v>20</v>
      </c>
      <c r="I98" s="22">
        <v>7</v>
      </c>
      <c r="J98" s="22">
        <v>13</v>
      </c>
      <c r="K98" s="21">
        <v>39</v>
      </c>
      <c r="L98" s="53">
        <v>20</v>
      </c>
      <c r="M98" s="54">
        <v>19</v>
      </c>
    </row>
    <row r="99" spans="1:13">
      <c r="A99" s="40" t="s">
        <v>102</v>
      </c>
      <c r="B99" s="21">
        <v>-33</v>
      </c>
      <c r="C99" s="22">
        <v>-12</v>
      </c>
      <c r="D99" s="22">
        <v>-21</v>
      </c>
      <c r="E99" s="21">
        <v>32</v>
      </c>
      <c r="F99" s="22">
        <v>19</v>
      </c>
      <c r="G99" s="23">
        <v>13</v>
      </c>
      <c r="H99" s="22">
        <v>27</v>
      </c>
      <c r="I99" s="22">
        <v>19</v>
      </c>
      <c r="J99" s="22">
        <v>8</v>
      </c>
      <c r="K99" s="21">
        <v>28</v>
      </c>
      <c r="L99" s="53">
        <v>12</v>
      </c>
      <c r="M99" s="54">
        <v>16</v>
      </c>
    </row>
    <row r="100" spans="1:13">
      <c r="A100" s="40" t="s">
        <v>103</v>
      </c>
      <c r="B100" s="21">
        <v>-31</v>
      </c>
      <c r="C100" s="22">
        <v>-20</v>
      </c>
      <c r="D100" s="22">
        <v>-11</v>
      </c>
      <c r="E100" s="21">
        <v>28</v>
      </c>
      <c r="F100" s="22">
        <v>17</v>
      </c>
      <c r="G100" s="23">
        <v>11</v>
      </c>
      <c r="H100" s="22">
        <v>21</v>
      </c>
      <c r="I100" s="22">
        <v>10</v>
      </c>
      <c r="J100" s="22">
        <v>11</v>
      </c>
      <c r="K100" s="21">
        <v>24</v>
      </c>
      <c r="L100" s="53">
        <v>13</v>
      </c>
      <c r="M100" s="54">
        <v>11</v>
      </c>
    </row>
    <row r="101" spans="1:13" ht="19.5" customHeight="1">
      <c r="A101" s="34" t="s">
        <v>104</v>
      </c>
      <c r="B101" s="17">
        <v>-188</v>
      </c>
      <c r="C101" s="18">
        <v>-119</v>
      </c>
      <c r="D101" s="18">
        <v>-69</v>
      </c>
      <c r="E101" s="17">
        <v>175</v>
      </c>
      <c r="F101" s="18">
        <v>111</v>
      </c>
      <c r="G101" s="19">
        <v>64</v>
      </c>
      <c r="H101" s="18">
        <v>118</v>
      </c>
      <c r="I101" s="18">
        <v>53</v>
      </c>
      <c r="J101" s="18">
        <v>65</v>
      </c>
      <c r="K101" s="17">
        <v>131</v>
      </c>
      <c r="L101" s="51">
        <v>61</v>
      </c>
      <c r="M101" s="52">
        <v>70</v>
      </c>
    </row>
    <row r="102" spans="1:13">
      <c r="A102" s="40" t="s">
        <v>105</v>
      </c>
      <c r="B102" s="21">
        <v>-42</v>
      </c>
      <c r="C102" s="22">
        <v>-30</v>
      </c>
      <c r="D102" s="22">
        <v>-12</v>
      </c>
      <c r="E102" s="21">
        <v>32</v>
      </c>
      <c r="F102" s="22">
        <v>24</v>
      </c>
      <c r="G102" s="23">
        <v>8</v>
      </c>
      <c r="H102" s="22">
        <v>24</v>
      </c>
      <c r="I102" s="22">
        <v>11</v>
      </c>
      <c r="J102" s="22">
        <v>13</v>
      </c>
      <c r="K102" s="21">
        <v>34</v>
      </c>
      <c r="L102" s="53">
        <v>17</v>
      </c>
      <c r="M102" s="54">
        <v>17</v>
      </c>
    </row>
    <row r="103" spans="1:13">
      <c r="A103" s="40" t="s">
        <v>106</v>
      </c>
      <c r="B103" s="21">
        <v>-52</v>
      </c>
      <c r="C103" s="22">
        <v>-31</v>
      </c>
      <c r="D103" s="22">
        <v>-21</v>
      </c>
      <c r="E103" s="21">
        <v>45</v>
      </c>
      <c r="F103" s="22">
        <v>25</v>
      </c>
      <c r="G103" s="23">
        <v>20</v>
      </c>
      <c r="H103" s="22">
        <v>23</v>
      </c>
      <c r="I103" s="22">
        <v>11</v>
      </c>
      <c r="J103" s="22">
        <v>12</v>
      </c>
      <c r="K103" s="21">
        <v>30</v>
      </c>
      <c r="L103" s="53">
        <v>17</v>
      </c>
      <c r="M103" s="54">
        <v>13</v>
      </c>
    </row>
    <row r="104" spans="1:13">
      <c r="A104" s="40" t="s">
        <v>107</v>
      </c>
      <c r="B104" s="21">
        <v>-45</v>
      </c>
      <c r="C104" s="22">
        <v>-33</v>
      </c>
      <c r="D104" s="22">
        <v>-12</v>
      </c>
      <c r="E104" s="21">
        <v>44</v>
      </c>
      <c r="F104" s="22">
        <v>31</v>
      </c>
      <c r="G104" s="23">
        <v>13</v>
      </c>
      <c r="H104" s="22">
        <v>28</v>
      </c>
      <c r="I104" s="22">
        <v>11</v>
      </c>
      <c r="J104" s="22">
        <v>17</v>
      </c>
      <c r="K104" s="21">
        <v>29</v>
      </c>
      <c r="L104" s="53">
        <v>13</v>
      </c>
      <c r="M104" s="54">
        <v>16</v>
      </c>
    </row>
    <row r="105" spans="1:13">
      <c r="A105" s="40" t="s">
        <v>108</v>
      </c>
      <c r="B105" s="21">
        <v>-28</v>
      </c>
      <c r="C105" s="22">
        <v>-11</v>
      </c>
      <c r="D105" s="22">
        <v>-17</v>
      </c>
      <c r="E105" s="21">
        <v>28</v>
      </c>
      <c r="F105" s="22">
        <v>16</v>
      </c>
      <c r="G105" s="23">
        <v>12</v>
      </c>
      <c r="H105" s="22">
        <v>24</v>
      </c>
      <c r="I105" s="22">
        <v>13</v>
      </c>
      <c r="J105" s="22">
        <v>11</v>
      </c>
      <c r="K105" s="21">
        <v>24</v>
      </c>
      <c r="L105" s="53">
        <v>8</v>
      </c>
      <c r="M105" s="54">
        <v>16</v>
      </c>
    </row>
    <row r="106" spans="1:13">
      <c r="A106" s="40" t="s">
        <v>109</v>
      </c>
      <c r="B106" s="21">
        <v>-21</v>
      </c>
      <c r="C106" s="22">
        <v>-14</v>
      </c>
      <c r="D106" s="22">
        <v>-7</v>
      </c>
      <c r="E106" s="21">
        <v>26</v>
      </c>
      <c r="F106" s="22">
        <v>15</v>
      </c>
      <c r="G106" s="23">
        <v>11</v>
      </c>
      <c r="H106" s="22">
        <v>19</v>
      </c>
      <c r="I106" s="22">
        <v>7</v>
      </c>
      <c r="J106" s="22">
        <v>12</v>
      </c>
      <c r="K106" s="21">
        <v>14</v>
      </c>
      <c r="L106" s="53">
        <v>6</v>
      </c>
      <c r="M106" s="54">
        <v>8</v>
      </c>
    </row>
    <row r="107" spans="1:13" ht="19.5" customHeight="1">
      <c r="A107" s="34" t="s">
        <v>110</v>
      </c>
      <c r="B107" s="17">
        <v>-244</v>
      </c>
      <c r="C107" s="18">
        <v>-185</v>
      </c>
      <c r="D107" s="18">
        <v>-59</v>
      </c>
      <c r="E107" s="17">
        <v>277</v>
      </c>
      <c r="F107" s="18">
        <v>182</v>
      </c>
      <c r="G107" s="19">
        <v>95</v>
      </c>
      <c r="H107" s="18">
        <v>131</v>
      </c>
      <c r="I107" s="18">
        <v>43</v>
      </c>
      <c r="J107" s="18">
        <v>88</v>
      </c>
      <c r="K107" s="17">
        <v>98</v>
      </c>
      <c r="L107" s="51">
        <v>46</v>
      </c>
      <c r="M107" s="52">
        <v>52</v>
      </c>
    </row>
    <row r="108" spans="1:13">
      <c r="A108" s="40" t="s">
        <v>111</v>
      </c>
      <c r="B108" s="21">
        <v>-53</v>
      </c>
      <c r="C108" s="22">
        <v>-29</v>
      </c>
      <c r="D108" s="22">
        <v>-24</v>
      </c>
      <c r="E108" s="21">
        <v>49</v>
      </c>
      <c r="F108" s="22">
        <v>26</v>
      </c>
      <c r="G108" s="23">
        <v>23</v>
      </c>
      <c r="H108" s="22">
        <v>22</v>
      </c>
      <c r="I108" s="22">
        <v>12</v>
      </c>
      <c r="J108" s="22">
        <v>10</v>
      </c>
      <c r="K108" s="21">
        <v>26</v>
      </c>
      <c r="L108" s="53">
        <v>15</v>
      </c>
      <c r="M108" s="54">
        <v>11</v>
      </c>
    </row>
    <row r="109" spans="1:13">
      <c r="A109" s="40" t="s">
        <v>112</v>
      </c>
      <c r="B109" s="21">
        <v>-31</v>
      </c>
      <c r="C109" s="22">
        <v>-37</v>
      </c>
      <c r="D109" s="22">
        <v>6</v>
      </c>
      <c r="E109" s="21">
        <v>45</v>
      </c>
      <c r="F109" s="22">
        <v>35</v>
      </c>
      <c r="G109" s="23">
        <v>10</v>
      </c>
      <c r="H109" s="22">
        <v>27</v>
      </c>
      <c r="I109" s="22">
        <v>5</v>
      </c>
      <c r="J109" s="22">
        <v>22</v>
      </c>
      <c r="K109" s="21">
        <v>13</v>
      </c>
      <c r="L109" s="53">
        <v>7</v>
      </c>
      <c r="M109" s="54">
        <v>6</v>
      </c>
    </row>
    <row r="110" spans="1:13">
      <c r="A110" s="40" t="s">
        <v>113</v>
      </c>
      <c r="B110" s="21">
        <v>-49</v>
      </c>
      <c r="C110" s="22">
        <v>-39</v>
      </c>
      <c r="D110" s="22">
        <v>-10</v>
      </c>
      <c r="E110" s="21">
        <v>54</v>
      </c>
      <c r="F110" s="22">
        <v>37</v>
      </c>
      <c r="G110" s="23">
        <v>17</v>
      </c>
      <c r="H110" s="22">
        <v>26</v>
      </c>
      <c r="I110" s="22">
        <v>7</v>
      </c>
      <c r="J110" s="22">
        <v>19</v>
      </c>
      <c r="K110" s="21">
        <v>21</v>
      </c>
      <c r="L110" s="53">
        <v>9</v>
      </c>
      <c r="M110" s="54">
        <v>12</v>
      </c>
    </row>
    <row r="111" spans="1:13">
      <c r="A111" s="40" t="s">
        <v>114</v>
      </c>
      <c r="B111" s="21">
        <v>-56</v>
      </c>
      <c r="C111" s="22">
        <v>-40</v>
      </c>
      <c r="D111" s="22">
        <v>-16</v>
      </c>
      <c r="E111" s="21">
        <v>60</v>
      </c>
      <c r="F111" s="22">
        <v>40</v>
      </c>
      <c r="G111" s="23">
        <v>20</v>
      </c>
      <c r="H111" s="22">
        <v>26</v>
      </c>
      <c r="I111" s="22">
        <v>9</v>
      </c>
      <c r="J111" s="22">
        <v>17</v>
      </c>
      <c r="K111" s="21">
        <v>22</v>
      </c>
      <c r="L111" s="53">
        <v>9</v>
      </c>
      <c r="M111" s="54">
        <v>13</v>
      </c>
    </row>
    <row r="112" spans="1:13">
      <c r="A112" s="40" t="s">
        <v>115</v>
      </c>
      <c r="B112" s="21">
        <v>-55</v>
      </c>
      <c r="C112" s="22">
        <v>-40</v>
      </c>
      <c r="D112" s="22">
        <v>-15</v>
      </c>
      <c r="E112" s="21">
        <v>69</v>
      </c>
      <c r="F112" s="22">
        <v>44</v>
      </c>
      <c r="G112" s="23">
        <v>25</v>
      </c>
      <c r="H112" s="22">
        <v>30</v>
      </c>
      <c r="I112" s="22">
        <v>10</v>
      </c>
      <c r="J112" s="22">
        <v>20</v>
      </c>
      <c r="K112" s="21">
        <v>16</v>
      </c>
      <c r="L112" s="53">
        <v>6</v>
      </c>
      <c r="M112" s="54">
        <v>10</v>
      </c>
    </row>
    <row r="113" spans="1:13" ht="19.5" customHeight="1">
      <c r="A113" s="34" t="s">
        <v>116</v>
      </c>
      <c r="B113" s="17">
        <v>-311</v>
      </c>
      <c r="C113" s="18">
        <v>-200</v>
      </c>
      <c r="D113" s="18">
        <v>-111</v>
      </c>
      <c r="E113" s="17">
        <v>337</v>
      </c>
      <c r="F113" s="18">
        <v>202</v>
      </c>
      <c r="G113" s="19">
        <v>135</v>
      </c>
      <c r="H113" s="18">
        <v>123</v>
      </c>
      <c r="I113" s="18">
        <v>42</v>
      </c>
      <c r="J113" s="18">
        <v>81</v>
      </c>
      <c r="K113" s="17">
        <v>97</v>
      </c>
      <c r="L113" s="51">
        <v>40</v>
      </c>
      <c r="M113" s="52">
        <v>57</v>
      </c>
    </row>
    <row r="114" spans="1:13">
      <c r="A114" s="40" t="s">
        <v>117</v>
      </c>
      <c r="B114" s="21">
        <v>-48</v>
      </c>
      <c r="C114" s="22">
        <v>-29</v>
      </c>
      <c r="D114" s="22">
        <v>-19</v>
      </c>
      <c r="E114" s="21">
        <v>50</v>
      </c>
      <c r="F114" s="22">
        <v>31</v>
      </c>
      <c r="G114" s="23">
        <v>19</v>
      </c>
      <c r="H114" s="22">
        <v>25</v>
      </c>
      <c r="I114" s="22">
        <v>8</v>
      </c>
      <c r="J114" s="22">
        <v>17</v>
      </c>
      <c r="K114" s="21">
        <v>23</v>
      </c>
      <c r="L114" s="53">
        <v>6</v>
      </c>
      <c r="M114" s="54">
        <v>17</v>
      </c>
    </row>
    <row r="115" spans="1:13">
      <c r="A115" s="40" t="s">
        <v>118</v>
      </c>
      <c r="B115" s="21">
        <v>-33</v>
      </c>
      <c r="C115" s="22">
        <v>-24</v>
      </c>
      <c r="D115" s="22">
        <v>-9</v>
      </c>
      <c r="E115" s="21">
        <v>48</v>
      </c>
      <c r="F115" s="22">
        <v>24</v>
      </c>
      <c r="G115" s="23">
        <v>24</v>
      </c>
      <c r="H115" s="22">
        <v>31</v>
      </c>
      <c r="I115" s="22">
        <v>9</v>
      </c>
      <c r="J115" s="22">
        <v>22</v>
      </c>
      <c r="K115" s="21">
        <v>16</v>
      </c>
      <c r="L115" s="53">
        <v>9</v>
      </c>
      <c r="M115" s="54">
        <v>7</v>
      </c>
    </row>
    <row r="116" spans="1:13">
      <c r="A116" s="40" t="s">
        <v>119</v>
      </c>
      <c r="B116" s="21">
        <v>-73</v>
      </c>
      <c r="C116" s="22">
        <v>-45</v>
      </c>
      <c r="D116" s="22">
        <v>-28</v>
      </c>
      <c r="E116" s="21">
        <v>82</v>
      </c>
      <c r="F116" s="22">
        <v>52</v>
      </c>
      <c r="G116" s="23">
        <v>30</v>
      </c>
      <c r="H116" s="22">
        <v>26</v>
      </c>
      <c r="I116" s="22">
        <v>15</v>
      </c>
      <c r="J116" s="22">
        <v>11</v>
      </c>
      <c r="K116" s="21">
        <v>17</v>
      </c>
      <c r="L116" s="53">
        <v>8</v>
      </c>
      <c r="M116" s="54">
        <v>9</v>
      </c>
    </row>
    <row r="117" spans="1:13">
      <c r="A117" s="40" t="s">
        <v>120</v>
      </c>
      <c r="B117" s="21">
        <v>-81</v>
      </c>
      <c r="C117" s="22">
        <v>-52</v>
      </c>
      <c r="D117" s="22">
        <v>-29</v>
      </c>
      <c r="E117" s="21">
        <v>80</v>
      </c>
      <c r="F117" s="22">
        <v>47</v>
      </c>
      <c r="G117" s="23">
        <v>33</v>
      </c>
      <c r="H117" s="22">
        <v>16</v>
      </c>
      <c r="I117" s="22">
        <v>4</v>
      </c>
      <c r="J117" s="22">
        <v>12</v>
      </c>
      <c r="K117" s="21">
        <v>17</v>
      </c>
      <c r="L117" s="53">
        <v>9</v>
      </c>
      <c r="M117" s="54">
        <v>8</v>
      </c>
    </row>
    <row r="118" spans="1:13">
      <c r="A118" s="40" t="s">
        <v>121</v>
      </c>
      <c r="B118" s="21">
        <v>-76</v>
      </c>
      <c r="C118" s="22">
        <v>-50</v>
      </c>
      <c r="D118" s="22">
        <v>-26</v>
      </c>
      <c r="E118" s="21">
        <v>77</v>
      </c>
      <c r="F118" s="22">
        <v>48</v>
      </c>
      <c r="G118" s="23">
        <v>29</v>
      </c>
      <c r="H118" s="22">
        <v>25</v>
      </c>
      <c r="I118" s="22">
        <v>6</v>
      </c>
      <c r="J118" s="22">
        <v>19</v>
      </c>
      <c r="K118" s="21">
        <v>24</v>
      </c>
      <c r="L118" s="53">
        <v>8</v>
      </c>
      <c r="M118" s="54">
        <v>16</v>
      </c>
    </row>
    <row r="119" spans="1:13" ht="19.5" customHeight="1">
      <c r="A119" s="34" t="s">
        <v>122</v>
      </c>
      <c r="B119" s="17">
        <v>-430</v>
      </c>
      <c r="C119" s="18">
        <v>-237</v>
      </c>
      <c r="D119" s="18">
        <v>-193</v>
      </c>
      <c r="E119" s="17">
        <v>452</v>
      </c>
      <c r="F119" s="18">
        <v>234</v>
      </c>
      <c r="G119" s="19">
        <v>218</v>
      </c>
      <c r="H119" s="18">
        <v>109</v>
      </c>
      <c r="I119" s="18">
        <v>27</v>
      </c>
      <c r="J119" s="18">
        <v>82</v>
      </c>
      <c r="K119" s="17">
        <v>87</v>
      </c>
      <c r="L119" s="51">
        <v>30</v>
      </c>
      <c r="M119" s="52">
        <v>57</v>
      </c>
    </row>
    <row r="120" spans="1:13">
      <c r="A120" s="40" t="s">
        <v>123</v>
      </c>
      <c r="B120" s="21">
        <v>-80</v>
      </c>
      <c r="C120" s="22">
        <v>-49</v>
      </c>
      <c r="D120" s="22">
        <v>-31</v>
      </c>
      <c r="E120" s="21">
        <v>80</v>
      </c>
      <c r="F120" s="22">
        <v>51</v>
      </c>
      <c r="G120" s="23">
        <v>29</v>
      </c>
      <c r="H120" s="22">
        <v>16</v>
      </c>
      <c r="I120" s="22">
        <v>7</v>
      </c>
      <c r="J120" s="22">
        <v>9</v>
      </c>
      <c r="K120" s="21">
        <v>16</v>
      </c>
      <c r="L120" s="53">
        <v>5</v>
      </c>
      <c r="M120" s="54">
        <v>11</v>
      </c>
    </row>
    <row r="121" spans="1:13">
      <c r="A121" s="40" t="s">
        <v>124</v>
      </c>
      <c r="B121" s="21">
        <v>-81</v>
      </c>
      <c r="C121" s="22">
        <v>-47</v>
      </c>
      <c r="D121" s="22">
        <v>-34</v>
      </c>
      <c r="E121" s="21">
        <v>90</v>
      </c>
      <c r="F121" s="22">
        <v>40</v>
      </c>
      <c r="G121" s="23">
        <v>50</v>
      </c>
      <c r="H121" s="22">
        <v>30</v>
      </c>
      <c r="I121" s="22">
        <v>6</v>
      </c>
      <c r="J121" s="22">
        <v>24</v>
      </c>
      <c r="K121" s="21">
        <v>21</v>
      </c>
      <c r="L121" s="53">
        <v>13</v>
      </c>
      <c r="M121" s="54">
        <v>8</v>
      </c>
    </row>
    <row r="122" spans="1:13">
      <c r="A122" s="40" t="s">
        <v>125</v>
      </c>
      <c r="B122" s="21">
        <v>-97</v>
      </c>
      <c r="C122" s="22">
        <v>-52</v>
      </c>
      <c r="D122" s="22">
        <v>-45</v>
      </c>
      <c r="E122" s="21">
        <v>99</v>
      </c>
      <c r="F122" s="22">
        <v>55</v>
      </c>
      <c r="G122" s="23">
        <v>44</v>
      </c>
      <c r="H122" s="22">
        <v>17</v>
      </c>
      <c r="I122" s="22">
        <v>5</v>
      </c>
      <c r="J122" s="22">
        <v>12</v>
      </c>
      <c r="K122" s="21">
        <v>15</v>
      </c>
      <c r="L122" s="53">
        <v>2</v>
      </c>
      <c r="M122" s="54">
        <v>13</v>
      </c>
    </row>
    <row r="123" spans="1:13">
      <c r="A123" s="40" t="s">
        <v>126</v>
      </c>
      <c r="B123" s="21">
        <v>-91</v>
      </c>
      <c r="C123" s="22">
        <v>-51</v>
      </c>
      <c r="D123" s="22">
        <v>-40</v>
      </c>
      <c r="E123" s="21">
        <v>96</v>
      </c>
      <c r="F123" s="22">
        <v>49</v>
      </c>
      <c r="G123" s="23">
        <v>47</v>
      </c>
      <c r="H123" s="22">
        <v>27</v>
      </c>
      <c r="I123" s="22">
        <v>4</v>
      </c>
      <c r="J123" s="22">
        <v>23</v>
      </c>
      <c r="K123" s="21">
        <v>22</v>
      </c>
      <c r="L123" s="53">
        <v>6</v>
      </c>
      <c r="M123" s="54">
        <v>16</v>
      </c>
    </row>
    <row r="124" spans="1:13">
      <c r="A124" s="40" t="s">
        <v>127</v>
      </c>
      <c r="B124" s="21">
        <v>-81</v>
      </c>
      <c r="C124" s="22">
        <v>-38</v>
      </c>
      <c r="D124" s="22">
        <v>-43</v>
      </c>
      <c r="E124" s="21">
        <v>87</v>
      </c>
      <c r="F124" s="22">
        <v>39</v>
      </c>
      <c r="G124" s="23">
        <v>48</v>
      </c>
      <c r="H124" s="22">
        <v>19</v>
      </c>
      <c r="I124" s="22">
        <v>5</v>
      </c>
      <c r="J124" s="22">
        <v>14</v>
      </c>
      <c r="K124" s="21">
        <v>13</v>
      </c>
      <c r="L124" s="53">
        <v>4</v>
      </c>
      <c r="M124" s="54">
        <v>9</v>
      </c>
    </row>
    <row r="125" spans="1:13" ht="19.5" customHeight="1">
      <c r="A125" s="34" t="s">
        <v>128</v>
      </c>
      <c r="B125" s="17">
        <v>-400</v>
      </c>
      <c r="C125" s="18">
        <v>-164</v>
      </c>
      <c r="D125" s="18">
        <v>-236</v>
      </c>
      <c r="E125" s="17">
        <v>406</v>
      </c>
      <c r="F125" s="18">
        <v>158</v>
      </c>
      <c r="G125" s="19">
        <v>248</v>
      </c>
      <c r="H125" s="18">
        <v>50</v>
      </c>
      <c r="I125" s="18">
        <v>10</v>
      </c>
      <c r="J125" s="18">
        <v>40</v>
      </c>
      <c r="K125" s="17">
        <v>44</v>
      </c>
      <c r="L125" s="51">
        <v>16</v>
      </c>
      <c r="M125" s="52">
        <v>28</v>
      </c>
    </row>
    <row r="126" spans="1:13">
      <c r="A126" s="40" t="s">
        <v>129</v>
      </c>
      <c r="B126" s="21">
        <v>-85</v>
      </c>
      <c r="C126" s="22">
        <v>-35</v>
      </c>
      <c r="D126" s="22">
        <v>-50</v>
      </c>
      <c r="E126" s="21">
        <v>88</v>
      </c>
      <c r="F126" s="22">
        <v>34</v>
      </c>
      <c r="G126" s="23">
        <v>54</v>
      </c>
      <c r="H126" s="22">
        <v>16</v>
      </c>
      <c r="I126" s="22">
        <v>4</v>
      </c>
      <c r="J126" s="22">
        <v>12</v>
      </c>
      <c r="K126" s="21">
        <v>13</v>
      </c>
      <c r="L126" s="53">
        <v>5</v>
      </c>
      <c r="M126" s="54">
        <v>8</v>
      </c>
    </row>
    <row r="127" spans="1:13">
      <c r="A127" s="40" t="s">
        <v>130</v>
      </c>
      <c r="B127" s="21">
        <v>-80</v>
      </c>
      <c r="C127" s="22">
        <v>-43</v>
      </c>
      <c r="D127" s="22">
        <v>-37</v>
      </c>
      <c r="E127" s="21">
        <v>85</v>
      </c>
      <c r="F127" s="22">
        <v>43</v>
      </c>
      <c r="G127" s="23">
        <v>42</v>
      </c>
      <c r="H127" s="22">
        <v>13</v>
      </c>
      <c r="I127" s="22">
        <v>1</v>
      </c>
      <c r="J127" s="22">
        <v>12</v>
      </c>
      <c r="K127" s="21">
        <v>8</v>
      </c>
      <c r="L127" s="53">
        <v>1</v>
      </c>
      <c r="M127" s="54">
        <v>7</v>
      </c>
    </row>
    <row r="128" spans="1:13">
      <c r="A128" s="40" t="s">
        <v>131</v>
      </c>
      <c r="B128" s="21">
        <v>-89</v>
      </c>
      <c r="C128" s="22">
        <v>-31</v>
      </c>
      <c r="D128" s="22">
        <v>-58</v>
      </c>
      <c r="E128" s="21">
        <v>89</v>
      </c>
      <c r="F128" s="22">
        <v>32</v>
      </c>
      <c r="G128" s="23">
        <v>57</v>
      </c>
      <c r="H128" s="22">
        <v>8</v>
      </c>
      <c r="I128" s="22">
        <v>2</v>
      </c>
      <c r="J128" s="22">
        <v>6</v>
      </c>
      <c r="K128" s="21">
        <v>8</v>
      </c>
      <c r="L128" s="53">
        <v>1</v>
      </c>
      <c r="M128" s="54">
        <v>7</v>
      </c>
    </row>
    <row r="129" spans="1:13">
      <c r="A129" s="40" t="s">
        <v>132</v>
      </c>
      <c r="B129" s="21">
        <v>-72</v>
      </c>
      <c r="C129" s="22">
        <v>-30</v>
      </c>
      <c r="D129" s="22">
        <v>-42</v>
      </c>
      <c r="E129" s="21">
        <v>70</v>
      </c>
      <c r="F129" s="22">
        <v>24</v>
      </c>
      <c r="G129" s="23">
        <v>46</v>
      </c>
      <c r="H129" s="22">
        <v>7</v>
      </c>
      <c r="I129" s="22">
        <v>1</v>
      </c>
      <c r="J129" s="22">
        <v>6</v>
      </c>
      <c r="K129" s="21">
        <v>9</v>
      </c>
      <c r="L129" s="53">
        <v>7</v>
      </c>
      <c r="M129" s="54">
        <v>2</v>
      </c>
    </row>
    <row r="130" spans="1:13">
      <c r="A130" s="40" t="s">
        <v>133</v>
      </c>
      <c r="B130" s="21">
        <v>-74</v>
      </c>
      <c r="C130" s="22">
        <v>-25</v>
      </c>
      <c r="D130" s="22">
        <v>-49</v>
      </c>
      <c r="E130" s="21">
        <v>74</v>
      </c>
      <c r="F130" s="22">
        <v>25</v>
      </c>
      <c r="G130" s="23">
        <v>49</v>
      </c>
      <c r="H130" s="22">
        <v>6</v>
      </c>
      <c r="I130" s="22">
        <v>2</v>
      </c>
      <c r="J130" s="22">
        <v>4</v>
      </c>
      <c r="K130" s="21">
        <v>6</v>
      </c>
      <c r="L130" s="53">
        <v>2</v>
      </c>
      <c r="M130" s="54">
        <v>4</v>
      </c>
    </row>
    <row r="131" spans="1:13" ht="19.5" customHeight="1">
      <c r="A131" s="34" t="s">
        <v>134</v>
      </c>
      <c r="B131" s="17">
        <v>-178</v>
      </c>
      <c r="C131" s="18">
        <v>-50</v>
      </c>
      <c r="D131" s="18">
        <v>-128</v>
      </c>
      <c r="E131" s="17">
        <v>178</v>
      </c>
      <c r="F131" s="18">
        <v>50</v>
      </c>
      <c r="G131" s="19">
        <v>128</v>
      </c>
      <c r="H131" s="18">
        <v>13</v>
      </c>
      <c r="I131" s="18">
        <v>2</v>
      </c>
      <c r="J131" s="18">
        <v>11</v>
      </c>
      <c r="K131" s="17">
        <v>13</v>
      </c>
      <c r="L131" s="51">
        <v>2</v>
      </c>
      <c r="M131" s="52">
        <v>11</v>
      </c>
    </row>
    <row r="132" spans="1:13">
      <c r="A132" s="40" t="s">
        <v>135</v>
      </c>
      <c r="B132" s="21">
        <v>-54</v>
      </c>
      <c r="C132" s="22">
        <v>-19</v>
      </c>
      <c r="D132" s="22">
        <v>-35</v>
      </c>
      <c r="E132" s="21">
        <v>56</v>
      </c>
      <c r="F132" s="22">
        <v>18</v>
      </c>
      <c r="G132" s="23">
        <v>38</v>
      </c>
      <c r="H132" s="22">
        <v>7</v>
      </c>
      <c r="I132" s="22">
        <v>0</v>
      </c>
      <c r="J132" s="22">
        <v>7</v>
      </c>
      <c r="K132" s="21">
        <v>5</v>
      </c>
      <c r="L132" s="53">
        <v>1</v>
      </c>
      <c r="M132" s="54">
        <v>4</v>
      </c>
    </row>
    <row r="133" spans="1:13">
      <c r="A133" s="40" t="s">
        <v>136</v>
      </c>
      <c r="B133" s="21">
        <v>-49</v>
      </c>
      <c r="C133" s="22">
        <v>-13</v>
      </c>
      <c r="D133" s="22">
        <v>-36</v>
      </c>
      <c r="E133" s="21">
        <v>48</v>
      </c>
      <c r="F133" s="22">
        <v>13</v>
      </c>
      <c r="G133" s="23">
        <v>35</v>
      </c>
      <c r="H133" s="22">
        <v>3</v>
      </c>
      <c r="I133" s="22">
        <v>1</v>
      </c>
      <c r="J133" s="22">
        <v>2</v>
      </c>
      <c r="K133" s="21">
        <v>4</v>
      </c>
      <c r="L133" s="53">
        <v>1</v>
      </c>
      <c r="M133" s="54">
        <v>3</v>
      </c>
    </row>
    <row r="134" spans="1:13">
      <c r="A134" s="40" t="s">
        <v>137</v>
      </c>
      <c r="B134" s="21">
        <v>-29</v>
      </c>
      <c r="C134" s="22">
        <v>-8</v>
      </c>
      <c r="D134" s="22">
        <v>-21</v>
      </c>
      <c r="E134" s="21">
        <v>28</v>
      </c>
      <c r="F134" s="22">
        <v>8</v>
      </c>
      <c r="G134" s="23">
        <v>20</v>
      </c>
      <c r="H134" s="22">
        <v>0</v>
      </c>
      <c r="I134" s="22">
        <v>0</v>
      </c>
      <c r="J134" s="22">
        <v>0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24</v>
      </c>
      <c r="C135" s="22">
        <v>-6</v>
      </c>
      <c r="D135" s="22">
        <v>-18</v>
      </c>
      <c r="E135" s="21">
        <v>24</v>
      </c>
      <c r="F135" s="22">
        <v>6</v>
      </c>
      <c r="G135" s="23">
        <v>18</v>
      </c>
      <c r="H135" s="22">
        <v>2</v>
      </c>
      <c r="I135" s="22">
        <v>0</v>
      </c>
      <c r="J135" s="22">
        <v>2</v>
      </c>
      <c r="K135" s="21">
        <v>2</v>
      </c>
      <c r="L135" s="53">
        <v>0</v>
      </c>
      <c r="M135" s="54">
        <v>2</v>
      </c>
    </row>
    <row r="136" spans="1:13">
      <c r="A136" s="40" t="s">
        <v>139</v>
      </c>
      <c r="B136" s="21">
        <v>-22</v>
      </c>
      <c r="C136" s="22">
        <v>-4</v>
      </c>
      <c r="D136" s="22">
        <v>-18</v>
      </c>
      <c r="E136" s="21">
        <v>22</v>
      </c>
      <c r="F136" s="22">
        <v>5</v>
      </c>
      <c r="G136" s="23">
        <v>17</v>
      </c>
      <c r="H136" s="22">
        <v>1</v>
      </c>
      <c r="I136" s="22">
        <v>1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34</v>
      </c>
      <c r="C137" s="43">
        <v>-5</v>
      </c>
      <c r="D137" s="43">
        <v>-29</v>
      </c>
      <c r="E137" s="42">
        <v>36</v>
      </c>
      <c r="F137" s="43">
        <v>5</v>
      </c>
      <c r="G137" s="44">
        <v>31</v>
      </c>
      <c r="H137" s="43">
        <v>2</v>
      </c>
      <c r="I137" s="43">
        <v>0</v>
      </c>
      <c r="J137" s="43">
        <v>2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2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435</v>
      </c>
      <c r="C5" s="14">
        <v>-150</v>
      </c>
      <c r="D5" s="14">
        <v>-285</v>
      </c>
      <c r="E5" s="13">
        <v>1533</v>
      </c>
      <c r="F5" s="14">
        <v>810</v>
      </c>
      <c r="G5" s="15">
        <v>723</v>
      </c>
      <c r="H5" s="14">
        <v>6032</v>
      </c>
      <c r="I5" s="14">
        <v>3393</v>
      </c>
      <c r="J5" s="14">
        <v>2639</v>
      </c>
      <c r="K5" s="13">
        <v>5781</v>
      </c>
      <c r="L5" s="49">
        <v>3187</v>
      </c>
      <c r="M5" s="50">
        <v>2594</v>
      </c>
    </row>
    <row r="6" spans="1:13" ht="19.5" customHeight="1">
      <c r="A6" s="16" t="s">
        <v>13</v>
      </c>
      <c r="B6" s="17">
        <v>896</v>
      </c>
      <c r="C6" s="18">
        <v>466</v>
      </c>
      <c r="D6" s="18">
        <v>430</v>
      </c>
      <c r="E6" s="17">
        <v>2</v>
      </c>
      <c r="F6" s="18">
        <v>1</v>
      </c>
      <c r="G6" s="19">
        <v>1</v>
      </c>
      <c r="H6" s="18">
        <v>286</v>
      </c>
      <c r="I6" s="18">
        <v>149</v>
      </c>
      <c r="J6" s="18">
        <v>137</v>
      </c>
      <c r="K6" s="17">
        <v>235</v>
      </c>
      <c r="L6" s="51">
        <v>136</v>
      </c>
      <c r="M6" s="52">
        <v>99</v>
      </c>
    </row>
    <row r="7" spans="1:13">
      <c r="A7" s="20" t="s">
        <v>14</v>
      </c>
      <c r="B7" s="21">
        <v>853</v>
      </c>
      <c r="C7" s="22">
        <v>459</v>
      </c>
      <c r="D7" s="22">
        <v>394</v>
      </c>
      <c r="E7" s="21">
        <v>0</v>
      </c>
      <c r="F7" s="22">
        <v>0</v>
      </c>
      <c r="G7" s="23">
        <v>0</v>
      </c>
      <c r="H7" s="22">
        <v>38</v>
      </c>
      <c r="I7" s="22">
        <v>24</v>
      </c>
      <c r="J7" s="22">
        <v>14</v>
      </c>
      <c r="K7" s="21">
        <v>32</v>
      </c>
      <c r="L7" s="53">
        <v>19</v>
      </c>
      <c r="M7" s="54">
        <v>13</v>
      </c>
    </row>
    <row r="8" spans="1:13">
      <c r="A8" s="20" t="s">
        <v>15</v>
      </c>
      <c r="B8" s="21">
        <v>26</v>
      </c>
      <c r="C8" s="22">
        <v>10</v>
      </c>
      <c r="D8" s="22">
        <v>16</v>
      </c>
      <c r="E8" s="21">
        <v>0</v>
      </c>
      <c r="F8" s="22">
        <v>0</v>
      </c>
      <c r="G8" s="23">
        <v>0</v>
      </c>
      <c r="H8" s="22">
        <v>86</v>
      </c>
      <c r="I8" s="22">
        <v>42</v>
      </c>
      <c r="J8" s="22">
        <v>44</v>
      </c>
      <c r="K8" s="21">
        <v>60</v>
      </c>
      <c r="L8" s="53">
        <v>32</v>
      </c>
      <c r="M8" s="54">
        <v>28</v>
      </c>
    </row>
    <row r="9" spans="1:13">
      <c r="A9" s="20" t="s">
        <v>16</v>
      </c>
      <c r="B9" s="21">
        <v>6</v>
      </c>
      <c r="C9" s="22">
        <v>2</v>
      </c>
      <c r="D9" s="22">
        <v>4</v>
      </c>
      <c r="E9" s="21">
        <v>1</v>
      </c>
      <c r="F9" s="22">
        <v>1</v>
      </c>
      <c r="G9" s="23">
        <v>0</v>
      </c>
      <c r="H9" s="22">
        <v>63</v>
      </c>
      <c r="I9" s="22">
        <v>36</v>
      </c>
      <c r="J9" s="22">
        <v>27</v>
      </c>
      <c r="K9" s="21">
        <v>56</v>
      </c>
      <c r="L9" s="53">
        <v>33</v>
      </c>
      <c r="M9" s="54">
        <v>23</v>
      </c>
    </row>
    <row r="10" spans="1:13">
      <c r="A10" s="20" t="s">
        <v>17</v>
      </c>
      <c r="B10" s="21">
        <v>20</v>
      </c>
      <c r="C10" s="22">
        <v>-2</v>
      </c>
      <c r="D10" s="22">
        <v>22</v>
      </c>
      <c r="E10" s="21">
        <v>1</v>
      </c>
      <c r="F10" s="22">
        <v>0</v>
      </c>
      <c r="G10" s="23">
        <v>1</v>
      </c>
      <c r="H10" s="22">
        <v>71</v>
      </c>
      <c r="I10" s="22">
        <v>32</v>
      </c>
      <c r="J10" s="22">
        <v>39</v>
      </c>
      <c r="K10" s="21">
        <v>50</v>
      </c>
      <c r="L10" s="53">
        <v>34</v>
      </c>
      <c r="M10" s="54">
        <v>16</v>
      </c>
    </row>
    <row r="11" spans="1:13">
      <c r="A11" s="20" t="s">
        <v>18</v>
      </c>
      <c r="B11" s="21">
        <v>-9</v>
      </c>
      <c r="C11" s="22">
        <v>-3</v>
      </c>
      <c r="D11" s="22">
        <v>-6</v>
      </c>
      <c r="E11" s="21">
        <v>0</v>
      </c>
      <c r="F11" s="22">
        <v>0</v>
      </c>
      <c r="G11" s="23">
        <v>0</v>
      </c>
      <c r="H11" s="22">
        <v>28</v>
      </c>
      <c r="I11" s="22">
        <v>15</v>
      </c>
      <c r="J11" s="22">
        <v>13</v>
      </c>
      <c r="K11" s="21">
        <v>37</v>
      </c>
      <c r="L11" s="53">
        <v>18</v>
      </c>
      <c r="M11" s="54">
        <v>19</v>
      </c>
    </row>
    <row r="12" spans="1:13" ht="20.100000000000001" customHeight="1">
      <c r="A12" s="16" t="s">
        <v>19</v>
      </c>
      <c r="B12" s="17">
        <v>40</v>
      </c>
      <c r="C12" s="18">
        <v>26</v>
      </c>
      <c r="D12" s="18">
        <v>14</v>
      </c>
      <c r="E12" s="17">
        <v>1</v>
      </c>
      <c r="F12" s="18">
        <v>0</v>
      </c>
      <c r="G12" s="19">
        <v>1</v>
      </c>
      <c r="H12" s="18">
        <v>185</v>
      </c>
      <c r="I12" s="18">
        <v>101</v>
      </c>
      <c r="J12" s="18">
        <v>84</v>
      </c>
      <c r="K12" s="17">
        <v>144</v>
      </c>
      <c r="L12" s="51">
        <v>75</v>
      </c>
      <c r="M12" s="52">
        <v>69</v>
      </c>
    </row>
    <row r="13" spans="1:13">
      <c r="A13" s="20" t="s">
        <v>20</v>
      </c>
      <c r="B13" s="21">
        <v>18</v>
      </c>
      <c r="C13" s="22">
        <v>12</v>
      </c>
      <c r="D13" s="22">
        <v>6</v>
      </c>
      <c r="E13" s="21">
        <v>0</v>
      </c>
      <c r="F13" s="22">
        <v>0</v>
      </c>
      <c r="G13" s="23">
        <v>0</v>
      </c>
      <c r="H13" s="22">
        <v>48</v>
      </c>
      <c r="I13" s="22">
        <v>29</v>
      </c>
      <c r="J13" s="22">
        <v>19</v>
      </c>
      <c r="K13" s="21">
        <v>30</v>
      </c>
      <c r="L13" s="53">
        <v>17</v>
      </c>
      <c r="M13" s="54">
        <v>13</v>
      </c>
    </row>
    <row r="14" spans="1:13">
      <c r="A14" s="20" t="s">
        <v>21</v>
      </c>
      <c r="B14" s="21">
        <v>10</v>
      </c>
      <c r="C14" s="22">
        <v>8</v>
      </c>
      <c r="D14" s="22">
        <v>2</v>
      </c>
      <c r="E14" s="21">
        <v>1</v>
      </c>
      <c r="F14" s="22">
        <v>0</v>
      </c>
      <c r="G14" s="23">
        <v>1</v>
      </c>
      <c r="H14" s="22">
        <v>46</v>
      </c>
      <c r="I14" s="22">
        <v>26</v>
      </c>
      <c r="J14" s="22">
        <v>20</v>
      </c>
      <c r="K14" s="21">
        <v>35</v>
      </c>
      <c r="L14" s="53">
        <v>18</v>
      </c>
      <c r="M14" s="54">
        <v>17</v>
      </c>
    </row>
    <row r="15" spans="1:13">
      <c r="A15" s="20" t="s">
        <v>22</v>
      </c>
      <c r="B15" s="21">
        <v>0</v>
      </c>
      <c r="C15" s="22">
        <v>0</v>
      </c>
      <c r="D15" s="22">
        <v>0</v>
      </c>
      <c r="E15" s="21">
        <v>0</v>
      </c>
      <c r="F15" s="22">
        <v>0</v>
      </c>
      <c r="G15" s="23">
        <v>0</v>
      </c>
      <c r="H15" s="22">
        <v>33</v>
      </c>
      <c r="I15" s="22">
        <v>17</v>
      </c>
      <c r="J15" s="22">
        <v>16</v>
      </c>
      <c r="K15" s="21">
        <v>33</v>
      </c>
      <c r="L15" s="53">
        <v>17</v>
      </c>
      <c r="M15" s="54">
        <v>16</v>
      </c>
    </row>
    <row r="16" spans="1:13">
      <c r="A16" s="20" t="s">
        <v>23</v>
      </c>
      <c r="B16" s="21">
        <v>8</v>
      </c>
      <c r="C16" s="22">
        <v>5</v>
      </c>
      <c r="D16" s="22">
        <v>3</v>
      </c>
      <c r="E16" s="21">
        <v>0</v>
      </c>
      <c r="F16" s="22">
        <v>0</v>
      </c>
      <c r="G16" s="23">
        <v>0</v>
      </c>
      <c r="H16" s="22">
        <v>32</v>
      </c>
      <c r="I16" s="22">
        <v>18</v>
      </c>
      <c r="J16" s="22">
        <v>14</v>
      </c>
      <c r="K16" s="21">
        <v>24</v>
      </c>
      <c r="L16" s="53">
        <v>13</v>
      </c>
      <c r="M16" s="54">
        <v>11</v>
      </c>
    </row>
    <row r="17" spans="1:13">
      <c r="A17" s="20" t="s">
        <v>24</v>
      </c>
      <c r="B17" s="21">
        <v>4</v>
      </c>
      <c r="C17" s="22">
        <v>1</v>
      </c>
      <c r="D17" s="22">
        <v>3</v>
      </c>
      <c r="E17" s="21">
        <v>0</v>
      </c>
      <c r="F17" s="22">
        <v>0</v>
      </c>
      <c r="G17" s="23">
        <v>0</v>
      </c>
      <c r="H17" s="22">
        <v>26</v>
      </c>
      <c r="I17" s="22">
        <v>11</v>
      </c>
      <c r="J17" s="22">
        <v>15</v>
      </c>
      <c r="K17" s="21">
        <v>22</v>
      </c>
      <c r="L17" s="53">
        <v>10</v>
      </c>
      <c r="M17" s="54">
        <v>12</v>
      </c>
    </row>
    <row r="18" spans="1:13" ht="20.100000000000001" customHeight="1">
      <c r="A18" s="16" t="s">
        <v>25</v>
      </c>
      <c r="B18" s="17">
        <v>14</v>
      </c>
      <c r="C18" s="18">
        <v>6</v>
      </c>
      <c r="D18" s="18">
        <v>8</v>
      </c>
      <c r="E18" s="17">
        <v>0</v>
      </c>
      <c r="F18" s="18">
        <v>0</v>
      </c>
      <c r="G18" s="19">
        <v>0</v>
      </c>
      <c r="H18" s="18">
        <v>74</v>
      </c>
      <c r="I18" s="18">
        <v>38</v>
      </c>
      <c r="J18" s="18">
        <v>36</v>
      </c>
      <c r="K18" s="17">
        <v>60</v>
      </c>
      <c r="L18" s="51">
        <v>32</v>
      </c>
      <c r="M18" s="52">
        <v>28</v>
      </c>
    </row>
    <row r="19" spans="1:13">
      <c r="A19" s="20" t="s">
        <v>26</v>
      </c>
      <c r="B19" s="21">
        <v>2</v>
      </c>
      <c r="C19" s="22">
        <v>-1</v>
      </c>
      <c r="D19" s="22">
        <v>3</v>
      </c>
      <c r="E19" s="21">
        <v>0</v>
      </c>
      <c r="F19" s="22">
        <v>0</v>
      </c>
      <c r="G19" s="23">
        <v>0</v>
      </c>
      <c r="H19" s="22">
        <v>14</v>
      </c>
      <c r="I19" s="22">
        <v>5</v>
      </c>
      <c r="J19" s="22">
        <v>9</v>
      </c>
      <c r="K19" s="21">
        <v>12</v>
      </c>
      <c r="L19" s="53">
        <v>6</v>
      </c>
      <c r="M19" s="54">
        <v>6</v>
      </c>
    </row>
    <row r="20" spans="1:13">
      <c r="A20" s="20" t="s">
        <v>27</v>
      </c>
      <c r="B20" s="21">
        <v>8</v>
      </c>
      <c r="C20" s="22">
        <v>2</v>
      </c>
      <c r="D20" s="22">
        <v>6</v>
      </c>
      <c r="E20" s="21">
        <v>0</v>
      </c>
      <c r="F20" s="22">
        <v>0</v>
      </c>
      <c r="G20" s="23">
        <v>0</v>
      </c>
      <c r="H20" s="22">
        <v>21</v>
      </c>
      <c r="I20" s="22">
        <v>6</v>
      </c>
      <c r="J20" s="22">
        <v>15</v>
      </c>
      <c r="K20" s="21">
        <v>13</v>
      </c>
      <c r="L20" s="53">
        <v>4</v>
      </c>
      <c r="M20" s="54">
        <v>9</v>
      </c>
    </row>
    <row r="21" spans="1:13">
      <c r="A21" s="20" t="s">
        <v>28</v>
      </c>
      <c r="B21" s="21">
        <v>5</v>
      </c>
      <c r="C21" s="22">
        <v>1</v>
      </c>
      <c r="D21" s="22">
        <v>4</v>
      </c>
      <c r="E21" s="21">
        <v>0</v>
      </c>
      <c r="F21" s="22">
        <v>0</v>
      </c>
      <c r="G21" s="23">
        <v>0</v>
      </c>
      <c r="H21" s="22">
        <v>19</v>
      </c>
      <c r="I21" s="22">
        <v>11</v>
      </c>
      <c r="J21" s="22">
        <v>8</v>
      </c>
      <c r="K21" s="21">
        <v>14</v>
      </c>
      <c r="L21" s="53">
        <v>10</v>
      </c>
      <c r="M21" s="54">
        <v>4</v>
      </c>
    </row>
    <row r="22" spans="1:13">
      <c r="A22" s="20" t="s">
        <v>29</v>
      </c>
      <c r="B22" s="21">
        <v>-2</v>
      </c>
      <c r="C22" s="22">
        <v>0</v>
      </c>
      <c r="D22" s="22">
        <v>-2</v>
      </c>
      <c r="E22" s="21">
        <v>0</v>
      </c>
      <c r="F22" s="22">
        <v>0</v>
      </c>
      <c r="G22" s="23">
        <v>0</v>
      </c>
      <c r="H22" s="22">
        <v>11</v>
      </c>
      <c r="I22" s="22">
        <v>9</v>
      </c>
      <c r="J22" s="22">
        <v>2</v>
      </c>
      <c r="K22" s="21">
        <v>13</v>
      </c>
      <c r="L22" s="53">
        <v>9</v>
      </c>
      <c r="M22" s="54">
        <v>4</v>
      </c>
    </row>
    <row r="23" spans="1:13">
      <c r="A23" s="20" t="s">
        <v>30</v>
      </c>
      <c r="B23" s="21">
        <v>1</v>
      </c>
      <c r="C23" s="22">
        <v>4</v>
      </c>
      <c r="D23" s="22">
        <v>-3</v>
      </c>
      <c r="E23" s="21">
        <v>0</v>
      </c>
      <c r="F23" s="22">
        <v>0</v>
      </c>
      <c r="G23" s="23">
        <v>0</v>
      </c>
      <c r="H23" s="22">
        <v>9</v>
      </c>
      <c r="I23" s="22">
        <v>7</v>
      </c>
      <c r="J23" s="22">
        <v>2</v>
      </c>
      <c r="K23" s="21">
        <v>8</v>
      </c>
      <c r="L23" s="53">
        <v>3</v>
      </c>
      <c r="M23" s="54">
        <v>5</v>
      </c>
    </row>
    <row r="24" spans="1:13" ht="20.100000000000001" customHeight="1">
      <c r="A24" s="16" t="s">
        <v>31</v>
      </c>
      <c r="B24" s="17">
        <v>222</v>
      </c>
      <c r="C24" s="18">
        <v>129</v>
      </c>
      <c r="D24" s="18">
        <v>93</v>
      </c>
      <c r="E24" s="17">
        <v>3</v>
      </c>
      <c r="F24" s="18">
        <v>1</v>
      </c>
      <c r="G24" s="19">
        <v>2</v>
      </c>
      <c r="H24" s="18">
        <v>385</v>
      </c>
      <c r="I24" s="18">
        <v>219</v>
      </c>
      <c r="J24" s="18">
        <v>166</v>
      </c>
      <c r="K24" s="17">
        <v>160</v>
      </c>
      <c r="L24" s="51">
        <v>89</v>
      </c>
      <c r="M24" s="52">
        <v>71</v>
      </c>
    </row>
    <row r="25" spans="1:13">
      <c r="A25" s="20" t="s">
        <v>32</v>
      </c>
      <c r="B25" s="21">
        <v>2</v>
      </c>
      <c r="C25" s="22">
        <v>-1</v>
      </c>
      <c r="D25" s="22">
        <v>3</v>
      </c>
      <c r="E25" s="21">
        <v>0</v>
      </c>
      <c r="F25" s="22">
        <v>0</v>
      </c>
      <c r="G25" s="23">
        <v>0</v>
      </c>
      <c r="H25" s="22">
        <v>9</v>
      </c>
      <c r="I25" s="22">
        <v>4</v>
      </c>
      <c r="J25" s="22">
        <v>5</v>
      </c>
      <c r="K25" s="21">
        <v>7</v>
      </c>
      <c r="L25" s="53">
        <v>5</v>
      </c>
      <c r="M25" s="54">
        <v>2</v>
      </c>
    </row>
    <row r="26" spans="1:13">
      <c r="A26" s="20" t="s">
        <v>33</v>
      </c>
      <c r="B26" s="21">
        <v>5</v>
      </c>
      <c r="C26" s="22">
        <v>3</v>
      </c>
      <c r="D26" s="22">
        <v>2</v>
      </c>
      <c r="E26" s="21">
        <v>1</v>
      </c>
      <c r="F26" s="22">
        <v>0</v>
      </c>
      <c r="G26" s="23">
        <v>1</v>
      </c>
      <c r="H26" s="22">
        <v>23</v>
      </c>
      <c r="I26" s="22">
        <v>12</v>
      </c>
      <c r="J26" s="22">
        <v>11</v>
      </c>
      <c r="K26" s="21">
        <v>17</v>
      </c>
      <c r="L26" s="53">
        <v>9</v>
      </c>
      <c r="M26" s="54">
        <v>8</v>
      </c>
    </row>
    <row r="27" spans="1:13">
      <c r="A27" s="20" t="s">
        <v>34</v>
      </c>
      <c r="B27" s="21">
        <v>3</v>
      </c>
      <c r="C27" s="22">
        <v>-1</v>
      </c>
      <c r="D27" s="22">
        <v>4</v>
      </c>
      <c r="E27" s="21">
        <v>0</v>
      </c>
      <c r="F27" s="22">
        <v>0</v>
      </c>
      <c r="G27" s="23">
        <v>0</v>
      </c>
      <c r="H27" s="22">
        <v>11</v>
      </c>
      <c r="I27" s="22">
        <v>6</v>
      </c>
      <c r="J27" s="22">
        <v>5</v>
      </c>
      <c r="K27" s="21">
        <v>8</v>
      </c>
      <c r="L27" s="53">
        <v>7</v>
      </c>
      <c r="M27" s="54">
        <v>1</v>
      </c>
    </row>
    <row r="28" spans="1:13">
      <c r="A28" s="20" t="s">
        <v>35</v>
      </c>
      <c r="B28" s="21">
        <v>39</v>
      </c>
      <c r="C28" s="22">
        <v>27</v>
      </c>
      <c r="D28" s="22">
        <v>12</v>
      </c>
      <c r="E28" s="21">
        <v>1</v>
      </c>
      <c r="F28" s="22">
        <v>0</v>
      </c>
      <c r="G28" s="23">
        <v>1</v>
      </c>
      <c r="H28" s="22">
        <v>73</v>
      </c>
      <c r="I28" s="22">
        <v>47</v>
      </c>
      <c r="J28" s="22">
        <v>26</v>
      </c>
      <c r="K28" s="21">
        <v>33</v>
      </c>
      <c r="L28" s="53">
        <v>20</v>
      </c>
      <c r="M28" s="54">
        <v>13</v>
      </c>
    </row>
    <row r="29" spans="1:13">
      <c r="A29" s="20" t="s">
        <v>36</v>
      </c>
      <c r="B29" s="21">
        <v>173</v>
      </c>
      <c r="C29" s="22">
        <v>101</v>
      </c>
      <c r="D29" s="22">
        <v>72</v>
      </c>
      <c r="E29" s="21">
        <v>1</v>
      </c>
      <c r="F29" s="22">
        <v>1</v>
      </c>
      <c r="G29" s="23">
        <v>0</v>
      </c>
      <c r="H29" s="22">
        <v>269</v>
      </c>
      <c r="I29" s="22">
        <v>150</v>
      </c>
      <c r="J29" s="22">
        <v>119</v>
      </c>
      <c r="K29" s="21">
        <v>95</v>
      </c>
      <c r="L29" s="53">
        <v>48</v>
      </c>
      <c r="M29" s="54">
        <v>47</v>
      </c>
    </row>
    <row r="30" spans="1:13" ht="20.100000000000001" customHeight="1">
      <c r="A30" s="16" t="s">
        <v>37</v>
      </c>
      <c r="B30" s="17">
        <v>-30</v>
      </c>
      <c r="C30" s="18">
        <v>57</v>
      </c>
      <c r="D30" s="18">
        <v>-87</v>
      </c>
      <c r="E30" s="17">
        <v>3</v>
      </c>
      <c r="F30" s="18">
        <v>2</v>
      </c>
      <c r="G30" s="19">
        <v>1</v>
      </c>
      <c r="H30" s="18">
        <v>1172</v>
      </c>
      <c r="I30" s="18">
        <v>707</v>
      </c>
      <c r="J30" s="18">
        <v>465</v>
      </c>
      <c r="K30" s="17">
        <v>1199</v>
      </c>
      <c r="L30" s="51">
        <v>648</v>
      </c>
      <c r="M30" s="52">
        <v>551</v>
      </c>
    </row>
    <row r="31" spans="1:13">
      <c r="A31" s="20" t="s">
        <v>38</v>
      </c>
      <c r="B31" s="21">
        <v>89</v>
      </c>
      <c r="C31" s="22">
        <v>62</v>
      </c>
      <c r="D31" s="22">
        <v>27</v>
      </c>
      <c r="E31" s="21">
        <v>0</v>
      </c>
      <c r="F31" s="22">
        <v>0</v>
      </c>
      <c r="G31" s="23">
        <v>0</v>
      </c>
      <c r="H31" s="22">
        <v>184</v>
      </c>
      <c r="I31" s="22">
        <v>114</v>
      </c>
      <c r="J31" s="22">
        <v>70</v>
      </c>
      <c r="K31" s="21">
        <v>95</v>
      </c>
      <c r="L31" s="53">
        <v>52</v>
      </c>
      <c r="M31" s="54">
        <v>43</v>
      </c>
    </row>
    <row r="32" spans="1:13">
      <c r="A32" s="20" t="s">
        <v>39</v>
      </c>
      <c r="B32" s="21">
        <v>87</v>
      </c>
      <c r="C32" s="22">
        <v>70</v>
      </c>
      <c r="D32" s="22">
        <v>17</v>
      </c>
      <c r="E32" s="21">
        <v>0</v>
      </c>
      <c r="F32" s="22">
        <v>0</v>
      </c>
      <c r="G32" s="23">
        <v>0</v>
      </c>
      <c r="H32" s="22">
        <v>256</v>
      </c>
      <c r="I32" s="22">
        <v>151</v>
      </c>
      <c r="J32" s="22">
        <v>105</v>
      </c>
      <c r="K32" s="21">
        <v>169</v>
      </c>
      <c r="L32" s="53">
        <v>81</v>
      </c>
      <c r="M32" s="54">
        <v>88</v>
      </c>
    </row>
    <row r="33" spans="1:13">
      <c r="A33" s="20" t="s">
        <v>40</v>
      </c>
      <c r="B33" s="21">
        <v>-31</v>
      </c>
      <c r="C33" s="22">
        <v>-5</v>
      </c>
      <c r="D33" s="22">
        <v>-26</v>
      </c>
      <c r="E33" s="21">
        <v>1</v>
      </c>
      <c r="F33" s="22">
        <v>1</v>
      </c>
      <c r="G33" s="23">
        <v>0</v>
      </c>
      <c r="H33" s="22">
        <v>217</v>
      </c>
      <c r="I33" s="22">
        <v>130</v>
      </c>
      <c r="J33" s="22">
        <v>87</v>
      </c>
      <c r="K33" s="21">
        <v>247</v>
      </c>
      <c r="L33" s="53">
        <v>134</v>
      </c>
      <c r="M33" s="54">
        <v>113</v>
      </c>
    </row>
    <row r="34" spans="1:13">
      <c r="A34" s="20" t="s">
        <v>41</v>
      </c>
      <c r="B34" s="21">
        <v>-154</v>
      </c>
      <c r="C34" s="22">
        <v>-85</v>
      </c>
      <c r="D34" s="22">
        <v>-69</v>
      </c>
      <c r="E34" s="21">
        <v>2</v>
      </c>
      <c r="F34" s="22">
        <v>1</v>
      </c>
      <c r="G34" s="23">
        <v>1</v>
      </c>
      <c r="H34" s="22">
        <v>283</v>
      </c>
      <c r="I34" s="22">
        <v>164</v>
      </c>
      <c r="J34" s="22">
        <v>119</v>
      </c>
      <c r="K34" s="21">
        <v>435</v>
      </c>
      <c r="L34" s="53">
        <v>248</v>
      </c>
      <c r="M34" s="54">
        <v>187</v>
      </c>
    </row>
    <row r="35" spans="1:13">
      <c r="A35" s="20" t="s">
        <v>42</v>
      </c>
      <c r="B35" s="21">
        <v>-21</v>
      </c>
      <c r="C35" s="22">
        <v>15</v>
      </c>
      <c r="D35" s="22">
        <v>-36</v>
      </c>
      <c r="E35" s="21">
        <v>0</v>
      </c>
      <c r="F35" s="22">
        <v>0</v>
      </c>
      <c r="G35" s="23">
        <v>0</v>
      </c>
      <c r="H35" s="22">
        <v>232</v>
      </c>
      <c r="I35" s="22">
        <v>148</v>
      </c>
      <c r="J35" s="22">
        <v>84</v>
      </c>
      <c r="K35" s="21">
        <v>253</v>
      </c>
      <c r="L35" s="53">
        <v>133</v>
      </c>
      <c r="M35" s="54">
        <v>120</v>
      </c>
    </row>
    <row r="36" spans="1:13" ht="20.100000000000001" customHeight="1">
      <c r="A36" s="16" t="s">
        <v>43</v>
      </c>
      <c r="B36" s="17">
        <v>-206</v>
      </c>
      <c r="C36" s="18">
        <v>-81</v>
      </c>
      <c r="D36" s="18">
        <v>-125</v>
      </c>
      <c r="E36" s="17">
        <v>1</v>
      </c>
      <c r="F36" s="18">
        <v>1</v>
      </c>
      <c r="G36" s="19">
        <v>0</v>
      </c>
      <c r="H36" s="18">
        <v>1051</v>
      </c>
      <c r="I36" s="18">
        <v>597</v>
      </c>
      <c r="J36" s="18">
        <v>454</v>
      </c>
      <c r="K36" s="17">
        <v>1256</v>
      </c>
      <c r="L36" s="51">
        <v>677</v>
      </c>
      <c r="M36" s="52">
        <v>579</v>
      </c>
    </row>
    <row r="37" spans="1:13">
      <c r="A37" s="20" t="s">
        <v>44</v>
      </c>
      <c r="B37" s="21">
        <v>-58</v>
      </c>
      <c r="C37" s="22">
        <v>-9</v>
      </c>
      <c r="D37" s="22">
        <v>-49</v>
      </c>
      <c r="E37" s="21">
        <v>0</v>
      </c>
      <c r="F37" s="22">
        <v>0</v>
      </c>
      <c r="G37" s="23">
        <v>0</v>
      </c>
      <c r="H37" s="22">
        <v>229</v>
      </c>
      <c r="I37" s="22">
        <v>140</v>
      </c>
      <c r="J37" s="22">
        <v>89</v>
      </c>
      <c r="K37" s="21">
        <v>287</v>
      </c>
      <c r="L37" s="53">
        <v>149</v>
      </c>
      <c r="M37" s="54">
        <v>138</v>
      </c>
    </row>
    <row r="38" spans="1:13">
      <c r="A38" s="20" t="s">
        <v>45</v>
      </c>
      <c r="B38" s="21">
        <v>-83</v>
      </c>
      <c r="C38" s="22">
        <v>-33</v>
      </c>
      <c r="D38" s="22">
        <v>-50</v>
      </c>
      <c r="E38" s="21">
        <v>1</v>
      </c>
      <c r="F38" s="22">
        <v>1</v>
      </c>
      <c r="G38" s="23">
        <v>0</v>
      </c>
      <c r="H38" s="22">
        <v>220</v>
      </c>
      <c r="I38" s="22">
        <v>124</v>
      </c>
      <c r="J38" s="22">
        <v>96</v>
      </c>
      <c r="K38" s="21">
        <v>302</v>
      </c>
      <c r="L38" s="53">
        <v>156</v>
      </c>
      <c r="M38" s="54">
        <v>146</v>
      </c>
    </row>
    <row r="39" spans="1:13">
      <c r="A39" s="20" t="s">
        <v>46</v>
      </c>
      <c r="B39" s="21">
        <v>-49</v>
      </c>
      <c r="C39" s="22">
        <v>-19</v>
      </c>
      <c r="D39" s="22">
        <v>-30</v>
      </c>
      <c r="E39" s="21">
        <v>0</v>
      </c>
      <c r="F39" s="22">
        <v>0</v>
      </c>
      <c r="G39" s="23">
        <v>0</v>
      </c>
      <c r="H39" s="22">
        <v>199</v>
      </c>
      <c r="I39" s="22">
        <v>114</v>
      </c>
      <c r="J39" s="22">
        <v>85</v>
      </c>
      <c r="K39" s="21">
        <v>248</v>
      </c>
      <c r="L39" s="53">
        <v>133</v>
      </c>
      <c r="M39" s="54">
        <v>115</v>
      </c>
    </row>
    <row r="40" spans="1:13">
      <c r="A40" s="20" t="s">
        <v>47</v>
      </c>
      <c r="B40" s="21">
        <v>28</v>
      </c>
      <c r="C40" s="22">
        <v>13</v>
      </c>
      <c r="D40" s="22">
        <v>15</v>
      </c>
      <c r="E40" s="21">
        <v>0</v>
      </c>
      <c r="F40" s="22">
        <v>0</v>
      </c>
      <c r="G40" s="23">
        <v>0</v>
      </c>
      <c r="H40" s="22">
        <v>228</v>
      </c>
      <c r="I40" s="22">
        <v>126</v>
      </c>
      <c r="J40" s="22">
        <v>102</v>
      </c>
      <c r="K40" s="21">
        <v>200</v>
      </c>
      <c r="L40" s="53">
        <v>113</v>
      </c>
      <c r="M40" s="54">
        <v>87</v>
      </c>
    </row>
    <row r="41" spans="1:13">
      <c r="A41" s="20" t="s">
        <v>48</v>
      </c>
      <c r="B41" s="21">
        <v>-44</v>
      </c>
      <c r="C41" s="22">
        <v>-33</v>
      </c>
      <c r="D41" s="22">
        <v>-11</v>
      </c>
      <c r="E41" s="21">
        <v>0</v>
      </c>
      <c r="F41" s="22">
        <v>0</v>
      </c>
      <c r="G41" s="23">
        <v>0</v>
      </c>
      <c r="H41" s="22">
        <v>175</v>
      </c>
      <c r="I41" s="22">
        <v>93</v>
      </c>
      <c r="J41" s="22">
        <v>82</v>
      </c>
      <c r="K41" s="21">
        <v>219</v>
      </c>
      <c r="L41" s="53">
        <v>126</v>
      </c>
      <c r="M41" s="54">
        <v>93</v>
      </c>
    </row>
    <row r="42" spans="1:13" ht="20.100000000000001" customHeight="1">
      <c r="A42" s="16" t="s">
        <v>49</v>
      </c>
      <c r="B42" s="17">
        <v>-93</v>
      </c>
      <c r="C42" s="18">
        <v>-62</v>
      </c>
      <c r="D42" s="18">
        <v>-31</v>
      </c>
      <c r="E42" s="17">
        <v>4</v>
      </c>
      <c r="F42" s="18">
        <v>2</v>
      </c>
      <c r="G42" s="19">
        <v>2</v>
      </c>
      <c r="H42" s="18">
        <v>692</v>
      </c>
      <c r="I42" s="18">
        <v>365</v>
      </c>
      <c r="J42" s="18">
        <v>327</v>
      </c>
      <c r="K42" s="17">
        <v>781</v>
      </c>
      <c r="L42" s="51">
        <v>425</v>
      </c>
      <c r="M42" s="52">
        <v>356</v>
      </c>
    </row>
    <row r="43" spans="1:13">
      <c r="A43" s="20" t="s">
        <v>50</v>
      </c>
      <c r="B43" s="21">
        <v>-36</v>
      </c>
      <c r="C43" s="22">
        <v>-29</v>
      </c>
      <c r="D43" s="22">
        <v>-7</v>
      </c>
      <c r="E43" s="21">
        <v>3</v>
      </c>
      <c r="F43" s="22">
        <v>2</v>
      </c>
      <c r="G43" s="23">
        <v>1</v>
      </c>
      <c r="H43" s="22">
        <v>167</v>
      </c>
      <c r="I43" s="22">
        <v>84</v>
      </c>
      <c r="J43" s="22">
        <v>83</v>
      </c>
      <c r="K43" s="21">
        <v>200</v>
      </c>
      <c r="L43" s="53">
        <v>111</v>
      </c>
      <c r="M43" s="54">
        <v>89</v>
      </c>
    </row>
    <row r="44" spans="1:13">
      <c r="A44" s="20" t="s">
        <v>51</v>
      </c>
      <c r="B44" s="21">
        <v>-17</v>
      </c>
      <c r="C44" s="22">
        <v>-9</v>
      </c>
      <c r="D44" s="22">
        <v>-8</v>
      </c>
      <c r="E44" s="21">
        <v>1</v>
      </c>
      <c r="F44" s="22">
        <v>0</v>
      </c>
      <c r="G44" s="23">
        <v>1</v>
      </c>
      <c r="H44" s="22">
        <v>148</v>
      </c>
      <c r="I44" s="22">
        <v>76</v>
      </c>
      <c r="J44" s="22">
        <v>72</v>
      </c>
      <c r="K44" s="21">
        <v>164</v>
      </c>
      <c r="L44" s="53">
        <v>85</v>
      </c>
      <c r="M44" s="54">
        <v>79</v>
      </c>
    </row>
    <row r="45" spans="1:13">
      <c r="A45" s="20" t="s">
        <v>52</v>
      </c>
      <c r="B45" s="21">
        <v>-42</v>
      </c>
      <c r="C45" s="22">
        <v>-27</v>
      </c>
      <c r="D45" s="22">
        <v>-15</v>
      </c>
      <c r="E45" s="21">
        <v>0</v>
      </c>
      <c r="F45" s="22">
        <v>0</v>
      </c>
      <c r="G45" s="23">
        <v>0</v>
      </c>
      <c r="H45" s="22">
        <v>124</v>
      </c>
      <c r="I45" s="22">
        <v>68</v>
      </c>
      <c r="J45" s="22">
        <v>56</v>
      </c>
      <c r="K45" s="21">
        <v>166</v>
      </c>
      <c r="L45" s="53">
        <v>95</v>
      </c>
      <c r="M45" s="54">
        <v>71</v>
      </c>
    </row>
    <row r="46" spans="1:13">
      <c r="A46" s="20" t="s">
        <v>53</v>
      </c>
      <c r="B46" s="21">
        <v>6</v>
      </c>
      <c r="C46" s="22">
        <v>-5</v>
      </c>
      <c r="D46" s="22">
        <v>11</v>
      </c>
      <c r="E46" s="21">
        <v>0</v>
      </c>
      <c r="F46" s="22">
        <v>0</v>
      </c>
      <c r="G46" s="23">
        <v>0</v>
      </c>
      <c r="H46" s="22">
        <v>141</v>
      </c>
      <c r="I46" s="22">
        <v>76</v>
      </c>
      <c r="J46" s="22">
        <v>65</v>
      </c>
      <c r="K46" s="21">
        <v>135</v>
      </c>
      <c r="L46" s="53">
        <v>81</v>
      </c>
      <c r="M46" s="54">
        <v>54</v>
      </c>
    </row>
    <row r="47" spans="1:13">
      <c r="A47" s="20" t="s">
        <v>54</v>
      </c>
      <c r="B47" s="21">
        <v>-4</v>
      </c>
      <c r="C47" s="22">
        <v>8</v>
      </c>
      <c r="D47" s="22">
        <v>-12</v>
      </c>
      <c r="E47" s="21">
        <v>0</v>
      </c>
      <c r="F47" s="22">
        <v>0</v>
      </c>
      <c r="G47" s="23">
        <v>0</v>
      </c>
      <c r="H47" s="22">
        <v>112</v>
      </c>
      <c r="I47" s="22">
        <v>61</v>
      </c>
      <c r="J47" s="22">
        <v>51</v>
      </c>
      <c r="K47" s="21">
        <v>116</v>
      </c>
      <c r="L47" s="53">
        <v>53</v>
      </c>
      <c r="M47" s="54">
        <v>63</v>
      </c>
    </row>
    <row r="48" spans="1:13" ht="20.100000000000001" customHeight="1">
      <c r="A48" s="16" t="s">
        <v>55</v>
      </c>
      <c r="B48" s="17">
        <v>-14</v>
      </c>
      <c r="C48" s="18">
        <v>-21</v>
      </c>
      <c r="D48" s="18">
        <v>7</v>
      </c>
      <c r="E48" s="17">
        <v>8</v>
      </c>
      <c r="F48" s="18">
        <v>6</v>
      </c>
      <c r="G48" s="19">
        <v>2</v>
      </c>
      <c r="H48" s="18">
        <v>488</v>
      </c>
      <c r="I48" s="18">
        <v>272</v>
      </c>
      <c r="J48" s="18">
        <v>216</v>
      </c>
      <c r="K48" s="17">
        <v>494</v>
      </c>
      <c r="L48" s="51">
        <v>287</v>
      </c>
      <c r="M48" s="52">
        <v>207</v>
      </c>
    </row>
    <row r="49" spans="1:13">
      <c r="A49" s="20" t="s">
        <v>56</v>
      </c>
      <c r="B49" s="21">
        <v>-21</v>
      </c>
      <c r="C49" s="22">
        <v>-28</v>
      </c>
      <c r="D49" s="22">
        <v>7</v>
      </c>
      <c r="E49" s="21">
        <v>3</v>
      </c>
      <c r="F49" s="22">
        <v>2</v>
      </c>
      <c r="G49" s="23">
        <v>1</v>
      </c>
      <c r="H49" s="22">
        <v>104</v>
      </c>
      <c r="I49" s="22">
        <v>57</v>
      </c>
      <c r="J49" s="22">
        <v>47</v>
      </c>
      <c r="K49" s="21">
        <v>122</v>
      </c>
      <c r="L49" s="53">
        <v>83</v>
      </c>
      <c r="M49" s="54">
        <v>39</v>
      </c>
    </row>
    <row r="50" spans="1:13">
      <c r="A50" s="20" t="s">
        <v>57</v>
      </c>
      <c r="B50" s="21">
        <v>-15</v>
      </c>
      <c r="C50" s="22">
        <v>-8</v>
      </c>
      <c r="D50" s="22">
        <v>-7</v>
      </c>
      <c r="E50" s="21">
        <v>1</v>
      </c>
      <c r="F50" s="22">
        <v>1</v>
      </c>
      <c r="G50" s="23">
        <v>0</v>
      </c>
      <c r="H50" s="22">
        <v>106</v>
      </c>
      <c r="I50" s="22">
        <v>57</v>
      </c>
      <c r="J50" s="22">
        <v>49</v>
      </c>
      <c r="K50" s="21">
        <v>120</v>
      </c>
      <c r="L50" s="53">
        <v>64</v>
      </c>
      <c r="M50" s="54">
        <v>56</v>
      </c>
    </row>
    <row r="51" spans="1:13">
      <c r="A51" s="20" t="s">
        <v>58</v>
      </c>
      <c r="B51" s="21">
        <v>-8</v>
      </c>
      <c r="C51" s="22">
        <v>0</v>
      </c>
      <c r="D51" s="22">
        <v>-8</v>
      </c>
      <c r="E51" s="21">
        <v>1</v>
      </c>
      <c r="F51" s="22">
        <v>1</v>
      </c>
      <c r="G51" s="23">
        <v>0</v>
      </c>
      <c r="H51" s="22">
        <v>98</v>
      </c>
      <c r="I51" s="22">
        <v>54</v>
      </c>
      <c r="J51" s="22">
        <v>44</v>
      </c>
      <c r="K51" s="21">
        <v>105</v>
      </c>
      <c r="L51" s="53">
        <v>53</v>
      </c>
      <c r="M51" s="54">
        <v>52</v>
      </c>
    </row>
    <row r="52" spans="1:13">
      <c r="A52" s="20" t="s">
        <v>59</v>
      </c>
      <c r="B52" s="21">
        <v>28</v>
      </c>
      <c r="C52" s="22">
        <v>20</v>
      </c>
      <c r="D52" s="22">
        <v>8</v>
      </c>
      <c r="E52" s="21">
        <v>0</v>
      </c>
      <c r="F52" s="22">
        <v>0</v>
      </c>
      <c r="G52" s="23">
        <v>0</v>
      </c>
      <c r="H52" s="22">
        <v>100</v>
      </c>
      <c r="I52" s="22">
        <v>59</v>
      </c>
      <c r="J52" s="22">
        <v>41</v>
      </c>
      <c r="K52" s="21">
        <v>72</v>
      </c>
      <c r="L52" s="53">
        <v>39</v>
      </c>
      <c r="M52" s="54">
        <v>33</v>
      </c>
    </row>
    <row r="53" spans="1:13">
      <c r="A53" s="20" t="s">
        <v>60</v>
      </c>
      <c r="B53" s="21">
        <v>2</v>
      </c>
      <c r="C53" s="22">
        <v>-5</v>
      </c>
      <c r="D53" s="22">
        <v>7</v>
      </c>
      <c r="E53" s="21">
        <v>3</v>
      </c>
      <c r="F53" s="22">
        <v>2</v>
      </c>
      <c r="G53" s="23">
        <v>1</v>
      </c>
      <c r="H53" s="22">
        <v>80</v>
      </c>
      <c r="I53" s="22">
        <v>45</v>
      </c>
      <c r="J53" s="22">
        <v>35</v>
      </c>
      <c r="K53" s="21">
        <v>75</v>
      </c>
      <c r="L53" s="53">
        <v>48</v>
      </c>
      <c r="M53" s="54">
        <v>27</v>
      </c>
    </row>
    <row r="54" spans="1:13" ht="20.100000000000001" customHeight="1">
      <c r="A54" s="16" t="s">
        <v>61</v>
      </c>
      <c r="B54" s="17">
        <v>-18</v>
      </c>
      <c r="C54" s="18">
        <v>-21</v>
      </c>
      <c r="D54" s="18">
        <v>3</v>
      </c>
      <c r="E54" s="17">
        <v>12</v>
      </c>
      <c r="F54" s="18">
        <v>6</v>
      </c>
      <c r="G54" s="19">
        <v>6</v>
      </c>
      <c r="H54" s="18">
        <v>337</v>
      </c>
      <c r="I54" s="18">
        <v>187</v>
      </c>
      <c r="J54" s="18">
        <v>150</v>
      </c>
      <c r="K54" s="17">
        <v>343</v>
      </c>
      <c r="L54" s="51">
        <v>202</v>
      </c>
      <c r="M54" s="52">
        <v>141</v>
      </c>
    </row>
    <row r="55" spans="1:13">
      <c r="A55" s="20" t="s">
        <v>62</v>
      </c>
      <c r="B55" s="21">
        <v>-19</v>
      </c>
      <c r="C55" s="22">
        <v>-13</v>
      </c>
      <c r="D55" s="22">
        <v>-6</v>
      </c>
      <c r="E55" s="21">
        <v>2</v>
      </c>
      <c r="F55" s="22">
        <v>2</v>
      </c>
      <c r="G55" s="23">
        <v>0</v>
      </c>
      <c r="H55" s="22">
        <v>61</v>
      </c>
      <c r="I55" s="22">
        <v>34</v>
      </c>
      <c r="J55" s="22">
        <v>27</v>
      </c>
      <c r="K55" s="21">
        <v>78</v>
      </c>
      <c r="L55" s="53">
        <v>45</v>
      </c>
      <c r="M55" s="54">
        <v>33</v>
      </c>
    </row>
    <row r="56" spans="1:13">
      <c r="A56" s="20" t="s">
        <v>63</v>
      </c>
      <c r="B56" s="21">
        <v>0</v>
      </c>
      <c r="C56" s="22">
        <v>-5</v>
      </c>
      <c r="D56" s="22">
        <v>5</v>
      </c>
      <c r="E56" s="21">
        <v>0</v>
      </c>
      <c r="F56" s="22">
        <v>0</v>
      </c>
      <c r="G56" s="23">
        <v>0</v>
      </c>
      <c r="H56" s="22">
        <v>79</v>
      </c>
      <c r="I56" s="22">
        <v>44</v>
      </c>
      <c r="J56" s="22">
        <v>35</v>
      </c>
      <c r="K56" s="21">
        <v>79</v>
      </c>
      <c r="L56" s="53">
        <v>49</v>
      </c>
      <c r="M56" s="54">
        <v>30</v>
      </c>
    </row>
    <row r="57" spans="1:13">
      <c r="A57" s="20" t="s">
        <v>64</v>
      </c>
      <c r="B57" s="21">
        <v>-11</v>
      </c>
      <c r="C57" s="22">
        <v>-14</v>
      </c>
      <c r="D57" s="22">
        <v>3</v>
      </c>
      <c r="E57" s="21">
        <v>2</v>
      </c>
      <c r="F57" s="22">
        <v>2</v>
      </c>
      <c r="G57" s="23">
        <v>0</v>
      </c>
      <c r="H57" s="22">
        <v>72</v>
      </c>
      <c r="I57" s="22">
        <v>36</v>
      </c>
      <c r="J57" s="22">
        <v>36</v>
      </c>
      <c r="K57" s="21">
        <v>81</v>
      </c>
      <c r="L57" s="53">
        <v>48</v>
      </c>
      <c r="M57" s="54">
        <v>33</v>
      </c>
    </row>
    <row r="58" spans="1:13">
      <c r="A58" s="20" t="s">
        <v>65</v>
      </c>
      <c r="B58" s="21">
        <v>-1</v>
      </c>
      <c r="C58" s="22">
        <v>-3</v>
      </c>
      <c r="D58" s="22">
        <v>2</v>
      </c>
      <c r="E58" s="21">
        <v>2</v>
      </c>
      <c r="F58" s="22">
        <v>1</v>
      </c>
      <c r="G58" s="23">
        <v>1</v>
      </c>
      <c r="H58" s="22">
        <v>60</v>
      </c>
      <c r="I58" s="22">
        <v>34</v>
      </c>
      <c r="J58" s="22">
        <v>26</v>
      </c>
      <c r="K58" s="21">
        <v>59</v>
      </c>
      <c r="L58" s="53">
        <v>36</v>
      </c>
      <c r="M58" s="54">
        <v>23</v>
      </c>
    </row>
    <row r="59" spans="1:13">
      <c r="A59" s="20" t="s">
        <v>66</v>
      </c>
      <c r="B59" s="21">
        <v>13</v>
      </c>
      <c r="C59" s="22">
        <v>14</v>
      </c>
      <c r="D59" s="22">
        <v>-1</v>
      </c>
      <c r="E59" s="21">
        <v>6</v>
      </c>
      <c r="F59" s="22">
        <v>1</v>
      </c>
      <c r="G59" s="23">
        <v>5</v>
      </c>
      <c r="H59" s="22">
        <v>65</v>
      </c>
      <c r="I59" s="22">
        <v>39</v>
      </c>
      <c r="J59" s="22">
        <v>26</v>
      </c>
      <c r="K59" s="21">
        <v>46</v>
      </c>
      <c r="L59" s="53">
        <v>24</v>
      </c>
      <c r="M59" s="54">
        <v>22</v>
      </c>
    </row>
    <row r="60" spans="1:13" ht="20.100000000000001" customHeight="1">
      <c r="A60" s="16" t="s">
        <v>67</v>
      </c>
      <c r="B60" s="17">
        <v>-17</v>
      </c>
      <c r="C60" s="18">
        <v>-3</v>
      </c>
      <c r="D60" s="18">
        <v>-14</v>
      </c>
      <c r="E60" s="17">
        <v>18</v>
      </c>
      <c r="F60" s="18">
        <v>10</v>
      </c>
      <c r="G60" s="19">
        <v>8</v>
      </c>
      <c r="H60" s="18">
        <v>286</v>
      </c>
      <c r="I60" s="18">
        <v>182</v>
      </c>
      <c r="J60" s="18">
        <v>104</v>
      </c>
      <c r="K60" s="17">
        <v>285</v>
      </c>
      <c r="L60" s="51">
        <v>175</v>
      </c>
      <c r="M60" s="52">
        <v>110</v>
      </c>
    </row>
    <row r="61" spans="1:13">
      <c r="A61" s="20" t="s">
        <v>68</v>
      </c>
      <c r="B61" s="21">
        <v>-9</v>
      </c>
      <c r="C61" s="22">
        <v>3</v>
      </c>
      <c r="D61" s="22">
        <v>-12</v>
      </c>
      <c r="E61" s="21">
        <v>3</v>
      </c>
      <c r="F61" s="22">
        <v>1</v>
      </c>
      <c r="G61" s="23">
        <v>2</v>
      </c>
      <c r="H61" s="22">
        <v>53</v>
      </c>
      <c r="I61" s="22">
        <v>39</v>
      </c>
      <c r="J61" s="22">
        <v>14</v>
      </c>
      <c r="K61" s="21">
        <v>59</v>
      </c>
      <c r="L61" s="53">
        <v>35</v>
      </c>
      <c r="M61" s="54">
        <v>24</v>
      </c>
    </row>
    <row r="62" spans="1:13">
      <c r="A62" s="20" t="s">
        <v>69</v>
      </c>
      <c r="B62" s="21">
        <v>-3</v>
      </c>
      <c r="C62" s="22">
        <v>-6</v>
      </c>
      <c r="D62" s="22">
        <v>3</v>
      </c>
      <c r="E62" s="21">
        <v>3</v>
      </c>
      <c r="F62" s="22">
        <v>3</v>
      </c>
      <c r="G62" s="23">
        <v>0</v>
      </c>
      <c r="H62" s="22">
        <v>59</v>
      </c>
      <c r="I62" s="22">
        <v>35</v>
      </c>
      <c r="J62" s="22">
        <v>24</v>
      </c>
      <c r="K62" s="21">
        <v>59</v>
      </c>
      <c r="L62" s="53">
        <v>38</v>
      </c>
      <c r="M62" s="54">
        <v>21</v>
      </c>
    </row>
    <row r="63" spans="1:13">
      <c r="A63" s="20" t="s">
        <v>70</v>
      </c>
      <c r="B63" s="21">
        <v>-6</v>
      </c>
      <c r="C63" s="22">
        <v>1</v>
      </c>
      <c r="D63" s="22">
        <v>-7</v>
      </c>
      <c r="E63" s="21">
        <v>5</v>
      </c>
      <c r="F63" s="22">
        <v>2</v>
      </c>
      <c r="G63" s="23">
        <v>3</v>
      </c>
      <c r="H63" s="22">
        <v>55</v>
      </c>
      <c r="I63" s="22">
        <v>38</v>
      </c>
      <c r="J63" s="22">
        <v>17</v>
      </c>
      <c r="K63" s="21">
        <v>56</v>
      </c>
      <c r="L63" s="53">
        <v>35</v>
      </c>
      <c r="M63" s="54">
        <v>21</v>
      </c>
    </row>
    <row r="64" spans="1:13">
      <c r="A64" s="20" t="s">
        <v>71</v>
      </c>
      <c r="B64" s="21">
        <v>4</v>
      </c>
      <c r="C64" s="22">
        <v>0</v>
      </c>
      <c r="D64" s="22">
        <v>4</v>
      </c>
      <c r="E64" s="21">
        <v>3</v>
      </c>
      <c r="F64" s="22">
        <v>0</v>
      </c>
      <c r="G64" s="23">
        <v>3</v>
      </c>
      <c r="H64" s="22">
        <v>62</v>
      </c>
      <c r="I64" s="22">
        <v>36</v>
      </c>
      <c r="J64" s="22">
        <v>26</v>
      </c>
      <c r="K64" s="21">
        <v>55</v>
      </c>
      <c r="L64" s="53">
        <v>36</v>
      </c>
      <c r="M64" s="54">
        <v>19</v>
      </c>
    </row>
    <row r="65" spans="1:13">
      <c r="A65" s="24" t="s">
        <v>72</v>
      </c>
      <c r="B65" s="25">
        <v>-3</v>
      </c>
      <c r="C65" s="26">
        <v>-1</v>
      </c>
      <c r="D65" s="26">
        <v>-2</v>
      </c>
      <c r="E65" s="25">
        <v>4</v>
      </c>
      <c r="F65" s="26">
        <v>4</v>
      </c>
      <c r="G65" s="27">
        <v>0</v>
      </c>
      <c r="H65" s="26">
        <v>57</v>
      </c>
      <c r="I65" s="26">
        <v>34</v>
      </c>
      <c r="J65" s="26">
        <v>23</v>
      </c>
      <c r="K65" s="25">
        <v>56</v>
      </c>
      <c r="L65" s="55">
        <v>31</v>
      </c>
      <c r="M65" s="56">
        <v>2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847</v>
      </c>
      <c r="C69" s="58">
        <v>454</v>
      </c>
      <c r="D69" s="59">
        <v>39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847</v>
      </c>
      <c r="C70" s="61">
        <v>454</v>
      </c>
      <c r="D70" s="62">
        <v>393</v>
      </c>
    </row>
    <row r="71" spans="1:13">
      <c r="A71" s="24" t="s">
        <v>14</v>
      </c>
      <c r="B71" s="63">
        <v>847</v>
      </c>
      <c r="C71" s="64">
        <v>454</v>
      </c>
      <c r="D71" s="65">
        <v>393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9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5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6</v>
      </c>
      <c r="C77" s="18">
        <v>0</v>
      </c>
      <c r="D77" s="18">
        <v>6</v>
      </c>
      <c r="E77" s="17">
        <v>35</v>
      </c>
      <c r="F77" s="18">
        <v>22</v>
      </c>
      <c r="G77" s="19">
        <v>13</v>
      </c>
      <c r="H77" s="18">
        <v>251</v>
      </c>
      <c r="I77" s="18">
        <v>149</v>
      </c>
      <c r="J77" s="18">
        <v>102</v>
      </c>
      <c r="K77" s="17">
        <v>210</v>
      </c>
      <c r="L77" s="51">
        <v>127</v>
      </c>
      <c r="M77" s="52">
        <v>83</v>
      </c>
    </row>
    <row r="78" spans="1:13">
      <c r="A78" s="40" t="s">
        <v>81</v>
      </c>
      <c r="B78" s="21">
        <v>-4</v>
      </c>
      <c r="C78" s="22">
        <v>-1</v>
      </c>
      <c r="D78" s="22">
        <v>-3</v>
      </c>
      <c r="E78" s="21">
        <v>7</v>
      </c>
      <c r="F78" s="22">
        <v>5</v>
      </c>
      <c r="G78" s="23">
        <v>2</v>
      </c>
      <c r="H78" s="22">
        <v>58</v>
      </c>
      <c r="I78" s="22">
        <v>41</v>
      </c>
      <c r="J78" s="22">
        <v>17</v>
      </c>
      <c r="K78" s="21">
        <v>55</v>
      </c>
      <c r="L78" s="53">
        <v>37</v>
      </c>
      <c r="M78" s="54">
        <v>18</v>
      </c>
    </row>
    <row r="79" spans="1:13">
      <c r="A79" s="40" t="s">
        <v>82</v>
      </c>
      <c r="B79" s="21">
        <v>6</v>
      </c>
      <c r="C79" s="22">
        <v>6</v>
      </c>
      <c r="D79" s="22">
        <v>0</v>
      </c>
      <c r="E79" s="21">
        <v>7</v>
      </c>
      <c r="F79" s="22">
        <v>1</v>
      </c>
      <c r="G79" s="23">
        <v>6</v>
      </c>
      <c r="H79" s="22">
        <v>56</v>
      </c>
      <c r="I79" s="22">
        <v>30</v>
      </c>
      <c r="J79" s="22">
        <v>26</v>
      </c>
      <c r="K79" s="21">
        <v>43</v>
      </c>
      <c r="L79" s="53">
        <v>23</v>
      </c>
      <c r="M79" s="54">
        <v>20</v>
      </c>
    </row>
    <row r="80" spans="1:13">
      <c r="A80" s="40" t="s">
        <v>83</v>
      </c>
      <c r="B80" s="21">
        <v>-7</v>
      </c>
      <c r="C80" s="22">
        <v>-2</v>
      </c>
      <c r="D80" s="22">
        <v>-5</v>
      </c>
      <c r="E80" s="21">
        <v>7</v>
      </c>
      <c r="F80" s="22">
        <v>5</v>
      </c>
      <c r="G80" s="23">
        <v>2</v>
      </c>
      <c r="H80" s="22">
        <v>46</v>
      </c>
      <c r="I80" s="22">
        <v>31</v>
      </c>
      <c r="J80" s="22">
        <v>15</v>
      </c>
      <c r="K80" s="21">
        <v>46</v>
      </c>
      <c r="L80" s="53">
        <v>28</v>
      </c>
      <c r="M80" s="54">
        <v>18</v>
      </c>
    </row>
    <row r="81" spans="1:13">
      <c r="A81" s="40" t="s">
        <v>84</v>
      </c>
      <c r="B81" s="21">
        <v>-1</v>
      </c>
      <c r="C81" s="22">
        <v>-8</v>
      </c>
      <c r="D81" s="22">
        <v>7</v>
      </c>
      <c r="E81" s="21">
        <v>8</v>
      </c>
      <c r="F81" s="22">
        <v>7</v>
      </c>
      <c r="G81" s="23">
        <v>1</v>
      </c>
      <c r="H81" s="22">
        <v>41</v>
      </c>
      <c r="I81" s="22">
        <v>21</v>
      </c>
      <c r="J81" s="22">
        <v>20</v>
      </c>
      <c r="K81" s="21">
        <v>34</v>
      </c>
      <c r="L81" s="53">
        <v>22</v>
      </c>
      <c r="M81" s="54">
        <v>12</v>
      </c>
    </row>
    <row r="82" spans="1:13">
      <c r="A82" s="40" t="s">
        <v>85</v>
      </c>
      <c r="B82" s="21">
        <v>12</v>
      </c>
      <c r="C82" s="22">
        <v>5</v>
      </c>
      <c r="D82" s="22">
        <v>7</v>
      </c>
      <c r="E82" s="21">
        <v>6</v>
      </c>
      <c r="F82" s="22">
        <v>4</v>
      </c>
      <c r="G82" s="23">
        <v>2</v>
      </c>
      <c r="H82" s="22">
        <v>50</v>
      </c>
      <c r="I82" s="22">
        <v>26</v>
      </c>
      <c r="J82" s="22">
        <v>24</v>
      </c>
      <c r="K82" s="21">
        <v>32</v>
      </c>
      <c r="L82" s="53">
        <v>17</v>
      </c>
      <c r="M82" s="54">
        <v>15</v>
      </c>
    </row>
    <row r="83" spans="1:13" ht="19.5" customHeight="1">
      <c r="A83" s="34" t="s">
        <v>86</v>
      </c>
      <c r="B83" s="17">
        <v>-3</v>
      </c>
      <c r="C83" s="18">
        <v>-5</v>
      </c>
      <c r="D83" s="18">
        <v>2</v>
      </c>
      <c r="E83" s="17">
        <v>35</v>
      </c>
      <c r="F83" s="18">
        <v>22</v>
      </c>
      <c r="G83" s="19">
        <v>13</v>
      </c>
      <c r="H83" s="18">
        <v>176</v>
      </c>
      <c r="I83" s="18">
        <v>100</v>
      </c>
      <c r="J83" s="18">
        <v>76</v>
      </c>
      <c r="K83" s="17">
        <v>144</v>
      </c>
      <c r="L83" s="51">
        <v>83</v>
      </c>
      <c r="M83" s="52">
        <v>61</v>
      </c>
    </row>
    <row r="84" spans="1:13">
      <c r="A84" s="40" t="s">
        <v>87</v>
      </c>
      <c r="B84" s="21">
        <v>9</v>
      </c>
      <c r="C84" s="22">
        <v>8</v>
      </c>
      <c r="D84" s="22">
        <v>1</v>
      </c>
      <c r="E84" s="21">
        <v>7</v>
      </c>
      <c r="F84" s="22">
        <v>3</v>
      </c>
      <c r="G84" s="23">
        <v>4</v>
      </c>
      <c r="H84" s="22">
        <v>39</v>
      </c>
      <c r="I84" s="22">
        <v>25</v>
      </c>
      <c r="J84" s="22">
        <v>14</v>
      </c>
      <c r="K84" s="21">
        <v>23</v>
      </c>
      <c r="L84" s="53">
        <v>14</v>
      </c>
      <c r="M84" s="54">
        <v>9</v>
      </c>
    </row>
    <row r="85" spans="1:13">
      <c r="A85" s="40" t="s">
        <v>88</v>
      </c>
      <c r="B85" s="21">
        <v>-9</v>
      </c>
      <c r="C85" s="22">
        <v>-9</v>
      </c>
      <c r="D85" s="22">
        <v>0</v>
      </c>
      <c r="E85" s="21">
        <v>5</v>
      </c>
      <c r="F85" s="22">
        <v>4</v>
      </c>
      <c r="G85" s="23">
        <v>1</v>
      </c>
      <c r="H85" s="22">
        <v>35</v>
      </c>
      <c r="I85" s="22">
        <v>22</v>
      </c>
      <c r="J85" s="22">
        <v>13</v>
      </c>
      <c r="K85" s="21">
        <v>39</v>
      </c>
      <c r="L85" s="53">
        <v>27</v>
      </c>
      <c r="M85" s="54">
        <v>12</v>
      </c>
    </row>
    <row r="86" spans="1:13">
      <c r="A86" s="40" t="s">
        <v>89</v>
      </c>
      <c r="B86" s="21">
        <v>3</v>
      </c>
      <c r="C86" s="22">
        <v>4</v>
      </c>
      <c r="D86" s="22">
        <v>-1</v>
      </c>
      <c r="E86" s="21">
        <v>5</v>
      </c>
      <c r="F86" s="22">
        <v>3</v>
      </c>
      <c r="G86" s="23">
        <v>2</v>
      </c>
      <c r="H86" s="22">
        <v>44</v>
      </c>
      <c r="I86" s="22">
        <v>24</v>
      </c>
      <c r="J86" s="22">
        <v>20</v>
      </c>
      <c r="K86" s="21">
        <v>36</v>
      </c>
      <c r="L86" s="53">
        <v>17</v>
      </c>
      <c r="M86" s="54">
        <v>19</v>
      </c>
    </row>
    <row r="87" spans="1:13">
      <c r="A87" s="40" t="s">
        <v>90</v>
      </c>
      <c r="B87" s="21">
        <v>2</v>
      </c>
      <c r="C87" s="22">
        <v>0</v>
      </c>
      <c r="D87" s="22">
        <v>2</v>
      </c>
      <c r="E87" s="21">
        <v>6</v>
      </c>
      <c r="F87" s="22">
        <v>3</v>
      </c>
      <c r="G87" s="23">
        <v>3</v>
      </c>
      <c r="H87" s="22">
        <v>28</v>
      </c>
      <c r="I87" s="22">
        <v>15</v>
      </c>
      <c r="J87" s="22">
        <v>13</v>
      </c>
      <c r="K87" s="21">
        <v>20</v>
      </c>
      <c r="L87" s="53">
        <v>12</v>
      </c>
      <c r="M87" s="54">
        <v>8</v>
      </c>
    </row>
    <row r="88" spans="1:13">
      <c r="A88" s="40" t="s">
        <v>91</v>
      </c>
      <c r="B88" s="21">
        <v>-8</v>
      </c>
      <c r="C88" s="22">
        <v>-8</v>
      </c>
      <c r="D88" s="22">
        <v>0</v>
      </c>
      <c r="E88" s="21">
        <v>12</v>
      </c>
      <c r="F88" s="22">
        <v>9</v>
      </c>
      <c r="G88" s="23">
        <v>3</v>
      </c>
      <c r="H88" s="22">
        <v>30</v>
      </c>
      <c r="I88" s="22">
        <v>14</v>
      </c>
      <c r="J88" s="22">
        <v>16</v>
      </c>
      <c r="K88" s="21">
        <v>26</v>
      </c>
      <c r="L88" s="53">
        <v>13</v>
      </c>
      <c r="M88" s="54">
        <v>13</v>
      </c>
    </row>
    <row r="89" spans="1:13" ht="19.5" customHeight="1">
      <c r="A89" s="34" t="s">
        <v>92</v>
      </c>
      <c r="B89" s="17">
        <v>-2</v>
      </c>
      <c r="C89" s="18">
        <v>-3</v>
      </c>
      <c r="D89" s="18">
        <v>1</v>
      </c>
      <c r="E89" s="17">
        <v>45</v>
      </c>
      <c r="F89" s="18">
        <v>30</v>
      </c>
      <c r="G89" s="19">
        <v>15</v>
      </c>
      <c r="H89" s="18">
        <v>140</v>
      </c>
      <c r="I89" s="18">
        <v>86</v>
      </c>
      <c r="J89" s="18">
        <v>54</v>
      </c>
      <c r="K89" s="17">
        <v>97</v>
      </c>
      <c r="L89" s="51">
        <v>59</v>
      </c>
      <c r="M89" s="52">
        <v>38</v>
      </c>
    </row>
    <row r="90" spans="1:13">
      <c r="A90" s="40" t="s">
        <v>93</v>
      </c>
      <c r="B90" s="21">
        <v>6</v>
      </c>
      <c r="C90" s="22">
        <v>2</v>
      </c>
      <c r="D90" s="22">
        <v>4</v>
      </c>
      <c r="E90" s="21">
        <v>8</v>
      </c>
      <c r="F90" s="22">
        <v>6</v>
      </c>
      <c r="G90" s="23">
        <v>2</v>
      </c>
      <c r="H90" s="22">
        <v>36</v>
      </c>
      <c r="I90" s="22">
        <v>21</v>
      </c>
      <c r="J90" s="22">
        <v>15</v>
      </c>
      <c r="K90" s="21">
        <v>22</v>
      </c>
      <c r="L90" s="53">
        <v>13</v>
      </c>
      <c r="M90" s="54">
        <v>9</v>
      </c>
    </row>
    <row r="91" spans="1:13">
      <c r="A91" s="40" t="s">
        <v>94</v>
      </c>
      <c r="B91" s="21">
        <v>0</v>
      </c>
      <c r="C91" s="22">
        <v>3</v>
      </c>
      <c r="D91" s="22">
        <v>-3</v>
      </c>
      <c r="E91" s="21">
        <v>10</v>
      </c>
      <c r="F91" s="22">
        <v>8</v>
      </c>
      <c r="G91" s="23">
        <v>2</v>
      </c>
      <c r="H91" s="22">
        <v>30</v>
      </c>
      <c r="I91" s="22">
        <v>23</v>
      </c>
      <c r="J91" s="22">
        <v>7</v>
      </c>
      <c r="K91" s="21">
        <v>20</v>
      </c>
      <c r="L91" s="53">
        <v>12</v>
      </c>
      <c r="M91" s="54">
        <v>8</v>
      </c>
    </row>
    <row r="92" spans="1:13">
      <c r="A92" s="40" t="s">
        <v>95</v>
      </c>
      <c r="B92" s="21">
        <v>2</v>
      </c>
      <c r="C92" s="22">
        <v>2</v>
      </c>
      <c r="D92" s="22">
        <v>0</v>
      </c>
      <c r="E92" s="21">
        <v>9</v>
      </c>
      <c r="F92" s="22">
        <v>4</v>
      </c>
      <c r="G92" s="23">
        <v>5</v>
      </c>
      <c r="H92" s="22">
        <v>25</v>
      </c>
      <c r="I92" s="22">
        <v>15</v>
      </c>
      <c r="J92" s="22">
        <v>10</v>
      </c>
      <c r="K92" s="21">
        <v>14</v>
      </c>
      <c r="L92" s="53">
        <v>9</v>
      </c>
      <c r="M92" s="54">
        <v>5</v>
      </c>
    </row>
    <row r="93" spans="1:13">
      <c r="A93" s="40" t="s">
        <v>96</v>
      </c>
      <c r="B93" s="21">
        <v>5</v>
      </c>
      <c r="C93" s="22">
        <v>2</v>
      </c>
      <c r="D93" s="22">
        <v>3</v>
      </c>
      <c r="E93" s="21">
        <v>4</v>
      </c>
      <c r="F93" s="22">
        <v>4</v>
      </c>
      <c r="G93" s="23">
        <v>0</v>
      </c>
      <c r="H93" s="22">
        <v>25</v>
      </c>
      <c r="I93" s="22">
        <v>14</v>
      </c>
      <c r="J93" s="22">
        <v>11</v>
      </c>
      <c r="K93" s="21">
        <v>16</v>
      </c>
      <c r="L93" s="53">
        <v>8</v>
      </c>
      <c r="M93" s="54">
        <v>8</v>
      </c>
    </row>
    <row r="94" spans="1:13">
      <c r="A94" s="40" t="s">
        <v>97</v>
      </c>
      <c r="B94" s="21">
        <v>-15</v>
      </c>
      <c r="C94" s="22">
        <v>-12</v>
      </c>
      <c r="D94" s="22">
        <v>-3</v>
      </c>
      <c r="E94" s="21">
        <v>14</v>
      </c>
      <c r="F94" s="22">
        <v>8</v>
      </c>
      <c r="G94" s="23">
        <v>6</v>
      </c>
      <c r="H94" s="22">
        <v>24</v>
      </c>
      <c r="I94" s="22">
        <v>13</v>
      </c>
      <c r="J94" s="22">
        <v>11</v>
      </c>
      <c r="K94" s="21">
        <v>25</v>
      </c>
      <c r="L94" s="53">
        <v>17</v>
      </c>
      <c r="M94" s="54">
        <v>8</v>
      </c>
    </row>
    <row r="95" spans="1:13" ht="19.5" customHeight="1">
      <c r="A95" s="34" t="s">
        <v>98</v>
      </c>
      <c r="B95" s="17">
        <v>-53</v>
      </c>
      <c r="C95" s="18">
        <v>-34</v>
      </c>
      <c r="D95" s="18">
        <v>-19</v>
      </c>
      <c r="E95" s="17">
        <v>87</v>
      </c>
      <c r="F95" s="18">
        <v>61</v>
      </c>
      <c r="G95" s="19">
        <v>26</v>
      </c>
      <c r="H95" s="18">
        <v>139</v>
      </c>
      <c r="I95" s="18">
        <v>76</v>
      </c>
      <c r="J95" s="18">
        <v>63</v>
      </c>
      <c r="K95" s="17">
        <v>105</v>
      </c>
      <c r="L95" s="51">
        <v>49</v>
      </c>
      <c r="M95" s="52">
        <v>56</v>
      </c>
    </row>
    <row r="96" spans="1:13">
      <c r="A96" s="40" t="s">
        <v>99</v>
      </c>
      <c r="B96" s="21">
        <v>-19</v>
      </c>
      <c r="C96" s="22">
        <v>-8</v>
      </c>
      <c r="D96" s="22">
        <v>-11</v>
      </c>
      <c r="E96" s="21">
        <v>16</v>
      </c>
      <c r="F96" s="22">
        <v>11</v>
      </c>
      <c r="G96" s="23">
        <v>5</v>
      </c>
      <c r="H96" s="22">
        <v>20</v>
      </c>
      <c r="I96" s="22">
        <v>14</v>
      </c>
      <c r="J96" s="22">
        <v>6</v>
      </c>
      <c r="K96" s="21">
        <v>23</v>
      </c>
      <c r="L96" s="53">
        <v>11</v>
      </c>
      <c r="M96" s="54">
        <v>12</v>
      </c>
    </row>
    <row r="97" spans="1:13">
      <c r="A97" s="40" t="s">
        <v>100</v>
      </c>
      <c r="B97" s="21">
        <v>-5</v>
      </c>
      <c r="C97" s="22">
        <v>-3</v>
      </c>
      <c r="D97" s="22">
        <v>-2</v>
      </c>
      <c r="E97" s="21">
        <v>14</v>
      </c>
      <c r="F97" s="22">
        <v>10</v>
      </c>
      <c r="G97" s="23">
        <v>4</v>
      </c>
      <c r="H97" s="22">
        <v>25</v>
      </c>
      <c r="I97" s="22">
        <v>16</v>
      </c>
      <c r="J97" s="22">
        <v>9</v>
      </c>
      <c r="K97" s="21">
        <v>16</v>
      </c>
      <c r="L97" s="53">
        <v>9</v>
      </c>
      <c r="M97" s="54">
        <v>7</v>
      </c>
    </row>
    <row r="98" spans="1:13">
      <c r="A98" s="40" t="s">
        <v>101</v>
      </c>
      <c r="B98" s="21">
        <v>1</v>
      </c>
      <c r="C98" s="22">
        <v>-5</v>
      </c>
      <c r="D98" s="22">
        <v>6</v>
      </c>
      <c r="E98" s="21">
        <v>12</v>
      </c>
      <c r="F98" s="22">
        <v>10</v>
      </c>
      <c r="G98" s="23">
        <v>2</v>
      </c>
      <c r="H98" s="22">
        <v>32</v>
      </c>
      <c r="I98" s="22">
        <v>14</v>
      </c>
      <c r="J98" s="22">
        <v>18</v>
      </c>
      <c r="K98" s="21">
        <v>19</v>
      </c>
      <c r="L98" s="53">
        <v>9</v>
      </c>
      <c r="M98" s="54">
        <v>10</v>
      </c>
    </row>
    <row r="99" spans="1:13">
      <c r="A99" s="40" t="s">
        <v>102</v>
      </c>
      <c r="B99" s="21">
        <v>-11</v>
      </c>
      <c r="C99" s="22">
        <v>-3</v>
      </c>
      <c r="D99" s="22">
        <v>-8</v>
      </c>
      <c r="E99" s="21">
        <v>18</v>
      </c>
      <c r="F99" s="22">
        <v>11</v>
      </c>
      <c r="G99" s="23">
        <v>7</v>
      </c>
      <c r="H99" s="22">
        <v>34</v>
      </c>
      <c r="I99" s="22">
        <v>17</v>
      </c>
      <c r="J99" s="22">
        <v>17</v>
      </c>
      <c r="K99" s="21">
        <v>27</v>
      </c>
      <c r="L99" s="53">
        <v>9</v>
      </c>
      <c r="M99" s="54">
        <v>18</v>
      </c>
    </row>
    <row r="100" spans="1:13">
      <c r="A100" s="40" t="s">
        <v>103</v>
      </c>
      <c r="B100" s="21">
        <v>-19</v>
      </c>
      <c r="C100" s="22">
        <v>-15</v>
      </c>
      <c r="D100" s="22">
        <v>-4</v>
      </c>
      <c r="E100" s="21">
        <v>27</v>
      </c>
      <c r="F100" s="22">
        <v>19</v>
      </c>
      <c r="G100" s="23">
        <v>8</v>
      </c>
      <c r="H100" s="22">
        <v>28</v>
      </c>
      <c r="I100" s="22">
        <v>15</v>
      </c>
      <c r="J100" s="22">
        <v>13</v>
      </c>
      <c r="K100" s="21">
        <v>20</v>
      </c>
      <c r="L100" s="53">
        <v>11</v>
      </c>
      <c r="M100" s="54">
        <v>9</v>
      </c>
    </row>
    <row r="101" spans="1:13" ht="19.5" customHeight="1">
      <c r="A101" s="34" t="s">
        <v>104</v>
      </c>
      <c r="B101" s="17">
        <v>-116</v>
      </c>
      <c r="C101" s="18">
        <v>-72</v>
      </c>
      <c r="D101" s="18">
        <v>-44</v>
      </c>
      <c r="E101" s="17">
        <v>141</v>
      </c>
      <c r="F101" s="18">
        <v>91</v>
      </c>
      <c r="G101" s="19">
        <v>50</v>
      </c>
      <c r="H101" s="18">
        <v>115</v>
      </c>
      <c r="I101" s="18">
        <v>66</v>
      </c>
      <c r="J101" s="18">
        <v>49</v>
      </c>
      <c r="K101" s="17">
        <v>90</v>
      </c>
      <c r="L101" s="51">
        <v>47</v>
      </c>
      <c r="M101" s="52">
        <v>43</v>
      </c>
    </row>
    <row r="102" spans="1:13">
      <c r="A102" s="40" t="s">
        <v>105</v>
      </c>
      <c r="B102" s="21">
        <v>-26</v>
      </c>
      <c r="C102" s="22">
        <v>-12</v>
      </c>
      <c r="D102" s="22">
        <v>-14</v>
      </c>
      <c r="E102" s="21">
        <v>29</v>
      </c>
      <c r="F102" s="22">
        <v>19</v>
      </c>
      <c r="G102" s="23">
        <v>10</v>
      </c>
      <c r="H102" s="22">
        <v>35</v>
      </c>
      <c r="I102" s="22">
        <v>23</v>
      </c>
      <c r="J102" s="22">
        <v>12</v>
      </c>
      <c r="K102" s="21">
        <v>32</v>
      </c>
      <c r="L102" s="53">
        <v>16</v>
      </c>
      <c r="M102" s="54">
        <v>16</v>
      </c>
    </row>
    <row r="103" spans="1:13">
      <c r="A103" s="40" t="s">
        <v>106</v>
      </c>
      <c r="B103" s="21">
        <v>-27</v>
      </c>
      <c r="C103" s="22">
        <v>-19</v>
      </c>
      <c r="D103" s="22">
        <v>-8</v>
      </c>
      <c r="E103" s="21">
        <v>26</v>
      </c>
      <c r="F103" s="22">
        <v>15</v>
      </c>
      <c r="G103" s="23">
        <v>11</v>
      </c>
      <c r="H103" s="22">
        <v>22</v>
      </c>
      <c r="I103" s="22">
        <v>10</v>
      </c>
      <c r="J103" s="22">
        <v>12</v>
      </c>
      <c r="K103" s="21">
        <v>23</v>
      </c>
      <c r="L103" s="53">
        <v>14</v>
      </c>
      <c r="M103" s="54">
        <v>9</v>
      </c>
    </row>
    <row r="104" spans="1:13">
      <c r="A104" s="40" t="s">
        <v>107</v>
      </c>
      <c r="B104" s="21">
        <v>-22</v>
      </c>
      <c r="C104" s="22">
        <v>-15</v>
      </c>
      <c r="D104" s="22">
        <v>-7</v>
      </c>
      <c r="E104" s="21">
        <v>31</v>
      </c>
      <c r="F104" s="22">
        <v>20</v>
      </c>
      <c r="G104" s="23">
        <v>11</v>
      </c>
      <c r="H104" s="22">
        <v>27</v>
      </c>
      <c r="I104" s="22">
        <v>16</v>
      </c>
      <c r="J104" s="22">
        <v>11</v>
      </c>
      <c r="K104" s="21">
        <v>18</v>
      </c>
      <c r="L104" s="53">
        <v>11</v>
      </c>
      <c r="M104" s="54">
        <v>7</v>
      </c>
    </row>
    <row r="105" spans="1:13">
      <c r="A105" s="40" t="s">
        <v>108</v>
      </c>
      <c r="B105" s="21">
        <v>-24</v>
      </c>
      <c r="C105" s="22">
        <v>-14</v>
      </c>
      <c r="D105" s="22">
        <v>-10</v>
      </c>
      <c r="E105" s="21">
        <v>27</v>
      </c>
      <c r="F105" s="22">
        <v>19</v>
      </c>
      <c r="G105" s="23">
        <v>8</v>
      </c>
      <c r="H105" s="22">
        <v>13</v>
      </c>
      <c r="I105" s="22">
        <v>9</v>
      </c>
      <c r="J105" s="22">
        <v>4</v>
      </c>
      <c r="K105" s="21">
        <v>10</v>
      </c>
      <c r="L105" s="53">
        <v>4</v>
      </c>
      <c r="M105" s="54">
        <v>6</v>
      </c>
    </row>
    <row r="106" spans="1:13">
      <c r="A106" s="40" t="s">
        <v>109</v>
      </c>
      <c r="B106" s="21">
        <v>-17</v>
      </c>
      <c r="C106" s="22">
        <v>-12</v>
      </c>
      <c r="D106" s="22">
        <v>-5</v>
      </c>
      <c r="E106" s="21">
        <v>28</v>
      </c>
      <c r="F106" s="22">
        <v>18</v>
      </c>
      <c r="G106" s="23">
        <v>10</v>
      </c>
      <c r="H106" s="22">
        <v>18</v>
      </c>
      <c r="I106" s="22">
        <v>8</v>
      </c>
      <c r="J106" s="22">
        <v>10</v>
      </c>
      <c r="K106" s="21">
        <v>7</v>
      </c>
      <c r="L106" s="53">
        <v>2</v>
      </c>
      <c r="M106" s="54">
        <v>5</v>
      </c>
    </row>
    <row r="107" spans="1:13" ht="19.5" customHeight="1">
      <c r="A107" s="34" t="s">
        <v>110</v>
      </c>
      <c r="B107" s="17">
        <v>-167</v>
      </c>
      <c r="C107" s="18">
        <v>-121</v>
      </c>
      <c r="D107" s="18">
        <v>-46</v>
      </c>
      <c r="E107" s="17">
        <v>211</v>
      </c>
      <c r="F107" s="18">
        <v>141</v>
      </c>
      <c r="G107" s="19">
        <v>70</v>
      </c>
      <c r="H107" s="18">
        <v>102</v>
      </c>
      <c r="I107" s="18">
        <v>49</v>
      </c>
      <c r="J107" s="18">
        <v>53</v>
      </c>
      <c r="K107" s="17">
        <v>58</v>
      </c>
      <c r="L107" s="51">
        <v>29</v>
      </c>
      <c r="M107" s="52">
        <v>29</v>
      </c>
    </row>
    <row r="108" spans="1:13">
      <c r="A108" s="40" t="s">
        <v>111</v>
      </c>
      <c r="B108" s="21">
        <v>-30</v>
      </c>
      <c r="C108" s="22">
        <v>-26</v>
      </c>
      <c r="D108" s="22">
        <v>-4</v>
      </c>
      <c r="E108" s="21">
        <v>38</v>
      </c>
      <c r="F108" s="22">
        <v>27</v>
      </c>
      <c r="G108" s="23">
        <v>11</v>
      </c>
      <c r="H108" s="22">
        <v>21</v>
      </c>
      <c r="I108" s="22">
        <v>9</v>
      </c>
      <c r="J108" s="22">
        <v>12</v>
      </c>
      <c r="K108" s="21">
        <v>13</v>
      </c>
      <c r="L108" s="53">
        <v>8</v>
      </c>
      <c r="M108" s="54">
        <v>5</v>
      </c>
    </row>
    <row r="109" spans="1:13">
      <c r="A109" s="40" t="s">
        <v>112</v>
      </c>
      <c r="B109" s="21">
        <v>-22</v>
      </c>
      <c r="C109" s="22">
        <v>-17</v>
      </c>
      <c r="D109" s="22">
        <v>-5</v>
      </c>
      <c r="E109" s="21">
        <v>42</v>
      </c>
      <c r="F109" s="22">
        <v>29</v>
      </c>
      <c r="G109" s="23">
        <v>13</v>
      </c>
      <c r="H109" s="22">
        <v>30</v>
      </c>
      <c r="I109" s="22">
        <v>19</v>
      </c>
      <c r="J109" s="22">
        <v>11</v>
      </c>
      <c r="K109" s="21">
        <v>10</v>
      </c>
      <c r="L109" s="53">
        <v>7</v>
      </c>
      <c r="M109" s="54">
        <v>3</v>
      </c>
    </row>
    <row r="110" spans="1:13">
      <c r="A110" s="40" t="s">
        <v>113</v>
      </c>
      <c r="B110" s="21">
        <v>-31</v>
      </c>
      <c r="C110" s="22">
        <v>-22</v>
      </c>
      <c r="D110" s="22">
        <v>-9</v>
      </c>
      <c r="E110" s="21">
        <v>40</v>
      </c>
      <c r="F110" s="22">
        <v>27</v>
      </c>
      <c r="G110" s="23">
        <v>13</v>
      </c>
      <c r="H110" s="22">
        <v>22</v>
      </c>
      <c r="I110" s="22">
        <v>10</v>
      </c>
      <c r="J110" s="22">
        <v>12</v>
      </c>
      <c r="K110" s="21">
        <v>13</v>
      </c>
      <c r="L110" s="53">
        <v>5</v>
      </c>
      <c r="M110" s="54">
        <v>8</v>
      </c>
    </row>
    <row r="111" spans="1:13">
      <c r="A111" s="40" t="s">
        <v>114</v>
      </c>
      <c r="B111" s="21">
        <v>-38</v>
      </c>
      <c r="C111" s="22">
        <v>-24</v>
      </c>
      <c r="D111" s="22">
        <v>-14</v>
      </c>
      <c r="E111" s="21">
        <v>45</v>
      </c>
      <c r="F111" s="22">
        <v>25</v>
      </c>
      <c r="G111" s="23">
        <v>20</v>
      </c>
      <c r="H111" s="22">
        <v>18</v>
      </c>
      <c r="I111" s="22">
        <v>7</v>
      </c>
      <c r="J111" s="22">
        <v>11</v>
      </c>
      <c r="K111" s="21">
        <v>11</v>
      </c>
      <c r="L111" s="53">
        <v>6</v>
      </c>
      <c r="M111" s="54">
        <v>5</v>
      </c>
    </row>
    <row r="112" spans="1:13">
      <c r="A112" s="40" t="s">
        <v>115</v>
      </c>
      <c r="B112" s="21">
        <v>-46</v>
      </c>
      <c r="C112" s="22">
        <v>-32</v>
      </c>
      <c r="D112" s="22">
        <v>-14</v>
      </c>
      <c r="E112" s="21">
        <v>46</v>
      </c>
      <c r="F112" s="22">
        <v>33</v>
      </c>
      <c r="G112" s="23">
        <v>13</v>
      </c>
      <c r="H112" s="22">
        <v>11</v>
      </c>
      <c r="I112" s="22">
        <v>4</v>
      </c>
      <c r="J112" s="22">
        <v>7</v>
      </c>
      <c r="K112" s="21">
        <v>11</v>
      </c>
      <c r="L112" s="53">
        <v>3</v>
      </c>
      <c r="M112" s="54">
        <v>8</v>
      </c>
    </row>
    <row r="113" spans="1:13" ht="19.5" customHeight="1">
      <c r="A113" s="34" t="s">
        <v>116</v>
      </c>
      <c r="B113" s="17">
        <v>-232</v>
      </c>
      <c r="C113" s="18">
        <v>-154</v>
      </c>
      <c r="D113" s="18">
        <v>-78</v>
      </c>
      <c r="E113" s="17">
        <v>227</v>
      </c>
      <c r="F113" s="18">
        <v>146</v>
      </c>
      <c r="G113" s="19">
        <v>81</v>
      </c>
      <c r="H113" s="18">
        <v>41</v>
      </c>
      <c r="I113" s="18">
        <v>16</v>
      </c>
      <c r="J113" s="18">
        <v>25</v>
      </c>
      <c r="K113" s="17">
        <v>46</v>
      </c>
      <c r="L113" s="51">
        <v>24</v>
      </c>
      <c r="M113" s="52">
        <v>22</v>
      </c>
    </row>
    <row r="114" spans="1:13">
      <c r="A114" s="40" t="s">
        <v>117</v>
      </c>
      <c r="B114" s="21">
        <v>-43</v>
      </c>
      <c r="C114" s="22">
        <v>-28</v>
      </c>
      <c r="D114" s="22">
        <v>-15</v>
      </c>
      <c r="E114" s="21">
        <v>37</v>
      </c>
      <c r="F114" s="22">
        <v>25</v>
      </c>
      <c r="G114" s="23">
        <v>12</v>
      </c>
      <c r="H114" s="22">
        <v>8</v>
      </c>
      <c r="I114" s="22">
        <v>3</v>
      </c>
      <c r="J114" s="22">
        <v>5</v>
      </c>
      <c r="K114" s="21">
        <v>14</v>
      </c>
      <c r="L114" s="53">
        <v>6</v>
      </c>
      <c r="M114" s="54">
        <v>8</v>
      </c>
    </row>
    <row r="115" spans="1:13">
      <c r="A115" s="40" t="s">
        <v>118</v>
      </c>
      <c r="B115" s="21">
        <v>-54</v>
      </c>
      <c r="C115" s="22">
        <v>-34</v>
      </c>
      <c r="D115" s="22">
        <v>-20</v>
      </c>
      <c r="E115" s="21">
        <v>54</v>
      </c>
      <c r="F115" s="22">
        <v>32</v>
      </c>
      <c r="G115" s="23">
        <v>22</v>
      </c>
      <c r="H115" s="22">
        <v>10</v>
      </c>
      <c r="I115" s="22">
        <v>5</v>
      </c>
      <c r="J115" s="22">
        <v>5</v>
      </c>
      <c r="K115" s="21">
        <v>10</v>
      </c>
      <c r="L115" s="53">
        <v>7</v>
      </c>
      <c r="M115" s="54">
        <v>3</v>
      </c>
    </row>
    <row r="116" spans="1:13">
      <c r="A116" s="40" t="s">
        <v>119</v>
      </c>
      <c r="B116" s="21">
        <v>-44</v>
      </c>
      <c r="C116" s="22">
        <v>-32</v>
      </c>
      <c r="D116" s="22">
        <v>-12</v>
      </c>
      <c r="E116" s="21">
        <v>41</v>
      </c>
      <c r="F116" s="22">
        <v>29</v>
      </c>
      <c r="G116" s="23">
        <v>12</v>
      </c>
      <c r="H116" s="22">
        <v>5</v>
      </c>
      <c r="I116" s="22">
        <v>1</v>
      </c>
      <c r="J116" s="22">
        <v>4</v>
      </c>
      <c r="K116" s="21">
        <v>8</v>
      </c>
      <c r="L116" s="53">
        <v>4</v>
      </c>
      <c r="M116" s="54">
        <v>4</v>
      </c>
    </row>
    <row r="117" spans="1:13">
      <c r="A117" s="40" t="s">
        <v>120</v>
      </c>
      <c r="B117" s="21">
        <v>-40</v>
      </c>
      <c r="C117" s="22">
        <v>-26</v>
      </c>
      <c r="D117" s="22">
        <v>-14</v>
      </c>
      <c r="E117" s="21">
        <v>42</v>
      </c>
      <c r="F117" s="22">
        <v>26</v>
      </c>
      <c r="G117" s="23">
        <v>16</v>
      </c>
      <c r="H117" s="22">
        <v>9</v>
      </c>
      <c r="I117" s="22">
        <v>2</v>
      </c>
      <c r="J117" s="22">
        <v>7</v>
      </c>
      <c r="K117" s="21">
        <v>7</v>
      </c>
      <c r="L117" s="53">
        <v>2</v>
      </c>
      <c r="M117" s="54">
        <v>5</v>
      </c>
    </row>
    <row r="118" spans="1:13">
      <c r="A118" s="40" t="s">
        <v>121</v>
      </c>
      <c r="B118" s="21">
        <v>-51</v>
      </c>
      <c r="C118" s="22">
        <v>-34</v>
      </c>
      <c r="D118" s="22">
        <v>-17</v>
      </c>
      <c r="E118" s="21">
        <v>53</v>
      </c>
      <c r="F118" s="22">
        <v>34</v>
      </c>
      <c r="G118" s="23">
        <v>19</v>
      </c>
      <c r="H118" s="22">
        <v>9</v>
      </c>
      <c r="I118" s="22">
        <v>5</v>
      </c>
      <c r="J118" s="22">
        <v>4</v>
      </c>
      <c r="K118" s="21">
        <v>7</v>
      </c>
      <c r="L118" s="53">
        <v>5</v>
      </c>
      <c r="M118" s="54">
        <v>2</v>
      </c>
    </row>
    <row r="119" spans="1:13" ht="19.5" customHeight="1">
      <c r="A119" s="34" t="s">
        <v>122</v>
      </c>
      <c r="B119" s="17">
        <v>-240</v>
      </c>
      <c r="C119" s="18">
        <v>-132</v>
      </c>
      <c r="D119" s="18">
        <v>-108</v>
      </c>
      <c r="E119" s="17">
        <v>275</v>
      </c>
      <c r="F119" s="18">
        <v>145</v>
      </c>
      <c r="G119" s="19">
        <v>130</v>
      </c>
      <c r="H119" s="18">
        <v>72</v>
      </c>
      <c r="I119" s="18">
        <v>21</v>
      </c>
      <c r="J119" s="18">
        <v>51</v>
      </c>
      <c r="K119" s="17">
        <v>37</v>
      </c>
      <c r="L119" s="51">
        <v>8</v>
      </c>
      <c r="M119" s="52">
        <v>29</v>
      </c>
    </row>
    <row r="120" spans="1:13">
      <c r="A120" s="40" t="s">
        <v>123</v>
      </c>
      <c r="B120" s="21">
        <v>-42</v>
      </c>
      <c r="C120" s="22">
        <v>-27</v>
      </c>
      <c r="D120" s="22">
        <v>-15</v>
      </c>
      <c r="E120" s="21">
        <v>52</v>
      </c>
      <c r="F120" s="22">
        <v>32</v>
      </c>
      <c r="G120" s="23">
        <v>20</v>
      </c>
      <c r="H120" s="22">
        <v>16</v>
      </c>
      <c r="I120" s="22">
        <v>6</v>
      </c>
      <c r="J120" s="22">
        <v>10</v>
      </c>
      <c r="K120" s="21">
        <v>6</v>
      </c>
      <c r="L120" s="53">
        <v>1</v>
      </c>
      <c r="M120" s="54">
        <v>5</v>
      </c>
    </row>
    <row r="121" spans="1:13">
      <c r="A121" s="40" t="s">
        <v>124</v>
      </c>
      <c r="B121" s="21">
        <v>-44</v>
      </c>
      <c r="C121" s="22">
        <v>-24</v>
      </c>
      <c r="D121" s="22">
        <v>-20</v>
      </c>
      <c r="E121" s="21">
        <v>53</v>
      </c>
      <c r="F121" s="22">
        <v>28</v>
      </c>
      <c r="G121" s="23">
        <v>25</v>
      </c>
      <c r="H121" s="22">
        <v>13</v>
      </c>
      <c r="I121" s="22">
        <v>5</v>
      </c>
      <c r="J121" s="22">
        <v>8</v>
      </c>
      <c r="K121" s="21">
        <v>4</v>
      </c>
      <c r="L121" s="53">
        <v>1</v>
      </c>
      <c r="M121" s="54">
        <v>3</v>
      </c>
    </row>
    <row r="122" spans="1:13">
      <c r="A122" s="40" t="s">
        <v>125</v>
      </c>
      <c r="B122" s="21">
        <v>-51</v>
      </c>
      <c r="C122" s="22">
        <v>-32</v>
      </c>
      <c r="D122" s="22">
        <v>-19</v>
      </c>
      <c r="E122" s="21">
        <v>56</v>
      </c>
      <c r="F122" s="22">
        <v>33</v>
      </c>
      <c r="G122" s="23">
        <v>23</v>
      </c>
      <c r="H122" s="22">
        <v>13</v>
      </c>
      <c r="I122" s="22">
        <v>1</v>
      </c>
      <c r="J122" s="22">
        <v>12</v>
      </c>
      <c r="K122" s="21">
        <v>8</v>
      </c>
      <c r="L122" s="53">
        <v>0</v>
      </c>
      <c r="M122" s="54">
        <v>8</v>
      </c>
    </row>
    <row r="123" spans="1:13">
      <c r="A123" s="40" t="s">
        <v>126</v>
      </c>
      <c r="B123" s="21">
        <v>-53</v>
      </c>
      <c r="C123" s="22">
        <v>-21</v>
      </c>
      <c r="D123" s="22">
        <v>-32</v>
      </c>
      <c r="E123" s="21">
        <v>58</v>
      </c>
      <c r="F123" s="22">
        <v>25</v>
      </c>
      <c r="G123" s="23">
        <v>33</v>
      </c>
      <c r="H123" s="22">
        <v>13</v>
      </c>
      <c r="I123" s="22">
        <v>5</v>
      </c>
      <c r="J123" s="22">
        <v>8</v>
      </c>
      <c r="K123" s="21">
        <v>8</v>
      </c>
      <c r="L123" s="53">
        <v>1</v>
      </c>
      <c r="M123" s="54">
        <v>7</v>
      </c>
    </row>
    <row r="124" spans="1:13">
      <c r="A124" s="40" t="s">
        <v>127</v>
      </c>
      <c r="B124" s="21">
        <v>-50</v>
      </c>
      <c r="C124" s="22">
        <v>-28</v>
      </c>
      <c r="D124" s="22">
        <v>-22</v>
      </c>
      <c r="E124" s="21">
        <v>56</v>
      </c>
      <c r="F124" s="22">
        <v>27</v>
      </c>
      <c r="G124" s="23">
        <v>29</v>
      </c>
      <c r="H124" s="22">
        <v>17</v>
      </c>
      <c r="I124" s="22">
        <v>4</v>
      </c>
      <c r="J124" s="22">
        <v>13</v>
      </c>
      <c r="K124" s="21">
        <v>11</v>
      </c>
      <c r="L124" s="53">
        <v>5</v>
      </c>
      <c r="M124" s="54">
        <v>6</v>
      </c>
    </row>
    <row r="125" spans="1:13" ht="19.5" customHeight="1">
      <c r="A125" s="34" t="s">
        <v>128</v>
      </c>
      <c r="B125" s="17">
        <v>-258</v>
      </c>
      <c r="C125" s="18">
        <v>-88</v>
      </c>
      <c r="D125" s="18">
        <v>-170</v>
      </c>
      <c r="E125" s="17">
        <v>261</v>
      </c>
      <c r="F125" s="18">
        <v>89</v>
      </c>
      <c r="G125" s="19">
        <v>172</v>
      </c>
      <c r="H125" s="18">
        <v>29</v>
      </c>
      <c r="I125" s="18">
        <v>11</v>
      </c>
      <c r="J125" s="18">
        <v>18</v>
      </c>
      <c r="K125" s="17">
        <v>26</v>
      </c>
      <c r="L125" s="51">
        <v>10</v>
      </c>
      <c r="M125" s="52">
        <v>16</v>
      </c>
    </row>
    <row r="126" spans="1:13">
      <c r="A126" s="40" t="s">
        <v>129</v>
      </c>
      <c r="B126" s="21">
        <v>-47</v>
      </c>
      <c r="C126" s="22">
        <v>-20</v>
      </c>
      <c r="D126" s="22">
        <v>-27</v>
      </c>
      <c r="E126" s="21">
        <v>45</v>
      </c>
      <c r="F126" s="22">
        <v>22</v>
      </c>
      <c r="G126" s="23">
        <v>23</v>
      </c>
      <c r="H126" s="22">
        <v>8</v>
      </c>
      <c r="I126" s="22">
        <v>4</v>
      </c>
      <c r="J126" s="22">
        <v>4</v>
      </c>
      <c r="K126" s="21">
        <v>10</v>
      </c>
      <c r="L126" s="53">
        <v>2</v>
      </c>
      <c r="M126" s="54">
        <v>8</v>
      </c>
    </row>
    <row r="127" spans="1:13">
      <c r="A127" s="40" t="s">
        <v>130</v>
      </c>
      <c r="B127" s="21">
        <v>-52</v>
      </c>
      <c r="C127" s="22">
        <v>-20</v>
      </c>
      <c r="D127" s="22">
        <v>-32</v>
      </c>
      <c r="E127" s="21">
        <v>56</v>
      </c>
      <c r="F127" s="22">
        <v>21</v>
      </c>
      <c r="G127" s="23">
        <v>35</v>
      </c>
      <c r="H127" s="22">
        <v>7</v>
      </c>
      <c r="I127" s="22">
        <v>4</v>
      </c>
      <c r="J127" s="22">
        <v>3</v>
      </c>
      <c r="K127" s="21">
        <v>3</v>
      </c>
      <c r="L127" s="53">
        <v>3</v>
      </c>
      <c r="M127" s="54">
        <v>0</v>
      </c>
    </row>
    <row r="128" spans="1:13">
      <c r="A128" s="40" t="s">
        <v>131</v>
      </c>
      <c r="B128" s="21">
        <v>-59</v>
      </c>
      <c r="C128" s="22">
        <v>-25</v>
      </c>
      <c r="D128" s="22">
        <v>-34</v>
      </c>
      <c r="E128" s="21">
        <v>58</v>
      </c>
      <c r="F128" s="22">
        <v>25</v>
      </c>
      <c r="G128" s="23">
        <v>33</v>
      </c>
      <c r="H128" s="22">
        <v>6</v>
      </c>
      <c r="I128" s="22">
        <v>2</v>
      </c>
      <c r="J128" s="22">
        <v>4</v>
      </c>
      <c r="K128" s="21">
        <v>7</v>
      </c>
      <c r="L128" s="53">
        <v>2</v>
      </c>
      <c r="M128" s="54">
        <v>5</v>
      </c>
    </row>
    <row r="129" spans="1:13">
      <c r="A129" s="40" t="s">
        <v>132</v>
      </c>
      <c r="B129" s="21">
        <v>-44</v>
      </c>
      <c r="C129" s="22">
        <v>-9</v>
      </c>
      <c r="D129" s="22">
        <v>-35</v>
      </c>
      <c r="E129" s="21">
        <v>43</v>
      </c>
      <c r="F129" s="22">
        <v>8</v>
      </c>
      <c r="G129" s="23">
        <v>35</v>
      </c>
      <c r="H129" s="22">
        <v>2</v>
      </c>
      <c r="I129" s="22">
        <v>0</v>
      </c>
      <c r="J129" s="22">
        <v>2</v>
      </c>
      <c r="K129" s="21">
        <v>3</v>
      </c>
      <c r="L129" s="53">
        <v>1</v>
      </c>
      <c r="M129" s="54">
        <v>2</v>
      </c>
    </row>
    <row r="130" spans="1:13">
      <c r="A130" s="40" t="s">
        <v>133</v>
      </c>
      <c r="B130" s="21">
        <v>-56</v>
      </c>
      <c r="C130" s="22">
        <v>-14</v>
      </c>
      <c r="D130" s="22">
        <v>-42</v>
      </c>
      <c r="E130" s="21">
        <v>59</v>
      </c>
      <c r="F130" s="22">
        <v>13</v>
      </c>
      <c r="G130" s="23">
        <v>46</v>
      </c>
      <c r="H130" s="22">
        <v>6</v>
      </c>
      <c r="I130" s="22">
        <v>1</v>
      </c>
      <c r="J130" s="22">
        <v>5</v>
      </c>
      <c r="K130" s="21">
        <v>3</v>
      </c>
      <c r="L130" s="53">
        <v>2</v>
      </c>
      <c r="M130" s="54">
        <v>1</v>
      </c>
    </row>
    <row r="131" spans="1:13" ht="19.5" customHeight="1">
      <c r="A131" s="34" t="s">
        <v>134</v>
      </c>
      <c r="B131" s="17">
        <v>-123</v>
      </c>
      <c r="C131" s="18">
        <v>-28</v>
      </c>
      <c r="D131" s="18">
        <v>-95</v>
      </c>
      <c r="E131" s="17">
        <v>123</v>
      </c>
      <c r="F131" s="18">
        <v>25</v>
      </c>
      <c r="G131" s="19">
        <v>98</v>
      </c>
      <c r="H131" s="18">
        <v>11</v>
      </c>
      <c r="I131" s="18">
        <v>2</v>
      </c>
      <c r="J131" s="18">
        <v>9</v>
      </c>
      <c r="K131" s="17">
        <v>11</v>
      </c>
      <c r="L131" s="51">
        <v>5</v>
      </c>
      <c r="M131" s="52">
        <v>6</v>
      </c>
    </row>
    <row r="132" spans="1:13">
      <c r="A132" s="40" t="s">
        <v>135</v>
      </c>
      <c r="B132" s="21">
        <v>-34</v>
      </c>
      <c r="C132" s="22">
        <v>-10</v>
      </c>
      <c r="D132" s="22">
        <v>-24</v>
      </c>
      <c r="E132" s="21">
        <v>34</v>
      </c>
      <c r="F132" s="22">
        <v>8</v>
      </c>
      <c r="G132" s="23">
        <v>26</v>
      </c>
      <c r="H132" s="22">
        <v>4</v>
      </c>
      <c r="I132" s="22">
        <v>1</v>
      </c>
      <c r="J132" s="22">
        <v>3</v>
      </c>
      <c r="K132" s="21">
        <v>4</v>
      </c>
      <c r="L132" s="53">
        <v>3</v>
      </c>
      <c r="M132" s="54">
        <v>1</v>
      </c>
    </row>
    <row r="133" spans="1:13">
      <c r="A133" s="40" t="s">
        <v>136</v>
      </c>
      <c r="B133" s="21">
        <v>-32</v>
      </c>
      <c r="C133" s="22">
        <v>-8</v>
      </c>
      <c r="D133" s="22">
        <v>-24</v>
      </c>
      <c r="E133" s="21">
        <v>29</v>
      </c>
      <c r="F133" s="22">
        <v>8</v>
      </c>
      <c r="G133" s="23">
        <v>21</v>
      </c>
      <c r="H133" s="22">
        <v>2</v>
      </c>
      <c r="I133" s="22">
        <v>1</v>
      </c>
      <c r="J133" s="22">
        <v>1</v>
      </c>
      <c r="K133" s="21">
        <v>5</v>
      </c>
      <c r="L133" s="53">
        <v>1</v>
      </c>
      <c r="M133" s="54">
        <v>4</v>
      </c>
    </row>
    <row r="134" spans="1:13">
      <c r="A134" s="40" t="s">
        <v>137</v>
      </c>
      <c r="B134" s="21">
        <v>-25</v>
      </c>
      <c r="C134" s="22">
        <v>-4</v>
      </c>
      <c r="D134" s="22">
        <v>-21</v>
      </c>
      <c r="E134" s="21">
        <v>27</v>
      </c>
      <c r="F134" s="22">
        <v>4</v>
      </c>
      <c r="G134" s="23">
        <v>23</v>
      </c>
      <c r="H134" s="22">
        <v>2</v>
      </c>
      <c r="I134" s="22">
        <v>0</v>
      </c>
      <c r="J134" s="22">
        <v>2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15</v>
      </c>
      <c r="C135" s="22">
        <v>-3</v>
      </c>
      <c r="D135" s="22">
        <v>-12</v>
      </c>
      <c r="E135" s="21">
        <v>16</v>
      </c>
      <c r="F135" s="22">
        <v>3</v>
      </c>
      <c r="G135" s="23">
        <v>13</v>
      </c>
      <c r="H135" s="22">
        <v>2</v>
      </c>
      <c r="I135" s="22">
        <v>0</v>
      </c>
      <c r="J135" s="22">
        <v>2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17</v>
      </c>
      <c r="C136" s="22">
        <v>-3</v>
      </c>
      <c r="D136" s="22">
        <v>-14</v>
      </c>
      <c r="E136" s="21">
        <v>17</v>
      </c>
      <c r="F136" s="22">
        <v>2</v>
      </c>
      <c r="G136" s="23">
        <v>15</v>
      </c>
      <c r="H136" s="22">
        <v>1</v>
      </c>
      <c r="I136" s="22">
        <v>0</v>
      </c>
      <c r="J136" s="22">
        <v>1</v>
      </c>
      <c r="K136" s="21">
        <v>1</v>
      </c>
      <c r="L136" s="53">
        <v>1</v>
      </c>
      <c r="M136" s="54">
        <v>0</v>
      </c>
    </row>
    <row r="137" spans="1:13" ht="19.5" customHeight="1">
      <c r="A137" s="41" t="s">
        <v>140</v>
      </c>
      <c r="B137" s="42">
        <v>-41</v>
      </c>
      <c r="C137" s="43">
        <v>-9</v>
      </c>
      <c r="D137" s="43">
        <v>-32</v>
      </c>
      <c r="E137" s="42">
        <v>41</v>
      </c>
      <c r="F137" s="43">
        <v>9</v>
      </c>
      <c r="G137" s="44">
        <v>32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2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97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350</v>
      </c>
      <c r="C5" s="14">
        <v>-235</v>
      </c>
      <c r="D5" s="14">
        <v>-115</v>
      </c>
      <c r="E5" s="13">
        <v>862</v>
      </c>
      <c r="F5" s="14">
        <v>481</v>
      </c>
      <c r="G5" s="15">
        <v>381</v>
      </c>
      <c r="H5" s="14">
        <v>4833</v>
      </c>
      <c r="I5" s="14">
        <v>2766</v>
      </c>
      <c r="J5" s="14">
        <v>2067</v>
      </c>
      <c r="K5" s="13">
        <v>5039</v>
      </c>
      <c r="L5" s="49">
        <v>2906</v>
      </c>
      <c r="M5" s="50">
        <v>2133</v>
      </c>
    </row>
    <row r="6" spans="1:13" ht="19.5" customHeight="1">
      <c r="A6" s="16" t="s">
        <v>13</v>
      </c>
      <c r="B6" s="17">
        <v>645</v>
      </c>
      <c r="C6" s="18">
        <v>348</v>
      </c>
      <c r="D6" s="18">
        <v>297</v>
      </c>
      <c r="E6" s="17">
        <v>2</v>
      </c>
      <c r="F6" s="18">
        <v>2</v>
      </c>
      <c r="G6" s="19">
        <v>0</v>
      </c>
      <c r="H6" s="18">
        <v>222</v>
      </c>
      <c r="I6" s="18">
        <v>117</v>
      </c>
      <c r="J6" s="18">
        <v>105</v>
      </c>
      <c r="K6" s="17">
        <v>293</v>
      </c>
      <c r="L6" s="51">
        <v>153</v>
      </c>
      <c r="M6" s="52">
        <v>140</v>
      </c>
    </row>
    <row r="7" spans="1:13">
      <c r="A7" s="20" t="s">
        <v>14</v>
      </c>
      <c r="B7" s="21">
        <v>720</v>
      </c>
      <c r="C7" s="22">
        <v>384</v>
      </c>
      <c r="D7" s="22">
        <v>336</v>
      </c>
      <c r="E7" s="21">
        <v>1</v>
      </c>
      <c r="F7" s="22">
        <v>1</v>
      </c>
      <c r="G7" s="23">
        <v>0</v>
      </c>
      <c r="H7" s="22">
        <v>41</v>
      </c>
      <c r="I7" s="22">
        <v>19</v>
      </c>
      <c r="J7" s="22">
        <v>22</v>
      </c>
      <c r="K7" s="21">
        <v>38</v>
      </c>
      <c r="L7" s="53">
        <v>20</v>
      </c>
      <c r="M7" s="54">
        <v>18</v>
      </c>
    </row>
    <row r="8" spans="1:13">
      <c r="A8" s="20" t="s">
        <v>15</v>
      </c>
      <c r="B8" s="21">
        <v>-22</v>
      </c>
      <c r="C8" s="22">
        <v>-16</v>
      </c>
      <c r="D8" s="22">
        <v>-6</v>
      </c>
      <c r="E8" s="21">
        <v>1</v>
      </c>
      <c r="F8" s="22">
        <v>1</v>
      </c>
      <c r="G8" s="23">
        <v>0</v>
      </c>
      <c r="H8" s="22">
        <v>56</v>
      </c>
      <c r="I8" s="22">
        <v>27</v>
      </c>
      <c r="J8" s="22">
        <v>29</v>
      </c>
      <c r="K8" s="21">
        <v>77</v>
      </c>
      <c r="L8" s="53">
        <v>42</v>
      </c>
      <c r="M8" s="54">
        <v>35</v>
      </c>
    </row>
    <row r="9" spans="1:13">
      <c r="A9" s="20" t="s">
        <v>16</v>
      </c>
      <c r="B9" s="21">
        <v>-26</v>
      </c>
      <c r="C9" s="22">
        <v>-4</v>
      </c>
      <c r="D9" s="22">
        <v>-22</v>
      </c>
      <c r="E9" s="21">
        <v>0</v>
      </c>
      <c r="F9" s="22">
        <v>0</v>
      </c>
      <c r="G9" s="23">
        <v>0</v>
      </c>
      <c r="H9" s="22">
        <v>50</v>
      </c>
      <c r="I9" s="22">
        <v>28</v>
      </c>
      <c r="J9" s="22">
        <v>22</v>
      </c>
      <c r="K9" s="21">
        <v>76</v>
      </c>
      <c r="L9" s="53">
        <v>32</v>
      </c>
      <c r="M9" s="54">
        <v>44</v>
      </c>
    </row>
    <row r="10" spans="1:13">
      <c r="A10" s="20" t="s">
        <v>17</v>
      </c>
      <c r="B10" s="21">
        <v>-12</v>
      </c>
      <c r="C10" s="22">
        <v>-7</v>
      </c>
      <c r="D10" s="22">
        <v>-5</v>
      </c>
      <c r="E10" s="21">
        <v>0</v>
      </c>
      <c r="F10" s="22">
        <v>0</v>
      </c>
      <c r="G10" s="23">
        <v>0</v>
      </c>
      <c r="H10" s="22">
        <v>47</v>
      </c>
      <c r="I10" s="22">
        <v>25</v>
      </c>
      <c r="J10" s="22">
        <v>22</v>
      </c>
      <c r="K10" s="21">
        <v>59</v>
      </c>
      <c r="L10" s="53">
        <v>32</v>
      </c>
      <c r="M10" s="54">
        <v>27</v>
      </c>
    </row>
    <row r="11" spans="1:13">
      <c r="A11" s="20" t="s">
        <v>18</v>
      </c>
      <c r="B11" s="21">
        <v>-15</v>
      </c>
      <c r="C11" s="22">
        <v>-9</v>
      </c>
      <c r="D11" s="22">
        <v>-6</v>
      </c>
      <c r="E11" s="21">
        <v>0</v>
      </c>
      <c r="F11" s="22">
        <v>0</v>
      </c>
      <c r="G11" s="23">
        <v>0</v>
      </c>
      <c r="H11" s="22">
        <v>28</v>
      </c>
      <c r="I11" s="22">
        <v>18</v>
      </c>
      <c r="J11" s="22">
        <v>10</v>
      </c>
      <c r="K11" s="21">
        <v>43</v>
      </c>
      <c r="L11" s="53">
        <v>27</v>
      </c>
      <c r="M11" s="54">
        <v>16</v>
      </c>
    </row>
    <row r="12" spans="1:13" ht="20.100000000000001" customHeight="1">
      <c r="A12" s="16" t="s">
        <v>19</v>
      </c>
      <c r="B12" s="17">
        <v>-21</v>
      </c>
      <c r="C12" s="18">
        <v>-19</v>
      </c>
      <c r="D12" s="18">
        <v>-2</v>
      </c>
      <c r="E12" s="17">
        <v>0</v>
      </c>
      <c r="F12" s="18">
        <v>0</v>
      </c>
      <c r="G12" s="19">
        <v>0</v>
      </c>
      <c r="H12" s="18">
        <v>111</v>
      </c>
      <c r="I12" s="18">
        <v>44</v>
      </c>
      <c r="J12" s="18">
        <v>67</v>
      </c>
      <c r="K12" s="17">
        <v>132</v>
      </c>
      <c r="L12" s="51">
        <v>63</v>
      </c>
      <c r="M12" s="52">
        <v>69</v>
      </c>
    </row>
    <row r="13" spans="1:13">
      <c r="A13" s="20" t="s">
        <v>20</v>
      </c>
      <c r="B13" s="21">
        <v>1</v>
      </c>
      <c r="C13" s="22">
        <v>-6</v>
      </c>
      <c r="D13" s="22">
        <v>7</v>
      </c>
      <c r="E13" s="21">
        <v>0</v>
      </c>
      <c r="F13" s="22">
        <v>0</v>
      </c>
      <c r="G13" s="23">
        <v>0</v>
      </c>
      <c r="H13" s="22">
        <v>31</v>
      </c>
      <c r="I13" s="22">
        <v>9</v>
      </c>
      <c r="J13" s="22">
        <v>22</v>
      </c>
      <c r="K13" s="21">
        <v>30</v>
      </c>
      <c r="L13" s="53">
        <v>15</v>
      </c>
      <c r="M13" s="54">
        <v>15</v>
      </c>
    </row>
    <row r="14" spans="1:13">
      <c r="A14" s="20" t="s">
        <v>21</v>
      </c>
      <c r="B14" s="21">
        <v>-9</v>
      </c>
      <c r="C14" s="22">
        <v>-7</v>
      </c>
      <c r="D14" s="22">
        <v>-2</v>
      </c>
      <c r="E14" s="21">
        <v>0</v>
      </c>
      <c r="F14" s="22">
        <v>0</v>
      </c>
      <c r="G14" s="23">
        <v>0</v>
      </c>
      <c r="H14" s="22">
        <v>25</v>
      </c>
      <c r="I14" s="22">
        <v>11</v>
      </c>
      <c r="J14" s="22">
        <v>14</v>
      </c>
      <c r="K14" s="21">
        <v>34</v>
      </c>
      <c r="L14" s="53">
        <v>18</v>
      </c>
      <c r="M14" s="54">
        <v>16</v>
      </c>
    </row>
    <row r="15" spans="1:13">
      <c r="A15" s="20" t="s">
        <v>22</v>
      </c>
      <c r="B15" s="21">
        <v>-3</v>
      </c>
      <c r="C15" s="22">
        <v>0</v>
      </c>
      <c r="D15" s="22">
        <v>-3</v>
      </c>
      <c r="E15" s="21">
        <v>0</v>
      </c>
      <c r="F15" s="22">
        <v>0</v>
      </c>
      <c r="G15" s="23">
        <v>0</v>
      </c>
      <c r="H15" s="22">
        <v>24</v>
      </c>
      <c r="I15" s="22">
        <v>13</v>
      </c>
      <c r="J15" s="22">
        <v>11</v>
      </c>
      <c r="K15" s="21">
        <v>27</v>
      </c>
      <c r="L15" s="53">
        <v>13</v>
      </c>
      <c r="M15" s="54">
        <v>14</v>
      </c>
    </row>
    <row r="16" spans="1:13">
      <c r="A16" s="20" t="s">
        <v>23</v>
      </c>
      <c r="B16" s="21">
        <v>-3</v>
      </c>
      <c r="C16" s="22">
        <v>-2</v>
      </c>
      <c r="D16" s="22">
        <v>-1</v>
      </c>
      <c r="E16" s="21">
        <v>0</v>
      </c>
      <c r="F16" s="22">
        <v>0</v>
      </c>
      <c r="G16" s="23">
        <v>0</v>
      </c>
      <c r="H16" s="22">
        <v>18</v>
      </c>
      <c r="I16" s="22">
        <v>7</v>
      </c>
      <c r="J16" s="22">
        <v>11</v>
      </c>
      <c r="K16" s="21">
        <v>21</v>
      </c>
      <c r="L16" s="53">
        <v>9</v>
      </c>
      <c r="M16" s="54">
        <v>12</v>
      </c>
    </row>
    <row r="17" spans="1:13">
      <c r="A17" s="20" t="s">
        <v>24</v>
      </c>
      <c r="B17" s="21">
        <v>-7</v>
      </c>
      <c r="C17" s="22">
        <v>-4</v>
      </c>
      <c r="D17" s="22">
        <v>-3</v>
      </c>
      <c r="E17" s="21">
        <v>0</v>
      </c>
      <c r="F17" s="22">
        <v>0</v>
      </c>
      <c r="G17" s="23">
        <v>0</v>
      </c>
      <c r="H17" s="22">
        <v>13</v>
      </c>
      <c r="I17" s="22">
        <v>4</v>
      </c>
      <c r="J17" s="22">
        <v>9</v>
      </c>
      <c r="K17" s="21">
        <v>20</v>
      </c>
      <c r="L17" s="53">
        <v>8</v>
      </c>
      <c r="M17" s="54">
        <v>12</v>
      </c>
    </row>
    <row r="18" spans="1:13" ht="20.100000000000001" customHeight="1">
      <c r="A18" s="16" t="s">
        <v>25</v>
      </c>
      <c r="B18" s="17">
        <v>2</v>
      </c>
      <c r="C18" s="18">
        <v>-2</v>
      </c>
      <c r="D18" s="18">
        <v>4</v>
      </c>
      <c r="E18" s="17">
        <v>0</v>
      </c>
      <c r="F18" s="18">
        <v>0</v>
      </c>
      <c r="G18" s="19">
        <v>0</v>
      </c>
      <c r="H18" s="18">
        <v>52</v>
      </c>
      <c r="I18" s="18">
        <v>26</v>
      </c>
      <c r="J18" s="18">
        <v>26</v>
      </c>
      <c r="K18" s="17">
        <v>50</v>
      </c>
      <c r="L18" s="51">
        <v>28</v>
      </c>
      <c r="M18" s="52">
        <v>22</v>
      </c>
    </row>
    <row r="19" spans="1:13">
      <c r="A19" s="20" t="s">
        <v>26</v>
      </c>
      <c r="B19" s="21">
        <v>0</v>
      </c>
      <c r="C19" s="22">
        <v>-2</v>
      </c>
      <c r="D19" s="22">
        <v>2</v>
      </c>
      <c r="E19" s="21">
        <v>0</v>
      </c>
      <c r="F19" s="22">
        <v>0</v>
      </c>
      <c r="G19" s="23">
        <v>0</v>
      </c>
      <c r="H19" s="22">
        <v>13</v>
      </c>
      <c r="I19" s="22">
        <v>8</v>
      </c>
      <c r="J19" s="22">
        <v>5</v>
      </c>
      <c r="K19" s="21">
        <v>13</v>
      </c>
      <c r="L19" s="53">
        <v>10</v>
      </c>
      <c r="M19" s="54">
        <v>3</v>
      </c>
    </row>
    <row r="20" spans="1:13">
      <c r="A20" s="20" t="s">
        <v>27</v>
      </c>
      <c r="B20" s="21">
        <v>-1</v>
      </c>
      <c r="C20" s="22">
        <v>0</v>
      </c>
      <c r="D20" s="22">
        <v>-1</v>
      </c>
      <c r="E20" s="21">
        <v>0</v>
      </c>
      <c r="F20" s="22">
        <v>0</v>
      </c>
      <c r="G20" s="23">
        <v>0</v>
      </c>
      <c r="H20" s="22">
        <v>11</v>
      </c>
      <c r="I20" s="22">
        <v>6</v>
      </c>
      <c r="J20" s="22">
        <v>5</v>
      </c>
      <c r="K20" s="21">
        <v>12</v>
      </c>
      <c r="L20" s="53">
        <v>6</v>
      </c>
      <c r="M20" s="54">
        <v>6</v>
      </c>
    </row>
    <row r="21" spans="1:13">
      <c r="A21" s="20" t="s">
        <v>28</v>
      </c>
      <c r="B21" s="21">
        <v>0</v>
      </c>
      <c r="C21" s="22">
        <v>1</v>
      </c>
      <c r="D21" s="22">
        <v>-1</v>
      </c>
      <c r="E21" s="21">
        <v>0</v>
      </c>
      <c r="F21" s="22">
        <v>0</v>
      </c>
      <c r="G21" s="23">
        <v>0</v>
      </c>
      <c r="H21" s="22">
        <v>7</v>
      </c>
      <c r="I21" s="22">
        <v>2</v>
      </c>
      <c r="J21" s="22">
        <v>5</v>
      </c>
      <c r="K21" s="21">
        <v>7</v>
      </c>
      <c r="L21" s="53">
        <v>1</v>
      </c>
      <c r="M21" s="54">
        <v>6</v>
      </c>
    </row>
    <row r="22" spans="1:13">
      <c r="A22" s="20" t="s">
        <v>29</v>
      </c>
      <c r="B22" s="21">
        <v>3</v>
      </c>
      <c r="C22" s="22">
        <v>-1</v>
      </c>
      <c r="D22" s="22">
        <v>4</v>
      </c>
      <c r="E22" s="21">
        <v>0</v>
      </c>
      <c r="F22" s="22">
        <v>0</v>
      </c>
      <c r="G22" s="23">
        <v>0</v>
      </c>
      <c r="H22" s="22">
        <v>17</v>
      </c>
      <c r="I22" s="22">
        <v>9</v>
      </c>
      <c r="J22" s="22">
        <v>8</v>
      </c>
      <c r="K22" s="21">
        <v>14</v>
      </c>
      <c r="L22" s="53">
        <v>10</v>
      </c>
      <c r="M22" s="54">
        <v>4</v>
      </c>
    </row>
    <row r="23" spans="1:13">
      <c r="A23" s="20" t="s">
        <v>30</v>
      </c>
      <c r="B23" s="21">
        <v>0</v>
      </c>
      <c r="C23" s="22">
        <v>0</v>
      </c>
      <c r="D23" s="22">
        <v>0</v>
      </c>
      <c r="E23" s="21">
        <v>0</v>
      </c>
      <c r="F23" s="22">
        <v>0</v>
      </c>
      <c r="G23" s="23">
        <v>0</v>
      </c>
      <c r="H23" s="22">
        <v>4</v>
      </c>
      <c r="I23" s="22">
        <v>1</v>
      </c>
      <c r="J23" s="22">
        <v>3</v>
      </c>
      <c r="K23" s="21">
        <v>4</v>
      </c>
      <c r="L23" s="53">
        <v>1</v>
      </c>
      <c r="M23" s="54">
        <v>3</v>
      </c>
    </row>
    <row r="24" spans="1:13" ht="20.100000000000001" customHeight="1">
      <c r="A24" s="16" t="s">
        <v>31</v>
      </c>
      <c r="B24" s="17">
        <v>72</v>
      </c>
      <c r="C24" s="18">
        <v>35</v>
      </c>
      <c r="D24" s="18">
        <v>37</v>
      </c>
      <c r="E24" s="17">
        <v>2</v>
      </c>
      <c r="F24" s="18">
        <v>1</v>
      </c>
      <c r="G24" s="19">
        <v>1</v>
      </c>
      <c r="H24" s="18">
        <v>182</v>
      </c>
      <c r="I24" s="18">
        <v>97</v>
      </c>
      <c r="J24" s="18">
        <v>85</v>
      </c>
      <c r="K24" s="17">
        <v>108</v>
      </c>
      <c r="L24" s="51">
        <v>61</v>
      </c>
      <c r="M24" s="52">
        <v>47</v>
      </c>
    </row>
    <row r="25" spans="1:13">
      <c r="A25" s="20" t="s">
        <v>32</v>
      </c>
      <c r="B25" s="21">
        <v>-7</v>
      </c>
      <c r="C25" s="22">
        <v>-5</v>
      </c>
      <c r="D25" s="22">
        <v>-2</v>
      </c>
      <c r="E25" s="21">
        <v>0</v>
      </c>
      <c r="F25" s="22">
        <v>0</v>
      </c>
      <c r="G25" s="23">
        <v>0</v>
      </c>
      <c r="H25" s="22">
        <v>3</v>
      </c>
      <c r="I25" s="22">
        <v>1</v>
      </c>
      <c r="J25" s="22">
        <v>2</v>
      </c>
      <c r="K25" s="21">
        <v>10</v>
      </c>
      <c r="L25" s="53">
        <v>6</v>
      </c>
      <c r="M25" s="54">
        <v>4</v>
      </c>
    </row>
    <row r="26" spans="1:13">
      <c r="A26" s="20" t="s">
        <v>33</v>
      </c>
      <c r="B26" s="21">
        <v>2</v>
      </c>
      <c r="C26" s="22">
        <v>6</v>
      </c>
      <c r="D26" s="22">
        <v>-4</v>
      </c>
      <c r="E26" s="21">
        <v>0</v>
      </c>
      <c r="F26" s="22">
        <v>0</v>
      </c>
      <c r="G26" s="23">
        <v>0</v>
      </c>
      <c r="H26" s="22">
        <v>12</v>
      </c>
      <c r="I26" s="22">
        <v>8</v>
      </c>
      <c r="J26" s="22">
        <v>4</v>
      </c>
      <c r="K26" s="21">
        <v>10</v>
      </c>
      <c r="L26" s="53">
        <v>2</v>
      </c>
      <c r="M26" s="54">
        <v>8</v>
      </c>
    </row>
    <row r="27" spans="1:13">
      <c r="A27" s="20" t="s">
        <v>34</v>
      </c>
      <c r="B27" s="21">
        <v>4</v>
      </c>
      <c r="C27" s="22">
        <v>2</v>
      </c>
      <c r="D27" s="22">
        <v>2</v>
      </c>
      <c r="E27" s="21">
        <v>0</v>
      </c>
      <c r="F27" s="22">
        <v>0</v>
      </c>
      <c r="G27" s="23">
        <v>0</v>
      </c>
      <c r="H27" s="22">
        <v>18</v>
      </c>
      <c r="I27" s="22">
        <v>9</v>
      </c>
      <c r="J27" s="22">
        <v>9</v>
      </c>
      <c r="K27" s="21">
        <v>14</v>
      </c>
      <c r="L27" s="53">
        <v>7</v>
      </c>
      <c r="M27" s="54">
        <v>7</v>
      </c>
    </row>
    <row r="28" spans="1:13">
      <c r="A28" s="20" t="s">
        <v>35</v>
      </c>
      <c r="B28" s="21">
        <v>22</v>
      </c>
      <c r="C28" s="22">
        <v>8</v>
      </c>
      <c r="D28" s="22">
        <v>14</v>
      </c>
      <c r="E28" s="21">
        <v>1</v>
      </c>
      <c r="F28" s="22">
        <v>1</v>
      </c>
      <c r="G28" s="23">
        <v>0</v>
      </c>
      <c r="H28" s="22">
        <v>39</v>
      </c>
      <c r="I28" s="22">
        <v>20</v>
      </c>
      <c r="J28" s="22">
        <v>19</v>
      </c>
      <c r="K28" s="21">
        <v>16</v>
      </c>
      <c r="L28" s="53">
        <v>11</v>
      </c>
      <c r="M28" s="54">
        <v>5</v>
      </c>
    </row>
    <row r="29" spans="1:13">
      <c r="A29" s="20" t="s">
        <v>36</v>
      </c>
      <c r="B29" s="21">
        <v>51</v>
      </c>
      <c r="C29" s="22">
        <v>24</v>
      </c>
      <c r="D29" s="22">
        <v>27</v>
      </c>
      <c r="E29" s="21">
        <v>1</v>
      </c>
      <c r="F29" s="22">
        <v>0</v>
      </c>
      <c r="G29" s="23">
        <v>1</v>
      </c>
      <c r="H29" s="22">
        <v>110</v>
      </c>
      <c r="I29" s="22">
        <v>59</v>
      </c>
      <c r="J29" s="22">
        <v>51</v>
      </c>
      <c r="K29" s="21">
        <v>58</v>
      </c>
      <c r="L29" s="53">
        <v>35</v>
      </c>
      <c r="M29" s="54">
        <v>23</v>
      </c>
    </row>
    <row r="30" spans="1:13" ht="20.100000000000001" customHeight="1">
      <c r="A30" s="16" t="s">
        <v>37</v>
      </c>
      <c r="B30" s="17">
        <v>55</v>
      </c>
      <c r="C30" s="18">
        <v>14</v>
      </c>
      <c r="D30" s="18">
        <v>41</v>
      </c>
      <c r="E30" s="17">
        <v>2</v>
      </c>
      <c r="F30" s="18">
        <v>0</v>
      </c>
      <c r="G30" s="19">
        <v>2</v>
      </c>
      <c r="H30" s="18">
        <v>911</v>
      </c>
      <c r="I30" s="18">
        <v>507</v>
      </c>
      <c r="J30" s="18">
        <v>404</v>
      </c>
      <c r="K30" s="17">
        <v>854</v>
      </c>
      <c r="L30" s="51">
        <v>493</v>
      </c>
      <c r="M30" s="52">
        <v>361</v>
      </c>
    </row>
    <row r="31" spans="1:13">
      <c r="A31" s="20" t="s">
        <v>38</v>
      </c>
      <c r="B31" s="21">
        <v>35</v>
      </c>
      <c r="C31" s="22">
        <v>19</v>
      </c>
      <c r="D31" s="22">
        <v>16</v>
      </c>
      <c r="E31" s="21">
        <v>1</v>
      </c>
      <c r="F31" s="22">
        <v>0</v>
      </c>
      <c r="G31" s="23">
        <v>1</v>
      </c>
      <c r="H31" s="22">
        <v>108</v>
      </c>
      <c r="I31" s="22">
        <v>65</v>
      </c>
      <c r="J31" s="22">
        <v>43</v>
      </c>
      <c r="K31" s="21">
        <v>72</v>
      </c>
      <c r="L31" s="53">
        <v>46</v>
      </c>
      <c r="M31" s="54">
        <v>26</v>
      </c>
    </row>
    <row r="32" spans="1:13">
      <c r="A32" s="20" t="s">
        <v>39</v>
      </c>
      <c r="B32" s="21">
        <v>26</v>
      </c>
      <c r="C32" s="22">
        <v>20</v>
      </c>
      <c r="D32" s="22">
        <v>6</v>
      </c>
      <c r="E32" s="21">
        <v>0</v>
      </c>
      <c r="F32" s="22">
        <v>0</v>
      </c>
      <c r="G32" s="23">
        <v>0</v>
      </c>
      <c r="H32" s="22">
        <v>130</v>
      </c>
      <c r="I32" s="22">
        <v>74</v>
      </c>
      <c r="J32" s="22">
        <v>56</v>
      </c>
      <c r="K32" s="21">
        <v>104</v>
      </c>
      <c r="L32" s="53">
        <v>54</v>
      </c>
      <c r="M32" s="54">
        <v>50</v>
      </c>
    </row>
    <row r="33" spans="1:13">
      <c r="A33" s="20" t="s">
        <v>40</v>
      </c>
      <c r="B33" s="21">
        <v>6</v>
      </c>
      <c r="C33" s="22">
        <v>-11</v>
      </c>
      <c r="D33" s="22">
        <v>17</v>
      </c>
      <c r="E33" s="21">
        <v>0</v>
      </c>
      <c r="F33" s="22">
        <v>0</v>
      </c>
      <c r="G33" s="23">
        <v>0</v>
      </c>
      <c r="H33" s="22">
        <v>161</v>
      </c>
      <c r="I33" s="22">
        <v>74</v>
      </c>
      <c r="J33" s="22">
        <v>87</v>
      </c>
      <c r="K33" s="21">
        <v>155</v>
      </c>
      <c r="L33" s="53">
        <v>85</v>
      </c>
      <c r="M33" s="54">
        <v>70</v>
      </c>
    </row>
    <row r="34" spans="1:13">
      <c r="A34" s="20" t="s">
        <v>41</v>
      </c>
      <c r="B34" s="21">
        <v>-25</v>
      </c>
      <c r="C34" s="22">
        <v>-29</v>
      </c>
      <c r="D34" s="22">
        <v>4</v>
      </c>
      <c r="E34" s="21">
        <v>0</v>
      </c>
      <c r="F34" s="22">
        <v>0</v>
      </c>
      <c r="G34" s="23">
        <v>0</v>
      </c>
      <c r="H34" s="22">
        <v>287</v>
      </c>
      <c r="I34" s="22">
        <v>155</v>
      </c>
      <c r="J34" s="22">
        <v>132</v>
      </c>
      <c r="K34" s="21">
        <v>312</v>
      </c>
      <c r="L34" s="53">
        <v>184</v>
      </c>
      <c r="M34" s="54">
        <v>128</v>
      </c>
    </row>
    <row r="35" spans="1:13">
      <c r="A35" s="20" t="s">
        <v>42</v>
      </c>
      <c r="B35" s="21">
        <v>13</v>
      </c>
      <c r="C35" s="22">
        <v>15</v>
      </c>
      <c r="D35" s="22">
        <v>-2</v>
      </c>
      <c r="E35" s="21">
        <v>1</v>
      </c>
      <c r="F35" s="22">
        <v>0</v>
      </c>
      <c r="G35" s="23">
        <v>1</v>
      </c>
      <c r="H35" s="22">
        <v>225</v>
      </c>
      <c r="I35" s="22">
        <v>139</v>
      </c>
      <c r="J35" s="22">
        <v>86</v>
      </c>
      <c r="K35" s="21">
        <v>211</v>
      </c>
      <c r="L35" s="53">
        <v>124</v>
      </c>
      <c r="M35" s="54">
        <v>87</v>
      </c>
    </row>
    <row r="36" spans="1:13" ht="20.100000000000001" customHeight="1">
      <c r="A36" s="16" t="s">
        <v>43</v>
      </c>
      <c r="B36" s="17">
        <v>6</v>
      </c>
      <c r="C36" s="18">
        <v>12</v>
      </c>
      <c r="D36" s="18">
        <v>-6</v>
      </c>
      <c r="E36" s="17">
        <v>0</v>
      </c>
      <c r="F36" s="18">
        <v>0</v>
      </c>
      <c r="G36" s="19">
        <v>0</v>
      </c>
      <c r="H36" s="18">
        <v>1178</v>
      </c>
      <c r="I36" s="18">
        <v>708</v>
      </c>
      <c r="J36" s="18">
        <v>470</v>
      </c>
      <c r="K36" s="17">
        <v>1172</v>
      </c>
      <c r="L36" s="51">
        <v>696</v>
      </c>
      <c r="M36" s="52">
        <v>476</v>
      </c>
    </row>
    <row r="37" spans="1:13">
      <c r="A37" s="20" t="s">
        <v>44</v>
      </c>
      <c r="B37" s="21">
        <v>39</v>
      </c>
      <c r="C37" s="22">
        <v>32</v>
      </c>
      <c r="D37" s="22">
        <v>7</v>
      </c>
      <c r="E37" s="21">
        <v>0</v>
      </c>
      <c r="F37" s="22">
        <v>0</v>
      </c>
      <c r="G37" s="23">
        <v>0</v>
      </c>
      <c r="H37" s="22">
        <v>303</v>
      </c>
      <c r="I37" s="22">
        <v>186</v>
      </c>
      <c r="J37" s="22">
        <v>117</v>
      </c>
      <c r="K37" s="21">
        <v>264</v>
      </c>
      <c r="L37" s="53">
        <v>154</v>
      </c>
      <c r="M37" s="54">
        <v>110</v>
      </c>
    </row>
    <row r="38" spans="1:13">
      <c r="A38" s="20" t="s">
        <v>45</v>
      </c>
      <c r="B38" s="21">
        <v>12</v>
      </c>
      <c r="C38" s="22">
        <v>14</v>
      </c>
      <c r="D38" s="22">
        <v>-2</v>
      </c>
      <c r="E38" s="21">
        <v>0</v>
      </c>
      <c r="F38" s="22">
        <v>0</v>
      </c>
      <c r="G38" s="23">
        <v>0</v>
      </c>
      <c r="H38" s="22">
        <v>262</v>
      </c>
      <c r="I38" s="22">
        <v>166</v>
      </c>
      <c r="J38" s="22">
        <v>96</v>
      </c>
      <c r="K38" s="21">
        <v>250</v>
      </c>
      <c r="L38" s="53">
        <v>152</v>
      </c>
      <c r="M38" s="54">
        <v>98</v>
      </c>
    </row>
    <row r="39" spans="1:13">
      <c r="A39" s="20" t="s">
        <v>46</v>
      </c>
      <c r="B39" s="21">
        <v>-28</v>
      </c>
      <c r="C39" s="22">
        <v>-14</v>
      </c>
      <c r="D39" s="22">
        <v>-14</v>
      </c>
      <c r="E39" s="21">
        <v>0</v>
      </c>
      <c r="F39" s="22">
        <v>0</v>
      </c>
      <c r="G39" s="23">
        <v>0</v>
      </c>
      <c r="H39" s="22">
        <v>220</v>
      </c>
      <c r="I39" s="22">
        <v>122</v>
      </c>
      <c r="J39" s="22">
        <v>98</v>
      </c>
      <c r="K39" s="21">
        <v>248</v>
      </c>
      <c r="L39" s="53">
        <v>136</v>
      </c>
      <c r="M39" s="54">
        <v>112</v>
      </c>
    </row>
    <row r="40" spans="1:13">
      <c r="A40" s="20" t="s">
        <v>47</v>
      </c>
      <c r="B40" s="21">
        <v>-41</v>
      </c>
      <c r="C40" s="22">
        <v>-49</v>
      </c>
      <c r="D40" s="22">
        <v>8</v>
      </c>
      <c r="E40" s="21">
        <v>0</v>
      </c>
      <c r="F40" s="22">
        <v>0</v>
      </c>
      <c r="G40" s="23">
        <v>0</v>
      </c>
      <c r="H40" s="22">
        <v>183</v>
      </c>
      <c r="I40" s="22">
        <v>97</v>
      </c>
      <c r="J40" s="22">
        <v>86</v>
      </c>
      <c r="K40" s="21">
        <v>224</v>
      </c>
      <c r="L40" s="53">
        <v>146</v>
      </c>
      <c r="M40" s="54">
        <v>78</v>
      </c>
    </row>
    <row r="41" spans="1:13">
      <c r="A41" s="20" t="s">
        <v>48</v>
      </c>
      <c r="B41" s="21">
        <v>24</v>
      </c>
      <c r="C41" s="22">
        <v>29</v>
      </c>
      <c r="D41" s="22">
        <v>-5</v>
      </c>
      <c r="E41" s="21">
        <v>0</v>
      </c>
      <c r="F41" s="22">
        <v>0</v>
      </c>
      <c r="G41" s="23">
        <v>0</v>
      </c>
      <c r="H41" s="22">
        <v>210</v>
      </c>
      <c r="I41" s="22">
        <v>137</v>
      </c>
      <c r="J41" s="22">
        <v>73</v>
      </c>
      <c r="K41" s="21">
        <v>186</v>
      </c>
      <c r="L41" s="53">
        <v>108</v>
      </c>
      <c r="M41" s="54">
        <v>78</v>
      </c>
    </row>
    <row r="42" spans="1:13" ht="20.100000000000001" customHeight="1">
      <c r="A42" s="16" t="s">
        <v>49</v>
      </c>
      <c r="B42" s="17">
        <v>-198</v>
      </c>
      <c r="C42" s="18">
        <v>-91</v>
      </c>
      <c r="D42" s="18">
        <v>-107</v>
      </c>
      <c r="E42" s="17">
        <v>2</v>
      </c>
      <c r="F42" s="18">
        <v>0</v>
      </c>
      <c r="G42" s="19">
        <v>2</v>
      </c>
      <c r="H42" s="18">
        <v>641</v>
      </c>
      <c r="I42" s="18">
        <v>392</v>
      </c>
      <c r="J42" s="18">
        <v>249</v>
      </c>
      <c r="K42" s="17">
        <v>837</v>
      </c>
      <c r="L42" s="51">
        <v>483</v>
      </c>
      <c r="M42" s="52">
        <v>354</v>
      </c>
    </row>
    <row r="43" spans="1:13">
      <c r="A43" s="20" t="s">
        <v>50</v>
      </c>
      <c r="B43" s="21">
        <v>-46</v>
      </c>
      <c r="C43" s="22">
        <v>-27</v>
      </c>
      <c r="D43" s="22">
        <v>-19</v>
      </c>
      <c r="E43" s="21">
        <v>0</v>
      </c>
      <c r="F43" s="22">
        <v>0</v>
      </c>
      <c r="G43" s="23">
        <v>0</v>
      </c>
      <c r="H43" s="22">
        <v>157</v>
      </c>
      <c r="I43" s="22">
        <v>95</v>
      </c>
      <c r="J43" s="22">
        <v>62</v>
      </c>
      <c r="K43" s="21">
        <v>203</v>
      </c>
      <c r="L43" s="53">
        <v>122</v>
      </c>
      <c r="M43" s="54">
        <v>81</v>
      </c>
    </row>
    <row r="44" spans="1:13">
      <c r="A44" s="20" t="s">
        <v>51</v>
      </c>
      <c r="B44" s="21">
        <v>-67</v>
      </c>
      <c r="C44" s="22">
        <v>-20</v>
      </c>
      <c r="D44" s="22">
        <v>-47</v>
      </c>
      <c r="E44" s="21">
        <v>0</v>
      </c>
      <c r="F44" s="22">
        <v>0</v>
      </c>
      <c r="G44" s="23">
        <v>0</v>
      </c>
      <c r="H44" s="22">
        <v>146</v>
      </c>
      <c r="I44" s="22">
        <v>91</v>
      </c>
      <c r="J44" s="22">
        <v>55</v>
      </c>
      <c r="K44" s="21">
        <v>213</v>
      </c>
      <c r="L44" s="53">
        <v>111</v>
      </c>
      <c r="M44" s="54">
        <v>102</v>
      </c>
    </row>
    <row r="45" spans="1:13">
      <c r="A45" s="20" t="s">
        <v>52</v>
      </c>
      <c r="B45" s="21">
        <v>-18</v>
      </c>
      <c r="C45" s="22">
        <v>-7</v>
      </c>
      <c r="D45" s="22">
        <v>-11</v>
      </c>
      <c r="E45" s="21">
        <v>0</v>
      </c>
      <c r="F45" s="22">
        <v>0</v>
      </c>
      <c r="G45" s="23">
        <v>0</v>
      </c>
      <c r="H45" s="22">
        <v>135</v>
      </c>
      <c r="I45" s="22">
        <v>79</v>
      </c>
      <c r="J45" s="22">
        <v>56</v>
      </c>
      <c r="K45" s="21">
        <v>153</v>
      </c>
      <c r="L45" s="53">
        <v>86</v>
      </c>
      <c r="M45" s="54">
        <v>67</v>
      </c>
    </row>
    <row r="46" spans="1:13">
      <c r="A46" s="20" t="s">
        <v>53</v>
      </c>
      <c r="B46" s="21">
        <v>-42</v>
      </c>
      <c r="C46" s="22">
        <v>-15</v>
      </c>
      <c r="D46" s="22">
        <v>-27</v>
      </c>
      <c r="E46" s="21">
        <v>1</v>
      </c>
      <c r="F46" s="22">
        <v>0</v>
      </c>
      <c r="G46" s="23">
        <v>1</v>
      </c>
      <c r="H46" s="22">
        <v>109</v>
      </c>
      <c r="I46" s="22">
        <v>70</v>
      </c>
      <c r="J46" s="22">
        <v>39</v>
      </c>
      <c r="K46" s="21">
        <v>150</v>
      </c>
      <c r="L46" s="53">
        <v>85</v>
      </c>
      <c r="M46" s="54">
        <v>65</v>
      </c>
    </row>
    <row r="47" spans="1:13">
      <c r="A47" s="20" t="s">
        <v>54</v>
      </c>
      <c r="B47" s="21">
        <v>-25</v>
      </c>
      <c r="C47" s="22">
        <v>-22</v>
      </c>
      <c r="D47" s="22">
        <v>-3</v>
      </c>
      <c r="E47" s="21">
        <v>1</v>
      </c>
      <c r="F47" s="22">
        <v>0</v>
      </c>
      <c r="G47" s="23">
        <v>1</v>
      </c>
      <c r="H47" s="22">
        <v>94</v>
      </c>
      <c r="I47" s="22">
        <v>57</v>
      </c>
      <c r="J47" s="22">
        <v>37</v>
      </c>
      <c r="K47" s="21">
        <v>118</v>
      </c>
      <c r="L47" s="53">
        <v>79</v>
      </c>
      <c r="M47" s="54">
        <v>39</v>
      </c>
    </row>
    <row r="48" spans="1:13" ht="20.100000000000001" customHeight="1">
      <c r="A48" s="16" t="s">
        <v>55</v>
      </c>
      <c r="B48" s="17">
        <v>-77</v>
      </c>
      <c r="C48" s="18">
        <v>-49</v>
      </c>
      <c r="D48" s="18">
        <v>-28</v>
      </c>
      <c r="E48" s="17">
        <v>5</v>
      </c>
      <c r="F48" s="18">
        <v>5</v>
      </c>
      <c r="G48" s="19">
        <v>0</v>
      </c>
      <c r="H48" s="18">
        <v>390</v>
      </c>
      <c r="I48" s="18">
        <v>237</v>
      </c>
      <c r="J48" s="18">
        <v>153</v>
      </c>
      <c r="K48" s="17">
        <v>462</v>
      </c>
      <c r="L48" s="51">
        <v>281</v>
      </c>
      <c r="M48" s="52">
        <v>181</v>
      </c>
    </row>
    <row r="49" spans="1:13">
      <c r="A49" s="20" t="s">
        <v>56</v>
      </c>
      <c r="B49" s="21">
        <v>2</v>
      </c>
      <c r="C49" s="22">
        <v>2</v>
      </c>
      <c r="D49" s="22">
        <v>0</v>
      </c>
      <c r="E49" s="21">
        <v>2</v>
      </c>
      <c r="F49" s="22">
        <v>2</v>
      </c>
      <c r="G49" s="23">
        <v>0</v>
      </c>
      <c r="H49" s="22">
        <v>115</v>
      </c>
      <c r="I49" s="22">
        <v>72</v>
      </c>
      <c r="J49" s="22">
        <v>43</v>
      </c>
      <c r="K49" s="21">
        <v>111</v>
      </c>
      <c r="L49" s="53">
        <v>68</v>
      </c>
      <c r="M49" s="54">
        <v>43</v>
      </c>
    </row>
    <row r="50" spans="1:13">
      <c r="A50" s="20" t="s">
        <v>57</v>
      </c>
      <c r="B50" s="21">
        <v>-25</v>
      </c>
      <c r="C50" s="22">
        <v>-14</v>
      </c>
      <c r="D50" s="22">
        <v>-11</v>
      </c>
      <c r="E50" s="21">
        <v>1</v>
      </c>
      <c r="F50" s="22">
        <v>1</v>
      </c>
      <c r="G50" s="23">
        <v>0</v>
      </c>
      <c r="H50" s="22">
        <v>85</v>
      </c>
      <c r="I50" s="22">
        <v>50</v>
      </c>
      <c r="J50" s="22">
        <v>35</v>
      </c>
      <c r="K50" s="21">
        <v>109</v>
      </c>
      <c r="L50" s="53">
        <v>63</v>
      </c>
      <c r="M50" s="54">
        <v>46</v>
      </c>
    </row>
    <row r="51" spans="1:13">
      <c r="A51" s="20" t="s">
        <v>58</v>
      </c>
      <c r="B51" s="21">
        <v>-20</v>
      </c>
      <c r="C51" s="22">
        <v>-8</v>
      </c>
      <c r="D51" s="22">
        <v>-12</v>
      </c>
      <c r="E51" s="21">
        <v>0</v>
      </c>
      <c r="F51" s="22">
        <v>0</v>
      </c>
      <c r="G51" s="23">
        <v>0</v>
      </c>
      <c r="H51" s="22">
        <v>70</v>
      </c>
      <c r="I51" s="22">
        <v>43</v>
      </c>
      <c r="J51" s="22">
        <v>27</v>
      </c>
      <c r="K51" s="21">
        <v>90</v>
      </c>
      <c r="L51" s="53">
        <v>51</v>
      </c>
      <c r="M51" s="54">
        <v>39</v>
      </c>
    </row>
    <row r="52" spans="1:13">
      <c r="A52" s="20" t="s">
        <v>59</v>
      </c>
      <c r="B52" s="21">
        <v>-26</v>
      </c>
      <c r="C52" s="22">
        <v>-16</v>
      </c>
      <c r="D52" s="22">
        <v>-10</v>
      </c>
      <c r="E52" s="21">
        <v>0</v>
      </c>
      <c r="F52" s="22">
        <v>0</v>
      </c>
      <c r="G52" s="23">
        <v>0</v>
      </c>
      <c r="H52" s="22">
        <v>62</v>
      </c>
      <c r="I52" s="22">
        <v>39</v>
      </c>
      <c r="J52" s="22">
        <v>23</v>
      </c>
      <c r="K52" s="21">
        <v>88</v>
      </c>
      <c r="L52" s="53">
        <v>55</v>
      </c>
      <c r="M52" s="54">
        <v>33</v>
      </c>
    </row>
    <row r="53" spans="1:13">
      <c r="A53" s="20" t="s">
        <v>60</v>
      </c>
      <c r="B53" s="21">
        <v>-8</v>
      </c>
      <c r="C53" s="22">
        <v>-13</v>
      </c>
      <c r="D53" s="22">
        <v>5</v>
      </c>
      <c r="E53" s="21">
        <v>2</v>
      </c>
      <c r="F53" s="22">
        <v>2</v>
      </c>
      <c r="G53" s="23">
        <v>0</v>
      </c>
      <c r="H53" s="22">
        <v>58</v>
      </c>
      <c r="I53" s="22">
        <v>33</v>
      </c>
      <c r="J53" s="22">
        <v>25</v>
      </c>
      <c r="K53" s="21">
        <v>64</v>
      </c>
      <c r="L53" s="53">
        <v>44</v>
      </c>
      <c r="M53" s="54">
        <v>20</v>
      </c>
    </row>
    <row r="54" spans="1:13" ht="20.100000000000001" customHeight="1">
      <c r="A54" s="16" t="s">
        <v>61</v>
      </c>
      <c r="B54" s="17">
        <v>-60</v>
      </c>
      <c r="C54" s="18">
        <v>-31</v>
      </c>
      <c r="D54" s="18">
        <v>-29</v>
      </c>
      <c r="E54" s="17">
        <v>3</v>
      </c>
      <c r="F54" s="18">
        <v>1</v>
      </c>
      <c r="G54" s="19">
        <v>2</v>
      </c>
      <c r="H54" s="18">
        <v>240</v>
      </c>
      <c r="I54" s="18">
        <v>142</v>
      </c>
      <c r="J54" s="18">
        <v>98</v>
      </c>
      <c r="K54" s="17">
        <v>297</v>
      </c>
      <c r="L54" s="51">
        <v>172</v>
      </c>
      <c r="M54" s="52">
        <v>125</v>
      </c>
    </row>
    <row r="55" spans="1:13">
      <c r="A55" s="20" t="s">
        <v>62</v>
      </c>
      <c r="B55" s="21">
        <v>-25</v>
      </c>
      <c r="C55" s="22">
        <v>-19</v>
      </c>
      <c r="D55" s="22">
        <v>-6</v>
      </c>
      <c r="E55" s="21">
        <v>0</v>
      </c>
      <c r="F55" s="22">
        <v>0</v>
      </c>
      <c r="G55" s="23">
        <v>0</v>
      </c>
      <c r="H55" s="22">
        <v>52</v>
      </c>
      <c r="I55" s="22">
        <v>33</v>
      </c>
      <c r="J55" s="22">
        <v>19</v>
      </c>
      <c r="K55" s="21">
        <v>77</v>
      </c>
      <c r="L55" s="53">
        <v>52</v>
      </c>
      <c r="M55" s="54">
        <v>25</v>
      </c>
    </row>
    <row r="56" spans="1:13">
      <c r="A56" s="20" t="s">
        <v>63</v>
      </c>
      <c r="B56" s="21">
        <v>-16</v>
      </c>
      <c r="C56" s="22">
        <v>-15</v>
      </c>
      <c r="D56" s="22">
        <v>-1</v>
      </c>
      <c r="E56" s="21">
        <v>0</v>
      </c>
      <c r="F56" s="22">
        <v>0</v>
      </c>
      <c r="G56" s="23">
        <v>0</v>
      </c>
      <c r="H56" s="22">
        <v>52</v>
      </c>
      <c r="I56" s="22">
        <v>27</v>
      </c>
      <c r="J56" s="22">
        <v>25</v>
      </c>
      <c r="K56" s="21">
        <v>68</v>
      </c>
      <c r="L56" s="53">
        <v>42</v>
      </c>
      <c r="M56" s="54">
        <v>26</v>
      </c>
    </row>
    <row r="57" spans="1:13">
      <c r="A57" s="20" t="s">
        <v>64</v>
      </c>
      <c r="B57" s="21">
        <v>-5</v>
      </c>
      <c r="C57" s="22">
        <v>-5</v>
      </c>
      <c r="D57" s="22">
        <v>0</v>
      </c>
      <c r="E57" s="21">
        <v>3</v>
      </c>
      <c r="F57" s="22">
        <v>1</v>
      </c>
      <c r="G57" s="23">
        <v>2</v>
      </c>
      <c r="H57" s="22">
        <v>51</v>
      </c>
      <c r="I57" s="22">
        <v>27</v>
      </c>
      <c r="J57" s="22">
        <v>24</v>
      </c>
      <c r="K57" s="21">
        <v>53</v>
      </c>
      <c r="L57" s="53">
        <v>31</v>
      </c>
      <c r="M57" s="54">
        <v>22</v>
      </c>
    </row>
    <row r="58" spans="1:13">
      <c r="A58" s="20" t="s">
        <v>65</v>
      </c>
      <c r="B58" s="21">
        <v>-13</v>
      </c>
      <c r="C58" s="22">
        <v>1</v>
      </c>
      <c r="D58" s="22">
        <v>-14</v>
      </c>
      <c r="E58" s="21">
        <v>0</v>
      </c>
      <c r="F58" s="22">
        <v>0</v>
      </c>
      <c r="G58" s="23">
        <v>0</v>
      </c>
      <c r="H58" s="22">
        <v>36</v>
      </c>
      <c r="I58" s="22">
        <v>26</v>
      </c>
      <c r="J58" s="22">
        <v>10</v>
      </c>
      <c r="K58" s="21">
        <v>49</v>
      </c>
      <c r="L58" s="53">
        <v>25</v>
      </c>
      <c r="M58" s="54">
        <v>24</v>
      </c>
    </row>
    <row r="59" spans="1:13">
      <c r="A59" s="20" t="s">
        <v>66</v>
      </c>
      <c r="B59" s="21">
        <v>-1</v>
      </c>
      <c r="C59" s="22">
        <v>7</v>
      </c>
      <c r="D59" s="22">
        <v>-8</v>
      </c>
      <c r="E59" s="21">
        <v>0</v>
      </c>
      <c r="F59" s="22">
        <v>0</v>
      </c>
      <c r="G59" s="23">
        <v>0</v>
      </c>
      <c r="H59" s="22">
        <v>49</v>
      </c>
      <c r="I59" s="22">
        <v>29</v>
      </c>
      <c r="J59" s="22">
        <v>20</v>
      </c>
      <c r="K59" s="21">
        <v>50</v>
      </c>
      <c r="L59" s="53">
        <v>22</v>
      </c>
      <c r="M59" s="54">
        <v>28</v>
      </c>
    </row>
    <row r="60" spans="1:13" ht="20.100000000000001" customHeight="1">
      <c r="A60" s="16" t="s">
        <v>67</v>
      </c>
      <c r="B60" s="17">
        <v>-24</v>
      </c>
      <c r="C60" s="18">
        <v>-29</v>
      </c>
      <c r="D60" s="18">
        <v>5</v>
      </c>
      <c r="E60" s="17">
        <v>12</v>
      </c>
      <c r="F60" s="18">
        <v>10</v>
      </c>
      <c r="G60" s="19">
        <v>2</v>
      </c>
      <c r="H60" s="18">
        <v>217</v>
      </c>
      <c r="I60" s="18">
        <v>126</v>
      </c>
      <c r="J60" s="18">
        <v>91</v>
      </c>
      <c r="K60" s="17">
        <v>229</v>
      </c>
      <c r="L60" s="51">
        <v>145</v>
      </c>
      <c r="M60" s="52">
        <v>84</v>
      </c>
    </row>
    <row r="61" spans="1:13">
      <c r="A61" s="20" t="s">
        <v>68</v>
      </c>
      <c r="B61" s="21">
        <v>-4</v>
      </c>
      <c r="C61" s="22">
        <v>-9</v>
      </c>
      <c r="D61" s="22">
        <v>5</v>
      </c>
      <c r="E61" s="21">
        <v>1</v>
      </c>
      <c r="F61" s="22">
        <v>1</v>
      </c>
      <c r="G61" s="23">
        <v>0</v>
      </c>
      <c r="H61" s="22">
        <v>53</v>
      </c>
      <c r="I61" s="22">
        <v>30</v>
      </c>
      <c r="J61" s="22">
        <v>23</v>
      </c>
      <c r="K61" s="21">
        <v>56</v>
      </c>
      <c r="L61" s="53">
        <v>38</v>
      </c>
      <c r="M61" s="54">
        <v>18</v>
      </c>
    </row>
    <row r="62" spans="1:13">
      <c r="A62" s="20" t="s">
        <v>69</v>
      </c>
      <c r="B62" s="21">
        <v>-7</v>
      </c>
      <c r="C62" s="22">
        <v>-4</v>
      </c>
      <c r="D62" s="22">
        <v>-3</v>
      </c>
      <c r="E62" s="21">
        <v>1</v>
      </c>
      <c r="F62" s="22">
        <v>1</v>
      </c>
      <c r="G62" s="23">
        <v>0</v>
      </c>
      <c r="H62" s="22">
        <v>50</v>
      </c>
      <c r="I62" s="22">
        <v>30</v>
      </c>
      <c r="J62" s="22">
        <v>20</v>
      </c>
      <c r="K62" s="21">
        <v>56</v>
      </c>
      <c r="L62" s="53">
        <v>33</v>
      </c>
      <c r="M62" s="54">
        <v>23</v>
      </c>
    </row>
    <row r="63" spans="1:13">
      <c r="A63" s="20" t="s">
        <v>70</v>
      </c>
      <c r="B63" s="21">
        <v>-7</v>
      </c>
      <c r="C63" s="22">
        <v>-8</v>
      </c>
      <c r="D63" s="22">
        <v>1</v>
      </c>
      <c r="E63" s="21">
        <v>4</v>
      </c>
      <c r="F63" s="22">
        <v>4</v>
      </c>
      <c r="G63" s="23">
        <v>0</v>
      </c>
      <c r="H63" s="22">
        <v>41</v>
      </c>
      <c r="I63" s="22">
        <v>29</v>
      </c>
      <c r="J63" s="22">
        <v>12</v>
      </c>
      <c r="K63" s="21">
        <v>44</v>
      </c>
      <c r="L63" s="53">
        <v>33</v>
      </c>
      <c r="M63" s="54">
        <v>11</v>
      </c>
    </row>
    <row r="64" spans="1:13">
      <c r="A64" s="20" t="s">
        <v>71</v>
      </c>
      <c r="B64" s="21">
        <v>3</v>
      </c>
      <c r="C64" s="22">
        <v>3</v>
      </c>
      <c r="D64" s="22">
        <v>0</v>
      </c>
      <c r="E64" s="21">
        <v>2</v>
      </c>
      <c r="F64" s="22">
        <v>1</v>
      </c>
      <c r="G64" s="23">
        <v>1</v>
      </c>
      <c r="H64" s="22">
        <v>45</v>
      </c>
      <c r="I64" s="22">
        <v>25</v>
      </c>
      <c r="J64" s="22">
        <v>20</v>
      </c>
      <c r="K64" s="21">
        <v>40</v>
      </c>
      <c r="L64" s="53">
        <v>21</v>
      </c>
      <c r="M64" s="54">
        <v>19</v>
      </c>
    </row>
    <row r="65" spans="1:13">
      <c r="A65" s="24" t="s">
        <v>72</v>
      </c>
      <c r="B65" s="25">
        <v>-9</v>
      </c>
      <c r="C65" s="26">
        <v>-11</v>
      </c>
      <c r="D65" s="26">
        <v>2</v>
      </c>
      <c r="E65" s="25">
        <v>4</v>
      </c>
      <c r="F65" s="26">
        <v>3</v>
      </c>
      <c r="G65" s="27">
        <v>1</v>
      </c>
      <c r="H65" s="26">
        <v>28</v>
      </c>
      <c r="I65" s="26">
        <v>12</v>
      </c>
      <c r="J65" s="26">
        <v>16</v>
      </c>
      <c r="K65" s="25">
        <v>33</v>
      </c>
      <c r="L65" s="55">
        <v>20</v>
      </c>
      <c r="M65" s="56">
        <v>1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718</v>
      </c>
      <c r="C69" s="58">
        <v>386</v>
      </c>
      <c r="D69" s="59">
        <v>332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718</v>
      </c>
      <c r="C70" s="61">
        <v>386</v>
      </c>
      <c r="D70" s="62">
        <v>332</v>
      </c>
    </row>
    <row r="71" spans="1:13">
      <c r="A71" s="24" t="s">
        <v>14</v>
      </c>
      <c r="B71" s="63">
        <v>718</v>
      </c>
      <c r="C71" s="64">
        <v>386</v>
      </c>
      <c r="D71" s="65">
        <v>332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9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7</v>
      </c>
      <c r="C77" s="18">
        <v>0</v>
      </c>
      <c r="D77" s="18">
        <v>-17</v>
      </c>
      <c r="E77" s="17">
        <v>19</v>
      </c>
      <c r="F77" s="18">
        <v>14</v>
      </c>
      <c r="G77" s="19">
        <v>5</v>
      </c>
      <c r="H77" s="18">
        <v>171</v>
      </c>
      <c r="I77" s="18">
        <v>115</v>
      </c>
      <c r="J77" s="18">
        <v>56</v>
      </c>
      <c r="K77" s="17">
        <v>169</v>
      </c>
      <c r="L77" s="51">
        <v>101</v>
      </c>
      <c r="M77" s="52">
        <v>68</v>
      </c>
    </row>
    <row r="78" spans="1:13">
      <c r="A78" s="40" t="s">
        <v>81</v>
      </c>
      <c r="B78" s="21">
        <v>4</v>
      </c>
      <c r="C78" s="22">
        <v>3</v>
      </c>
      <c r="D78" s="22">
        <v>1</v>
      </c>
      <c r="E78" s="21">
        <v>4</v>
      </c>
      <c r="F78" s="22">
        <v>2</v>
      </c>
      <c r="G78" s="23">
        <v>2</v>
      </c>
      <c r="H78" s="22">
        <v>44</v>
      </c>
      <c r="I78" s="22">
        <v>27</v>
      </c>
      <c r="J78" s="22">
        <v>17</v>
      </c>
      <c r="K78" s="21">
        <v>36</v>
      </c>
      <c r="L78" s="53">
        <v>22</v>
      </c>
      <c r="M78" s="54">
        <v>14</v>
      </c>
    </row>
    <row r="79" spans="1:13">
      <c r="A79" s="40" t="s">
        <v>82</v>
      </c>
      <c r="B79" s="21">
        <v>-16</v>
      </c>
      <c r="C79" s="22">
        <v>-10</v>
      </c>
      <c r="D79" s="22">
        <v>-6</v>
      </c>
      <c r="E79" s="21">
        <v>5</v>
      </c>
      <c r="F79" s="22">
        <v>5</v>
      </c>
      <c r="G79" s="23">
        <v>0</v>
      </c>
      <c r="H79" s="22">
        <v>28</v>
      </c>
      <c r="I79" s="22">
        <v>20</v>
      </c>
      <c r="J79" s="22">
        <v>8</v>
      </c>
      <c r="K79" s="21">
        <v>39</v>
      </c>
      <c r="L79" s="53">
        <v>25</v>
      </c>
      <c r="M79" s="54">
        <v>14</v>
      </c>
    </row>
    <row r="80" spans="1:13">
      <c r="A80" s="40" t="s">
        <v>83</v>
      </c>
      <c r="B80" s="21">
        <v>-4</v>
      </c>
      <c r="C80" s="22">
        <v>-2</v>
      </c>
      <c r="D80" s="22">
        <v>-2</v>
      </c>
      <c r="E80" s="21">
        <v>3</v>
      </c>
      <c r="F80" s="22">
        <v>1</v>
      </c>
      <c r="G80" s="23">
        <v>2</v>
      </c>
      <c r="H80" s="22">
        <v>35</v>
      </c>
      <c r="I80" s="22">
        <v>22</v>
      </c>
      <c r="J80" s="22">
        <v>13</v>
      </c>
      <c r="K80" s="21">
        <v>36</v>
      </c>
      <c r="L80" s="53">
        <v>23</v>
      </c>
      <c r="M80" s="54">
        <v>13</v>
      </c>
    </row>
    <row r="81" spans="1:13">
      <c r="A81" s="40" t="s">
        <v>84</v>
      </c>
      <c r="B81" s="21">
        <v>-6</v>
      </c>
      <c r="C81" s="22">
        <v>1</v>
      </c>
      <c r="D81" s="22">
        <v>-7</v>
      </c>
      <c r="E81" s="21">
        <v>5</v>
      </c>
      <c r="F81" s="22">
        <v>4</v>
      </c>
      <c r="G81" s="23">
        <v>1</v>
      </c>
      <c r="H81" s="22">
        <v>28</v>
      </c>
      <c r="I81" s="22">
        <v>20</v>
      </c>
      <c r="J81" s="22">
        <v>8</v>
      </c>
      <c r="K81" s="21">
        <v>29</v>
      </c>
      <c r="L81" s="53">
        <v>15</v>
      </c>
      <c r="M81" s="54">
        <v>14</v>
      </c>
    </row>
    <row r="82" spans="1:13">
      <c r="A82" s="40" t="s">
        <v>85</v>
      </c>
      <c r="B82" s="21">
        <v>5</v>
      </c>
      <c r="C82" s="22">
        <v>8</v>
      </c>
      <c r="D82" s="22">
        <v>-3</v>
      </c>
      <c r="E82" s="21">
        <v>2</v>
      </c>
      <c r="F82" s="22">
        <v>2</v>
      </c>
      <c r="G82" s="23">
        <v>0</v>
      </c>
      <c r="H82" s="22">
        <v>36</v>
      </c>
      <c r="I82" s="22">
        <v>26</v>
      </c>
      <c r="J82" s="22">
        <v>10</v>
      </c>
      <c r="K82" s="21">
        <v>29</v>
      </c>
      <c r="L82" s="53">
        <v>16</v>
      </c>
      <c r="M82" s="54">
        <v>13</v>
      </c>
    </row>
    <row r="83" spans="1:13" ht="19.5" customHeight="1">
      <c r="A83" s="34" t="s">
        <v>86</v>
      </c>
      <c r="B83" s="17">
        <v>-26</v>
      </c>
      <c r="C83" s="18">
        <v>-30</v>
      </c>
      <c r="D83" s="18">
        <v>4</v>
      </c>
      <c r="E83" s="17">
        <v>19</v>
      </c>
      <c r="F83" s="18">
        <v>16</v>
      </c>
      <c r="G83" s="19">
        <v>3</v>
      </c>
      <c r="H83" s="18">
        <v>107</v>
      </c>
      <c r="I83" s="18">
        <v>58</v>
      </c>
      <c r="J83" s="18">
        <v>49</v>
      </c>
      <c r="K83" s="17">
        <v>114</v>
      </c>
      <c r="L83" s="51">
        <v>72</v>
      </c>
      <c r="M83" s="52">
        <v>42</v>
      </c>
    </row>
    <row r="84" spans="1:13">
      <c r="A84" s="40" t="s">
        <v>87</v>
      </c>
      <c r="B84" s="21">
        <v>-17</v>
      </c>
      <c r="C84" s="22">
        <v>-9</v>
      </c>
      <c r="D84" s="22">
        <v>-8</v>
      </c>
      <c r="E84" s="21">
        <v>4</v>
      </c>
      <c r="F84" s="22">
        <v>2</v>
      </c>
      <c r="G84" s="23">
        <v>2</v>
      </c>
      <c r="H84" s="22">
        <v>18</v>
      </c>
      <c r="I84" s="22">
        <v>13</v>
      </c>
      <c r="J84" s="22">
        <v>5</v>
      </c>
      <c r="K84" s="21">
        <v>31</v>
      </c>
      <c r="L84" s="53">
        <v>20</v>
      </c>
      <c r="M84" s="54">
        <v>11</v>
      </c>
    </row>
    <row r="85" spans="1:13">
      <c r="A85" s="40" t="s">
        <v>88</v>
      </c>
      <c r="B85" s="21">
        <v>6</v>
      </c>
      <c r="C85" s="22">
        <v>-2</v>
      </c>
      <c r="D85" s="22">
        <v>8</v>
      </c>
      <c r="E85" s="21">
        <v>2</v>
      </c>
      <c r="F85" s="22">
        <v>2</v>
      </c>
      <c r="G85" s="23">
        <v>0</v>
      </c>
      <c r="H85" s="22">
        <v>34</v>
      </c>
      <c r="I85" s="22">
        <v>14</v>
      </c>
      <c r="J85" s="22">
        <v>20</v>
      </c>
      <c r="K85" s="21">
        <v>26</v>
      </c>
      <c r="L85" s="53">
        <v>14</v>
      </c>
      <c r="M85" s="54">
        <v>12</v>
      </c>
    </row>
    <row r="86" spans="1:13">
      <c r="A86" s="40" t="s">
        <v>89</v>
      </c>
      <c r="B86" s="21">
        <v>-4</v>
      </c>
      <c r="C86" s="22">
        <v>-6</v>
      </c>
      <c r="D86" s="22">
        <v>2</v>
      </c>
      <c r="E86" s="21">
        <v>3</v>
      </c>
      <c r="F86" s="22">
        <v>3</v>
      </c>
      <c r="G86" s="23">
        <v>0</v>
      </c>
      <c r="H86" s="22">
        <v>19</v>
      </c>
      <c r="I86" s="22">
        <v>10</v>
      </c>
      <c r="J86" s="22">
        <v>9</v>
      </c>
      <c r="K86" s="21">
        <v>20</v>
      </c>
      <c r="L86" s="53">
        <v>13</v>
      </c>
      <c r="M86" s="54">
        <v>7</v>
      </c>
    </row>
    <row r="87" spans="1:13">
      <c r="A87" s="40" t="s">
        <v>90</v>
      </c>
      <c r="B87" s="21">
        <v>-7</v>
      </c>
      <c r="C87" s="22">
        <v>-6</v>
      </c>
      <c r="D87" s="22">
        <v>-1</v>
      </c>
      <c r="E87" s="21">
        <v>3</v>
      </c>
      <c r="F87" s="22">
        <v>2</v>
      </c>
      <c r="G87" s="23">
        <v>1</v>
      </c>
      <c r="H87" s="22">
        <v>18</v>
      </c>
      <c r="I87" s="22">
        <v>14</v>
      </c>
      <c r="J87" s="22">
        <v>4</v>
      </c>
      <c r="K87" s="21">
        <v>22</v>
      </c>
      <c r="L87" s="53">
        <v>18</v>
      </c>
      <c r="M87" s="54">
        <v>4</v>
      </c>
    </row>
    <row r="88" spans="1:13">
      <c r="A88" s="40" t="s">
        <v>91</v>
      </c>
      <c r="B88" s="21">
        <v>-4</v>
      </c>
      <c r="C88" s="22">
        <v>-7</v>
      </c>
      <c r="D88" s="22">
        <v>3</v>
      </c>
      <c r="E88" s="21">
        <v>7</v>
      </c>
      <c r="F88" s="22">
        <v>7</v>
      </c>
      <c r="G88" s="23">
        <v>0</v>
      </c>
      <c r="H88" s="22">
        <v>18</v>
      </c>
      <c r="I88" s="22">
        <v>7</v>
      </c>
      <c r="J88" s="22">
        <v>11</v>
      </c>
      <c r="K88" s="21">
        <v>15</v>
      </c>
      <c r="L88" s="53">
        <v>7</v>
      </c>
      <c r="M88" s="54">
        <v>8</v>
      </c>
    </row>
    <row r="89" spans="1:13" ht="19.5" customHeight="1">
      <c r="A89" s="34" t="s">
        <v>92</v>
      </c>
      <c r="B89" s="17">
        <v>-1</v>
      </c>
      <c r="C89" s="18">
        <v>-8</v>
      </c>
      <c r="D89" s="18">
        <v>7</v>
      </c>
      <c r="E89" s="17">
        <v>30</v>
      </c>
      <c r="F89" s="18">
        <v>19</v>
      </c>
      <c r="G89" s="19">
        <v>11</v>
      </c>
      <c r="H89" s="18">
        <v>102</v>
      </c>
      <c r="I89" s="18">
        <v>55</v>
      </c>
      <c r="J89" s="18">
        <v>47</v>
      </c>
      <c r="K89" s="17">
        <v>73</v>
      </c>
      <c r="L89" s="51">
        <v>44</v>
      </c>
      <c r="M89" s="52">
        <v>29</v>
      </c>
    </row>
    <row r="90" spans="1:13">
      <c r="A90" s="40" t="s">
        <v>93</v>
      </c>
      <c r="B90" s="21">
        <v>3</v>
      </c>
      <c r="C90" s="22">
        <v>4</v>
      </c>
      <c r="D90" s="22">
        <v>-1</v>
      </c>
      <c r="E90" s="21">
        <v>8</v>
      </c>
      <c r="F90" s="22">
        <v>4</v>
      </c>
      <c r="G90" s="23">
        <v>4</v>
      </c>
      <c r="H90" s="22">
        <v>35</v>
      </c>
      <c r="I90" s="22">
        <v>21</v>
      </c>
      <c r="J90" s="22">
        <v>14</v>
      </c>
      <c r="K90" s="21">
        <v>24</v>
      </c>
      <c r="L90" s="53">
        <v>13</v>
      </c>
      <c r="M90" s="54">
        <v>11</v>
      </c>
    </row>
    <row r="91" spans="1:13">
      <c r="A91" s="40" t="s">
        <v>94</v>
      </c>
      <c r="B91" s="21">
        <v>9</v>
      </c>
      <c r="C91" s="22">
        <v>-3</v>
      </c>
      <c r="D91" s="22">
        <v>12</v>
      </c>
      <c r="E91" s="21">
        <v>5</v>
      </c>
      <c r="F91" s="22">
        <v>4</v>
      </c>
      <c r="G91" s="23">
        <v>1</v>
      </c>
      <c r="H91" s="22">
        <v>24</v>
      </c>
      <c r="I91" s="22">
        <v>9</v>
      </c>
      <c r="J91" s="22">
        <v>15</v>
      </c>
      <c r="K91" s="21">
        <v>10</v>
      </c>
      <c r="L91" s="53">
        <v>8</v>
      </c>
      <c r="M91" s="54">
        <v>2</v>
      </c>
    </row>
    <row r="92" spans="1:13">
      <c r="A92" s="40" t="s">
        <v>95</v>
      </c>
      <c r="B92" s="21">
        <v>-12</v>
      </c>
      <c r="C92" s="22">
        <v>-7</v>
      </c>
      <c r="D92" s="22">
        <v>-5</v>
      </c>
      <c r="E92" s="21">
        <v>8</v>
      </c>
      <c r="F92" s="22">
        <v>5</v>
      </c>
      <c r="G92" s="23">
        <v>3</v>
      </c>
      <c r="H92" s="22">
        <v>8</v>
      </c>
      <c r="I92" s="22">
        <v>4</v>
      </c>
      <c r="J92" s="22">
        <v>4</v>
      </c>
      <c r="K92" s="21">
        <v>12</v>
      </c>
      <c r="L92" s="53">
        <v>6</v>
      </c>
      <c r="M92" s="54">
        <v>6</v>
      </c>
    </row>
    <row r="93" spans="1:13">
      <c r="A93" s="40" t="s">
        <v>96</v>
      </c>
      <c r="B93" s="21">
        <v>-2</v>
      </c>
      <c r="C93" s="22">
        <v>-3</v>
      </c>
      <c r="D93" s="22">
        <v>1</v>
      </c>
      <c r="E93" s="21">
        <v>5</v>
      </c>
      <c r="F93" s="22">
        <v>4</v>
      </c>
      <c r="G93" s="23">
        <v>1</v>
      </c>
      <c r="H93" s="22">
        <v>12</v>
      </c>
      <c r="I93" s="22">
        <v>7</v>
      </c>
      <c r="J93" s="22">
        <v>5</v>
      </c>
      <c r="K93" s="21">
        <v>9</v>
      </c>
      <c r="L93" s="53">
        <v>6</v>
      </c>
      <c r="M93" s="54">
        <v>3</v>
      </c>
    </row>
    <row r="94" spans="1:13">
      <c r="A94" s="40" t="s">
        <v>97</v>
      </c>
      <c r="B94" s="21">
        <v>1</v>
      </c>
      <c r="C94" s="22">
        <v>1</v>
      </c>
      <c r="D94" s="22">
        <v>0</v>
      </c>
      <c r="E94" s="21">
        <v>4</v>
      </c>
      <c r="F94" s="22">
        <v>2</v>
      </c>
      <c r="G94" s="23">
        <v>2</v>
      </c>
      <c r="H94" s="22">
        <v>23</v>
      </c>
      <c r="I94" s="22">
        <v>14</v>
      </c>
      <c r="J94" s="22">
        <v>9</v>
      </c>
      <c r="K94" s="21">
        <v>18</v>
      </c>
      <c r="L94" s="53">
        <v>11</v>
      </c>
      <c r="M94" s="54">
        <v>7</v>
      </c>
    </row>
    <row r="95" spans="1:13" ht="19.5" customHeight="1">
      <c r="A95" s="34" t="s">
        <v>98</v>
      </c>
      <c r="B95" s="17">
        <v>-22</v>
      </c>
      <c r="C95" s="18">
        <v>-24</v>
      </c>
      <c r="D95" s="18">
        <v>2</v>
      </c>
      <c r="E95" s="17">
        <v>35</v>
      </c>
      <c r="F95" s="18">
        <v>27</v>
      </c>
      <c r="G95" s="19">
        <v>8</v>
      </c>
      <c r="H95" s="18">
        <v>74</v>
      </c>
      <c r="I95" s="18">
        <v>42</v>
      </c>
      <c r="J95" s="18">
        <v>32</v>
      </c>
      <c r="K95" s="17">
        <v>61</v>
      </c>
      <c r="L95" s="51">
        <v>39</v>
      </c>
      <c r="M95" s="52">
        <v>22</v>
      </c>
    </row>
    <row r="96" spans="1:13">
      <c r="A96" s="40" t="s">
        <v>99</v>
      </c>
      <c r="B96" s="21">
        <v>-3</v>
      </c>
      <c r="C96" s="22">
        <v>-3</v>
      </c>
      <c r="D96" s="22">
        <v>0</v>
      </c>
      <c r="E96" s="21">
        <v>4</v>
      </c>
      <c r="F96" s="22">
        <v>4</v>
      </c>
      <c r="G96" s="23">
        <v>0</v>
      </c>
      <c r="H96" s="22">
        <v>10</v>
      </c>
      <c r="I96" s="22">
        <v>7</v>
      </c>
      <c r="J96" s="22">
        <v>3</v>
      </c>
      <c r="K96" s="21">
        <v>9</v>
      </c>
      <c r="L96" s="53">
        <v>6</v>
      </c>
      <c r="M96" s="54">
        <v>3</v>
      </c>
    </row>
    <row r="97" spans="1:13">
      <c r="A97" s="40" t="s">
        <v>100</v>
      </c>
      <c r="B97" s="21">
        <v>3</v>
      </c>
      <c r="C97" s="22">
        <v>2</v>
      </c>
      <c r="D97" s="22">
        <v>1</v>
      </c>
      <c r="E97" s="21">
        <v>3</v>
      </c>
      <c r="F97" s="22">
        <v>2</v>
      </c>
      <c r="G97" s="23">
        <v>1</v>
      </c>
      <c r="H97" s="22">
        <v>12</v>
      </c>
      <c r="I97" s="22">
        <v>8</v>
      </c>
      <c r="J97" s="22">
        <v>4</v>
      </c>
      <c r="K97" s="21">
        <v>6</v>
      </c>
      <c r="L97" s="53">
        <v>4</v>
      </c>
      <c r="M97" s="54">
        <v>2</v>
      </c>
    </row>
    <row r="98" spans="1:13">
      <c r="A98" s="40" t="s">
        <v>101</v>
      </c>
      <c r="B98" s="21">
        <v>-11</v>
      </c>
      <c r="C98" s="22">
        <v>-10</v>
      </c>
      <c r="D98" s="22">
        <v>-1</v>
      </c>
      <c r="E98" s="21">
        <v>9</v>
      </c>
      <c r="F98" s="22">
        <v>7</v>
      </c>
      <c r="G98" s="23">
        <v>2</v>
      </c>
      <c r="H98" s="22">
        <v>15</v>
      </c>
      <c r="I98" s="22">
        <v>10</v>
      </c>
      <c r="J98" s="22">
        <v>5</v>
      </c>
      <c r="K98" s="21">
        <v>17</v>
      </c>
      <c r="L98" s="53">
        <v>13</v>
      </c>
      <c r="M98" s="54">
        <v>4</v>
      </c>
    </row>
    <row r="99" spans="1:13">
      <c r="A99" s="40" t="s">
        <v>102</v>
      </c>
      <c r="B99" s="21">
        <v>-8</v>
      </c>
      <c r="C99" s="22">
        <v>-3</v>
      </c>
      <c r="D99" s="22">
        <v>-5</v>
      </c>
      <c r="E99" s="21">
        <v>10</v>
      </c>
      <c r="F99" s="22">
        <v>6</v>
      </c>
      <c r="G99" s="23">
        <v>4</v>
      </c>
      <c r="H99" s="22">
        <v>15</v>
      </c>
      <c r="I99" s="22">
        <v>9</v>
      </c>
      <c r="J99" s="22">
        <v>6</v>
      </c>
      <c r="K99" s="21">
        <v>13</v>
      </c>
      <c r="L99" s="53">
        <v>6</v>
      </c>
      <c r="M99" s="54">
        <v>7</v>
      </c>
    </row>
    <row r="100" spans="1:13">
      <c r="A100" s="40" t="s">
        <v>103</v>
      </c>
      <c r="B100" s="21">
        <v>-3</v>
      </c>
      <c r="C100" s="22">
        <v>-10</v>
      </c>
      <c r="D100" s="22">
        <v>7</v>
      </c>
      <c r="E100" s="21">
        <v>9</v>
      </c>
      <c r="F100" s="22">
        <v>8</v>
      </c>
      <c r="G100" s="23">
        <v>1</v>
      </c>
      <c r="H100" s="22">
        <v>22</v>
      </c>
      <c r="I100" s="22">
        <v>8</v>
      </c>
      <c r="J100" s="22">
        <v>14</v>
      </c>
      <c r="K100" s="21">
        <v>16</v>
      </c>
      <c r="L100" s="53">
        <v>10</v>
      </c>
      <c r="M100" s="54">
        <v>6</v>
      </c>
    </row>
    <row r="101" spans="1:13" ht="19.5" customHeight="1">
      <c r="A101" s="34" t="s">
        <v>104</v>
      </c>
      <c r="B101" s="17">
        <v>-61</v>
      </c>
      <c r="C101" s="18">
        <v>-45</v>
      </c>
      <c r="D101" s="18">
        <v>-16</v>
      </c>
      <c r="E101" s="17">
        <v>88</v>
      </c>
      <c r="F101" s="18">
        <v>63</v>
      </c>
      <c r="G101" s="19">
        <v>25</v>
      </c>
      <c r="H101" s="18">
        <v>80</v>
      </c>
      <c r="I101" s="18">
        <v>43</v>
      </c>
      <c r="J101" s="18">
        <v>37</v>
      </c>
      <c r="K101" s="17">
        <v>53</v>
      </c>
      <c r="L101" s="51">
        <v>25</v>
      </c>
      <c r="M101" s="52">
        <v>28</v>
      </c>
    </row>
    <row r="102" spans="1:13">
      <c r="A102" s="40" t="s">
        <v>105</v>
      </c>
      <c r="B102" s="21">
        <v>-16</v>
      </c>
      <c r="C102" s="22">
        <v>-11</v>
      </c>
      <c r="D102" s="22">
        <v>-5</v>
      </c>
      <c r="E102" s="21">
        <v>20</v>
      </c>
      <c r="F102" s="22">
        <v>17</v>
      </c>
      <c r="G102" s="23">
        <v>3</v>
      </c>
      <c r="H102" s="22">
        <v>15</v>
      </c>
      <c r="I102" s="22">
        <v>11</v>
      </c>
      <c r="J102" s="22">
        <v>4</v>
      </c>
      <c r="K102" s="21">
        <v>11</v>
      </c>
      <c r="L102" s="53">
        <v>5</v>
      </c>
      <c r="M102" s="54">
        <v>6</v>
      </c>
    </row>
    <row r="103" spans="1:13">
      <c r="A103" s="40" t="s">
        <v>106</v>
      </c>
      <c r="B103" s="21">
        <v>-2</v>
      </c>
      <c r="C103" s="22">
        <v>1</v>
      </c>
      <c r="D103" s="22">
        <v>-3</v>
      </c>
      <c r="E103" s="21">
        <v>13</v>
      </c>
      <c r="F103" s="22">
        <v>7</v>
      </c>
      <c r="G103" s="23">
        <v>6</v>
      </c>
      <c r="H103" s="22">
        <v>20</v>
      </c>
      <c r="I103" s="22">
        <v>10</v>
      </c>
      <c r="J103" s="22">
        <v>10</v>
      </c>
      <c r="K103" s="21">
        <v>9</v>
      </c>
      <c r="L103" s="53">
        <v>2</v>
      </c>
      <c r="M103" s="54">
        <v>7</v>
      </c>
    </row>
    <row r="104" spans="1:13">
      <c r="A104" s="40" t="s">
        <v>107</v>
      </c>
      <c r="B104" s="21">
        <v>-15</v>
      </c>
      <c r="C104" s="22">
        <v>-14</v>
      </c>
      <c r="D104" s="22">
        <v>-1</v>
      </c>
      <c r="E104" s="21">
        <v>23</v>
      </c>
      <c r="F104" s="22">
        <v>17</v>
      </c>
      <c r="G104" s="23">
        <v>6</v>
      </c>
      <c r="H104" s="22">
        <v>20</v>
      </c>
      <c r="I104" s="22">
        <v>9</v>
      </c>
      <c r="J104" s="22">
        <v>11</v>
      </c>
      <c r="K104" s="21">
        <v>12</v>
      </c>
      <c r="L104" s="53">
        <v>6</v>
      </c>
      <c r="M104" s="54">
        <v>6</v>
      </c>
    </row>
    <row r="105" spans="1:13">
      <c r="A105" s="40" t="s">
        <v>108</v>
      </c>
      <c r="B105" s="21">
        <v>-19</v>
      </c>
      <c r="C105" s="22">
        <v>-14</v>
      </c>
      <c r="D105" s="22">
        <v>-5</v>
      </c>
      <c r="E105" s="21">
        <v>12</v>
      </c>
      <c r="F105" s="22">
        <v>9</v>
      </c>
      <c r="G105" s="23">
        <v>3</v>
      </c>
      <c r="H105" s="22">
        <v>5</v>
      </c>
      <c r="I105" s="22">
        <v>3</v>
      </c>
      <c r="J105" s="22">
        <v>2</v>
      </c>
      <c r="K105" s="21">
        <v>12</v>
      </c>
      <c r="L105" s="53">
        <v>8</v>
      </c>
      <c r="M105" s="54">
        <v>4</v>
      </c>
    </row>
    <row r="106" spans="1:13">
      <c r="A106" s="40" t="s">
        <v>109</v>
      </c>
      <c r="B106" s="21">
        <v>-9</v>
      </c>
      <c r="C106" s="22">
        <v>-7</v>
      </c>
      <c r="D106" s="22">
        <v>-2</v>
      </c>
      <c r="E106" s="21">
        <v>20</v>
      </c>
      <c r="F106" s="22">
        <v>13</v>
      </c>
      <c r="G106" s="23">
        <v>7</v>
      </c>
      <c r="H106" s="22">
        <v>20</v>
      </c>
      <c r="I106" s="22">
        <v>10</v>
      </c>
      <c r="J106" s="22">
        <v>10</v>
      </c>
      <c r="K106" s="21">
        <v>9</v>
      </c>
      <c r="L106" s="53">
        <v>4</v>
      </c>
      <c r="M106" s="54">
        <v>5</v>
      </c>
    </row>
    <row r="107" spans="1:13" ht="19.5" customHeight="1">
      <c r="A107" s="34" t="s">
        <v>110</v>
      </c>
      <c r="B107" s="17">
        <v>-121</v>
      </c>
      <c r="C107" s="18">
        <v>-83</v>
      </c>
      <c r="D107" s="18">
        <v>-38</v>
      </c>
      <c r="E107" s="17">
        <v>127</v>
      </c>
      <c r="F107" s="18">
        <v>85</v>
      </c>
      <c r="G107" s="19">
        <v>42</v>
      </c>
      <c r="H107" s="18">
        <v>52</v>
      </c>
      <c r="I107" s="18">
        <v>24</v>
      </c>
      <c r="J107" s="18">
        <v>28</v>
      </c>
      <c r="K107" s="17">
        <v>46</v>
      </c>
      <c r="L107" s="51">
        <v>22</v>
      </c>
      <c r="M107" s="52">
        <v>24</v>
      </c>
    </row>
    <row r="108" spans="1:13">
      <c r="A108" s="40" t="s">
        <v>111</v>
      </c>
      <c r="B108" s="21">
        <v>-24</v>
      </c>
      <c r="C108" s="22">
        <v>-17</v>
      </c>
      <c r="D108" s="22">
        <v>-7</v>
      </c>
      <c r="E108" s="21">
        <v>23</v>
      </c>
      <c r="F108" s="22">
        <v>18</v>
      </c>
      <c r="G108" s="23">
        <v>5</v>
      </c>
      <c r="H108" s="22">
        <v>5</v>
      </c>
      <c r="I108" s="22">
        <v>2</v>
      </c>
      <c r="J108" s="22">
        <v>3</v>
      </c>
      <c r="K108" s="21">
        <v>6</v>
      </c>
      <c r="L108" s="53">
        <v>1</v>
      </c>
      <c r="M108" s="54">
        <v>5</v>
      </c>
    </row>
    <row r="109" spans="1:13">
      <c r="A109" s="40" t="s">
        <v>112</v>
      </c>
      <c r="B109" s="21">
        <v>-17</v>
      </c>
      <c r="C109" s="22">
        <v>-15</v>
      </c>
      <c r="D109" s="22">
        <v>-2</v>
      </c>
      <c r="E109" s="21">
        <v>18</v>
      </c>
      <c r="F109" s="22">
        <v>13</v>
      </c>
      <c r="G109" s="23">
        <v>5</v>
      </c>
      <c r="H109" s="22">
        <v>12</v>
      </c>
      <c r="I109" s="22">
        <v>5</v>
      </c>
      <c r="J109" s="22">
        <v>7</v>
      </c>
      <c r="K109" s="21">
        <v>11</v>
      </c>
      <c r="L109" s="53">
        <v>7</v>
      </c>
      <c r="M109" s="54">
        <v>4</v>
      </c>
    </row>
    <row r="110" spans="1:13">
      <c r="A110" s="40" t="s">
        <v>113</v>
      </c>
      <c r="B110" s="21">
        <v>-25</v>
      </c>
      <c r="C110" s="22">
        <v>-15</v>
      </c>
      <c r="D110" s="22">
        <v>-10</v>
      </c>
      <c r="E110" s="21">
        <v>24</v>
      </c>
      <c r="F110" s="22">
        <v>16</v>
      </c>
      <c r="G110" s="23">
        <v>8</v>
      </c>
      <c r="H110" s="22">
        <v>11</v>
      </c>
      <c r="I110" s="22">
        <v>8</v>
      </c>
      <c r="J110" s="22">
        <v>3</v>
      </c>
      <c r="K110" s="21">
        <v>12</v>
      </c>
      <c r="L110" s="53">
        <v>7</v>
      </c>
      <c r="M110" s="54">
        <v>5</v>
      </c>
    </row>
    <row r="111" spans="1:13">
      <c r="A111" s="40" t="s">
        <v>114</v>
      </c>
      <c r="B111" s="21">
        <v>-26</v>
      </c>
      <c r="C111" s="22">
        <v>-20</v>
      </c>
      <c r="D111" s="22">
        <v>-6</v>
      </c>
      <c r="E111" s="21">
        <v>34</v>
      </c>
      <c r="F111" s="22">
        <v>22</v>
      </c>
      <c r="G111" s="23">
        <v>12</v>
      </c>
      <c r="H111" s="22">
        <v>16</v>
      </c>
      <c r="I111" s="22">
        <v>6</v>
      </c>
      <c r="J111" s="22">
        <v>10</v>
      </c>
      <c r="K111" s="21">
        <v>8</v>
      </c>
      <c r="L111" s="53">
        <v>4</v>
      </c>
      <c r="M111" s="54">
        <v>4</v>
      </c>
    </row>
    <row r="112" spans="1:13">
      <c r="A112" s="40" t="s">
        <v>115</v>
      </c>
      <c r="B112" s="21">
        <v>-29</v>
      </c>
      <c r="C112" s="22">
        <v>-16</v>
      </c>
      <c r="D112" s="22">
        <v>-13</v>
      </c>
      <c r="E112" s="21">
        <v>28</v>
      </c>
      <c r="F112" s="22">
        <v>16</v>
      </c>
      <c r="G112" s="23">
        <v>12</v>
      </c>
      <c r="H112" s="22">
        <v>8</v>
      </c>
      <c r="I112" s="22">
        <v>3</v>
      </c>
      <c r="J112" s="22">
        <v>5</v>
      </c>
      <c r="K112" s="21">
        <v>9</v>
      </c>
      <c r="L112" s="53">
        <v>3</v>
      </c>
      <c r="M112" s="54">
        <v>6</v>
      </c>
    </row>
    <row r="113" spans="1:13" ht="19.5" customHeight="1">
      <c r="A113" s="34" t="s">
        <v>116</v>
      </c>
      <c r="B113" s="17">
        <v>-128</v>
      </c>
      <c r="C113" s="18">
        <v>-73</v>
      </c>
      <c r="D113" s="18">
        <v>-55</v>
      </c>
      <c r="E113" s="17">
        <v>124</v>
      </c>
      <c r="F113" s="18">
        <v>72</v>
      </c>
      <c r="G113" s="19">
        <v>52</v>
      </c>
      <c r="H113" s="18">
        <v>32</v>
      </c>
      <c r="I113" s="18">
        <v>13</v>
      </c>
      <c r="J113" s="18">
        <v>19</v>
      </c>
      <c r="K113" s="17">
        <v>36</v>
      </c>
      <c r="L113" s="51">
        <v>14</v>
      </c>
      <c r="M113" s="52">
        <v>22</v>
      </c>
    </row>
    <row r="114" spans="1:13">
      <c r="A114" s="40" t="s">
        <v>117</v>
      </c>
      <c r="B114" s="21">
        <v>-16</v>
      </c>
      <c r="C114" s="22">
        <v>-10</v>
      </c>
      <c r="D114" s="22">
        <v>-6</v>
      </c>
      <c r="E114" s="21">
        <v>23</v>
      </c>
      <c r="F114" s="22">
        <v>13</v>
      </c>
      <c r="G114" s="23">
        <v>10</v>
      </c>
      <c r="H114" s="22">
        <v>10</v>
      </c>
      <c r="I114" s="22">
        <v>4</v>
      </c>
      <c r="J114" s="22">
        <v>6</v>
      </c>
      <c r="K114" s="21">
        <v>3</v>
      </c>
      <c r="L114" s="53">
        <v>1</v>
      </c>
      <c r="M114" s="54">
        <v>2</v>
      </c>
    </row>
    <row r="115" spans="1:13">
      <c r="A115" s="40" t="s">
        <v>118</v>
      </c>
      <c r="B115" s="21">
        <v>-27</v>
      </c>
      <c r="C115" s="22">
        <v>-18</v>
      </c>
      <c r="D115" s="22">
        <v>-9</v>
      </c>
      <c r="E115" s="21">
        <v>25</v>
      </c>
      <c r="F115" s="22">
        <v>17</v>
      </c>
      <c r="G115" s="23">
        <v>8</v>
      </c>
      <c r="H115" s="22">
        <v>5</v>
      </c>
      <c r="I115" s="22">
        <v>1</v>
      </c>
      <c r="J115" s="22">
        <v>4</v>
      </c>
      <c r="K115" s="21">
        <v>7</v>
      </c>
      <c r="L115" s="53">
        <v>2</v>
      </c>
      <c r="M115" s="54">
        <v>5</v>
      </c>
    </row>
    <row r="116" spans="1:13">
      <c r="A116" s="40" t="s">
        <v>119</v>
      </c>
      <c r="B116" s="21">
        <v>-31</v>
      </c>
      <c r="C116" s="22">
        <v>-11</v>
      </c>
      <c r="D116" s="22">
        <v>-20</v>
      </c>
      <c r="E116" s="21">
        <v>29</v>
      </c>
      <c r="F116" s="22">
        <v>13</v>
      </c>
      <c r="G116" s="23">
        <v>16</v>
      </c>
      <c r="H116" s="22">
        <v>7</v>
      </c>
      <c r="I116" s="22">
        <v>5</v>
      </c>
      <c r="J116" s="22">
        <v>2</v>
      </c>
      <c r="K116" s="21">
        <v>9</v>
      </c>
      <c r="L116" s="53">
        <v>3</v>
      </c>
      <c r="M116" s="54">
        <v>6</v>
      </c>
    </row>
    <row r="117" spans="1:13">
      <c r="A117" s="40" t="s">
        <v>120</v>
      </c>
      <c r="B117" s="21">
        <v>-15</v>
      </c>
      <c r="C117" s="22">
        <v>-14</v>
      </c>
      <c r="D117" s="22">
        <v>-1</v>
      </c>
      <c r="E117" s="21">
        <v>14</v>
      </c>
      <c r="F117" s="22">
        <v>9</v>
      </c>
      <c r="G117" s="23">
        <v>5</v>
      </c>
      <c r="H117" s="22">
        <v>6</v>
      </c>
      <c r="I117" s="22">
        <v>0</v>
      </c>
      <c r="J117" s="22">
        <v>6</v>
      </c>
      <c r="K117" s="21">
        <v>7</v>
      </c>
      <c r="L117" s="53">
        <v>5</v>
      </c>
      <c r="M117" s="54">
        <v>2</v>
      </c>
    </row>
    <row r="118" spans="1:13">
      <c r="A118" s="40" t="s">
        <v>121</v>
      </c>
      <c r="B118" s="21">
        <v>-39</v>
      </c>
      <c r="C118" s="22">
        <v>-20</v>
      </c>
      <c r="D118" s="22">
        <v>-19</v>
      </c>
      <c r="E118" s="21">
        <v>33</v>
      </c>
      <c r="F118" s="22">
        <v>20</v>
      </c>
      <c r="G118" s="23">
        <v>13</v>
      </c>
      <c r="H118" s="22">
        <v>4</v>
      </c>
      <c r="I118" s="22">
        <v>3</v>
      </c>
      <c r="J118" s="22">
        <v>1</v>
      </c>
      <c r="K118" s="21">
        <v>10</v>
      </c>
      <c r="L118" s="53">
        <v>3</v>
      </c>
      <c r="M118" s="54">
        <v>7</v>
      </c>
    </row>
    <row r="119" spans="1:13" ht="19.5" customHeight="1">
      <c r="A119" s="34" t="s">
        <v>122</v>
      </c>
      <c r="B119" s="17">
        <v>-133</v>
      </c>
      <c r="C119" s="18">
        <v>-79</v>
      </c>
      <c r="D119" s="18">
        <v>-54</v>
      </c>
      <c r="E119" s="17">
        <v>148</v>
      </c>
      <c r="F119" s="18">
        <v>83</v>
      </c>
      <c r="G119" s="19">
        <v>65</v>
      </c>
      <c r="H119" s="18">
        <v>40</v>
      </c>
      <c r="I119" s="18">
        <v>12</v>
      </c>
      <c r="J119" s="18">
        <v>28</v>
      </c>
      <c r="K119" s="17">
        <v>25</v>
      </c>
      <c r="L119" s="51">
        <v>8</v>
      </c>
      <c r="M119" s="52">
        <v>17</v>
      </c>
    </row>
    <row r="120" spans="1:13">
      <c r="A120" s="40" t="s">
        <v>123</v>
      </c>
      <c r="B120" s="21">
        <v>-29</v>
      </c>
      <c r="C120" s="22">
        <v>-24</v>
      </c>
      <c r="D120" s="22">
        <v>-5</v>
      </c>
      <c r="E120" s="21">
        <v>30</v>
      </c>
      <c r="F120" s="22">
        <v>24</v>
      </c>
      <c r="G120" s="23">
        <v>6</v>
      </c>
      <c r="H120" s="22">
        <v>10</v>
      </c>
      <c r="I120" s="22">
        <v>3</v>
      </c>
      <c r="J120" s="22">
        <v>7</v>
      </c>
      <c r="K120" s="21">
        <v>9</v>
      </c>
      <c r="L120" s="53">
        <v>3</v>
      </c>
      <c r="M120" s="54">
        <v>6</v>
      </c>
    </row>
    <row r="121" spans="1:13">
      <c r="A121" s="40" t="s">
        <v>124</v>
      </c>
      <c r="B121" s="21">
        <v>-33</v>
      </c>
      <c r="C121" s="22">
        <v>-17</v>
      </c>
      <c r="D121" s="22">
        <v>-16</v>
      </c>
      <c r="E121" s="21">
        <v>34</v>
      </c>
      <c r="F121" s="22">
        <v>16</v>
      </c>
      <c r="G121" s="23">
        <v>18</v>
      </c>
      <c r="H121" s="22">
        <v>8</v>
      </c>
      <c r="I121" s="22">
        <v>1</v>
      </c>
      <c r="J121" s="22">
        <v>7</v>
      </c>
      <c r="K121" s="21">
        <v>7</v>
      </c>
      <c r="L121" s="53">
        <v>2</v>
      </c>
      <c r="M121" s="54">
        <v>5</v>
      </c>
    </row>
    <row r="122" spans="1:13">
      <c r="A122" s="40" t="s">
        <v>125</v>
      </c>
      <c r="B122" s="21">
        <v>-24</v>
      </c>
      <c r="C122" s="22">
        <v>-10</v>
      </c>
      <c r="D122" s="22">
        <v>-14</v>
      </c>
      <c r="E122" s="21">
        <v>29</v>
      </c>
      <c r="F122" s="22">
        <v>13</v>
      </c>
      <c r="G122" s="23">
        <v>16</v>
      </c>
      <c r="H122" s="22">
        <v>11</v>
      </c>
      <c r="I122" s="22">
        <v>5</v>
      </c>
      <c r="J122" s="22">
        <v>6</v>
      </c>
      <c r="K122" s="21">
        <v>6</v>
      </c>
      <c r="L122" s="53">
        <v>2</v>
      </c>
      <c r="M122" s="54">
        <v>4</v>
      </c>
    </row>
    <row r="123" spans="1:13">
      <c r="A123" s="40" t="s">
        <v>126</v>
      </c>
      <c r="B123" s="21">
        <v>-16</v>
      </c>
      <c r="C123" s="22">
        <v>-6</v>
      </c>
      <c r="D123" s="22">
        <v>-10</v>
      </c>
      <c r="E123" s="21">
        <v>21</v>
      </c>
      <c r="F123" s="22">
        <v>9</v>
      </c>
      <c r="G123" s="23">
        <v>12</v>
      </c>
      <c r="H123" s="22">
        <v>7</v>
      </c>
      <c r="I123" s="22">
        <v>3</v>
      </c>
      <c r="J123" s="22">
        <v>4</v>
      </c>
      <c r="K123" s="21">
        <v>2</v>
      </c>
      <c r="L123" s="53">
        <v>0</v>
      </c>
      <c r="M123" s="54">
        <v>2</v>
      </c>
    </row>
    <row r="124" spans="1:13">
      <c r="A124" s="40" t="s">
        <v>127</v>
      </c>
      <c r="B124" s="21">
        <v>-31</v>
      </c>
      <c r="C124" s="22">
        <v>-22</v>
      </c>
      <c r="D124" s="22">
        <v>-9</v>
      </c>
      <c r="E124" s="21">
        <v>34</v>
      </c>
      <c r="F124" s="22">
        <v>21</v>
      </c>
      <c r="G124" s="23">
        <v>13</v>
      </c>
      <c r="H124" s="22">
        <v>4</v>
      </c>
      <c r="I124" s="22">
        <v>0</v>
      </c>
      <c r="J124" s="22">
        <v>4</v>
      </c>
      <c r="K124" s="21">
        <v>1</v>
      </c>
      <c r="L124" s="53">
        <v>1</v>
      </c>
      <c r="M124" s="54">
        <v>0</v>
      </c>
    </row>
    <row r="125" spans="1:13" ht="19.5" customHeight="1">
      <c r="A125" s="34" t="s">
        <v>128</v>
      </c>
      <c r="B125" s="17">
        <v>-131</v>
      </c>
      <c r="C125" s="18">
        <v>-54</v>
      </c>
      <c r="D125" s="18">
        <v>-77</v>
      </c>
      <c r="E125" s="17">
        <v>133</v>
      </c>
      <c r="F125" s="18">
        <v>55</v>
      </c>
      <c r="G125" s="19">
        <v>78</v>
      </c>
      <c r="H125" s="18">
        <v>24</v>
      </c>
      <c r="I125" s="18">
        <v>7</v>
      </c>
      <c r="J125" s="18">
        <v>17</v>
      </c>
      <c r="K125" s="17">
        <v>22</v>
      </c>
      <c r="L125" s="51">
        <v>6</v>
      </c>
      <c r="M125" s="52">
        <v>16</v>
      </c>
    </row>
    <row r="126" spans="1:13">
      <c r="A126" s="40" t="s">
        <v>129</v>
      </c>
      <c r="B126" s="21">
        <v>-27</v>
      </c>
      <c r="C126" s="22">
        <v>-12</v>
      </c>
      <c r="D126" s="22">
        <v>-15</v>
      </c>
      <c r="E126" s="21">
        <v>23</v>
      </c>
      <c r="F126" s="22">
        <v>9</v>
      </c>
      <c r="G126" s="23">
        <v>14</v>
      </c>
      <c r="H126" s="22">
        <v>4</v>
      </c>
      <c r="I126" s="22">
        <v>0</v>
      </c>
      <c r="J126" s="22">
        <v>4</v>
      </c>
      <c r="K126" s="21">
        <v>8</v>
      </c>
      <c r="L126" s="53">
        <v>3</v>
      </c>
      <c r="M126" s="54">
        <v>5</v>
      </c>
    </row>
    <row r="127" spans="1:13">
      <c r="A127" s="40" t="s">
        <v>130</v>
      </c>
      <c r="B127" s="21">
        <v>-32</v>
      </c>
      <c r="C127" s="22">
        <v>-11</v>
      </c>
      <c r="D127" s="22">
        <v>-21</v>
      </c>
      <c r="E127" s="21">
        <v>31</v>
      </c>
      <c r="F127" s="22">
        <v>10</v>
      </c>
      <c r="G127" s="23">
        <v>21</v>
      </c>
      <c r="H127" s="22">
        <v>5</v>
      </c>
      <c r="I127" s="22">
        <v>1</v>
      </c>
      <c r="J127" s="22">
        <v>4</v>
      </c>
      <c r="K127" s="21">
        <v>6</v>
      </c>
      <c r="L127" s="53">
        <v>2</v>
      </c>
      <c r="M127" s="54">
        <v>4</v>
      </c>
    </row>
    <row r="128" spans="1:13">
      <c r="A128" s="40" t="s">
        <v>131</v>
      </c>
      <c r="B128" s="21">
        <v>-23</v>
      </c>
      <c r="C128" s="22">
        <v>-13</v>
      </c>
      <c r="D128" s="22">
        <v>-10</v>
      </c>
      <c r="E128" s="21">
        <v>29</v>
      </c>
      <c r="F128" s="22">
        <v>16</v>
      </c>
      <c r="G128" s="23">
        <v>13</v>
      </c>
      <c r="H128" s="22">
        <v>7</v>
      </c>
      <c r="I128" s="22">
        <v>3</v>
      </c>
      <c r="J128" s="22">
        <v>4</v>
      </c>
      <c r="K128" s="21">
        <v>1</v>
      </c>
      <c r="L128" s="53">
        <v>0</v>
      </c>
      <c r="M128" s="54">
        <v>1</v>
      </c>
    </row>
    <row r="129" spans="1:13">
      <c r="A129" s="40" t="s">
        <v>132</v>
      </c>
      <c r="B129" s="21">
        <v>-28</v>
      </c>
      <c r="C129" s="22">
        <v>-10</v>
      </c>
      <c r="D129" s="22">
        <v>-18</v>
      </c>
      <c r="E129" s="21">
        <v>28</v>
      </c>
      <c r="F129" s="22">
        <v>12</v>
      </c>
      <c r="G129" s="23">
        <v>16</v>
      </c>
      <c r="H129" s="22">
        <v>4</v>
      </c>
      <c r="I129" s="22">
        <v>3</v>
      </c>
      <c r="J129" s="22">
        <v>1</v>
      </c>
      <c r="K129" s="21">
        <v>4</v>
      </c>
      <c r="L129" s="53">
        <v>1</v>
      </c>
      <c r="M129" s="54">
        <v>3</v>
      </c>
    </row>
    <row r="130" spans="1:13">
      <c r="A130" s="40" t="s">
        <v>133</v>
      </c>
      <c r="B130" s="21">
        <v>-21</v>
      </c>
      <c r="C130" s="22">
        <v>-8</v>
      </c>
      <c r="D130" s="22">
        <v>-13</v>
      </c>
      <c r="E130" s="21">
        <v>22</v>
      </c>
      <c r="F130" s="22">
        <v>8</v>
      </c>
      <c r="G130" s="23">
        <v>14</v>
      </c>
      <c r="H130" s="22">
        <v>4</v>
      </c>
      <c r="I130" s="22">
        <v>0</v>
      </c>
      <c r="J130" s="22">
        <v>4</v>
      </c>
      <c r="K130" s="21">
        <v>3</v>
      </c>
      <c r="L130" s="53">
        <v>0</v>
      </c>
      <c r="M130" s="54">
        <v>3</v>
      </c>
    </row>
    <row r="131" spans="1:13" ht="19.5" customHeight="1">
      <c r="A131" s="34" t="s">
        <v>134</v>
      </c>
      <c r="B131" s="17">
        <v>-87</v>
      </c>
      <c r="C131" s="18">
        <v>-23</v>
      </c>
      <c r="D131" s="18">
        <v>-64</v>
      </c>
      <c r="E131" s="17">
        <v>88</v>
      </c>
      <c r="F131" s="18">
        <v>24</v>
      </c>
      <c r="G131" s="19">
        <v>64</v>
      </c>
      <c r="H131" s="18">
        <v>7</v>
      </c>
      <c r="I131" s="18">
        <v>1</v>
      </c>
      <c r="J131" s="18">
        <v>6</v>
      </c>
      <c r="K131" s="17">
        <v>6</v>
      </c>
      <c r="L131" s="51">
        <v>0</v>
      </c>
      <c r="M131" s="52">
        <v>6</v>
      </c>
    </row>
    <row r="132" spans="1:13">
      <c r="A132" s="40" t="s">
        <v>135</v>
      </c>
      <c r="B132" s="21">
        <v>-22</v>
      </c>
      <c r="C132" s="22">
        <v>-6</v>
      </c>
      <c r="D132" s="22">
        <v>-16</v>
      </c>
      <c r="E132" s="21">
        <v>24</v>
      </c>
      <c r="F132" s="22">
        <v>7</v>
      </c>
      <c r="G132" s="23">
        <v>17</v>
      </c>
      <c r="H132" s="22">
        <v>3</v>
      </c>
      <c r="I132" s="22">
        <v>1</v>
      </c>
      <c r="J132" s="22">
        <v>2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24</v>
      </c>
      <c r="C133" s="22">
        <v>-4</v>
      </c>
      <c r="D133" s="22">
        <v>-20</v>
      </c>
      <c r="E133" s="21">
        <v>23</v>
      </c>
      <c r="F133" s="22">
        <v>4</v>
      </c>
      <c r="G133" s="23">
        <v>19</v>
      </c>
      <c r="H133" s="22">
        <v>1</v>
      </c>
      <c r="I133" s="22">
        <v>0</v>
      </c>
      <c r="J133" s="22">
        <v>1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21</v>
      </c>
      <c r="C134" s="22">
        <v>-5</v>
      </c>
      <c r="D134" s="22">
        <v>-16</v>
      </c>
      <c r="E134" s="21">
        <v>20</v>
      </c>
      <c r="F134" s="22">
        <v>5</v>
      </c>
      <c r="G134" s="23">
        <v>15</v>
      </c>
      <c r="H134" s="22">
        <v>2</v>
      </c>
      <c r="I134" s="22">
        <v>0</v>
      </c>
      <c r="J134" s="22">
        <v>2</v>
      </c>
      <c r="K134" s="21">
        <v>3</v>
      </c>
      <c r="L134" s="53">
        <v>0</v>
      </c>
      <c r="M134" s="54">
        <v>3</v>
      </c>
    </row>
    <row r="135" spans="1:13">
      <c r="A135" s="40" t="s">
        <v>138</v>
      </c>
      <c r="B135" s="21">
        <v>-9</v>
      </c>
      <c r="C135" s="22">
        <v>-4</v>
      </c>
      <c r="D135" s="22">
        <v>-5</v>
      </c>
      <c r="E135" s="21">
        <v>10</v>
      </c>
      <c r="F135" s="22">
        <v>4</v>
      </c>
      <c r="G135" s="23">
        <v>6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1</v>
      </c>
      <c r="C136" s="22">
        <v>-4</v>
      </c>
      <c r="D136" s="22">
        <v>-7</v>
      </c>
      <c r="E136" s="21">
        <v>11</v>
      </c>
      <c r="F136" s="22">
        <v>4</v>
      </c>
      <c r="G136" s="23">
        <v>7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23</v>
      </c>
      <c r="C137" s="43">
        <v>-4</v>
      </c>
      <c r="D137" s="43">
        <v>-19</v>
      </c>
      <c r="E137" s="42">
        <v>23</v>
      </c>
      <c r="F137" s="43">
        <v>4</v>
      </c>
      <c r="G137" s="44">
        <v>19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3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06</v>
      </c>
      <c r="C5" s="14">
        <v>92</v>
      </c>
      <c r="D5" s="14">
        <v>14</v>
      </c>
      <c r="E5" s="13">
        <v>452</v>
      </c>
      <c r="F5" s="14">
        <v>232</v>
      </c>
      <c r="G5" s="15">
        <v>220</v>
      </c>
      <c r="H5" s="14">
        <v>2134</v>
      </c>
      <c r="I5" s="14">
        <v>1177</v>
      </c>
      <c r="J5" s="14">
        <v>957</v>
      </c>
      <c r="K5" s="13">
        <v>1939</v>
      </c>
      <c r="L5" s="49">
        <v>1038</v>
      </c>
      <c r="M5" s="50">
        <v>901</v>
      </c>
    </row>
    <row r="6" spans="1:13" ht="19.5" customHeight="1">
      <c r="A6" s="16" t="s">
        <v>13</v>
      </c>
      <c r="B6" s="17">
        <v>404</v>
      </c>
      <c r="C6" s="18">
        <v>196</v>
      </c>
      <c r="D6" s="18">
        <v>208</v>
      </c>
      <c r="E6" s="17">
        <v>5</v>
      </c>
      <c r="F6" s="18">
        <v>2</v>
      </c>
      <c r="G6" s="19">
        <v>3</v>
      </c>
      <c r="H6" s="18">
        <v>168</v>
      </c>
      <c r="I6" s="18">
        <v>83</v>
      </c>
      <c r="J6" s="18">
        <v>85</v>
      </c>
      <c r="K6" s="17">
        <v>122</v>
      </c>
      <c r="L6" s="51">
        <v>70</v>
      </c>
      <c r="M6" s="52">
        <v>52</v>
      </c>
    </row>
    <row r="7" spans="1:13">
      <c r="A7" s="20" t="s">
        <v>14</v>
      </c>
      <c r="B7" s="21">
        <v>369</v>
      </c>
      <c r="C7" s="22">
        <v>176</v>
      </c>
      <c r="D7" s="22">
        <v>193</v>
      </c>
      <c r="E7" s="21">
        <v>4</v>
      </c>
      <c r="F7" s="22">
        <v>2</v>
      </c>
      <c r="G7" s="23">
        <v>2</v>
      </c>
      <c r="H7" s="22">
        <v>53</v>
      </c>
      <c r="I7" s="22">
        <v>20</v>
      </c>
      <c r="J7" s="22">
        <v>33</v>
      </c>
      <c r="K7" s="21">
        <v>43</v>
      </c>
      <c r="L7" s="53">
        <v>27</v>
      </c>
      <c r="M7" s="54">
        <v>16</v>
      </c>
    </row>
    <row r="8" spans="1:13">
      <c r="A8" s="20" t="s">
        <v>15</v>
      </c>
      <c r="B8" s="21">
        <v>8</v>
      </c>
      <c r="C8" s="22">
        <v>0</v>
      </c>
      <c r="D8" s="22">
        <v>8</v>
      </c>
      <c r="E8" s="21">
        <v>1</v>
      </c>
      <c r="F8" s="22">
        <v>0</v>
      </c>
      <c r="G8" s="23">
        <v>1</v>
      </c>
      <c r="H8" s="22">
        <v>38</v>
      </c>
      <c r="I8" s="22">
        <v>20</v>
      </c>
      <c r="J8" s="22">
        <v>18</v>
      </c>
      <c r="K8" s="21">
        <v>29</v>
      </c>
      <c r="L8" s="53">
        <v>20</v>
      </c>
      <c r="M8" s="54">
        <v>9</v>
      </c>
    </row>
    <row r="9" spans="1:13">
      <c r="A9" s="20" t="s">
        <v>16</v>
      </c>
      <c r="B9" s="21">
        <v>24</v>
      </c>
      <c r="C9" s="22">
        <v>12</v>
      </c>
      <c r="D9" s="22">
        <v>12</v>
      </c>
      <c r="E9" s="21">
        <v>0</v>
      </c>
      <c r="F9" s="22">
        <v>0</v>
      </c>
      <c r="G9" s="23">
        <v>0</v>
      </c>
      <c r="H9" s="22">
        <v>40</v>
      </c>
      <c r="I9" s="22">
        <v>23</v>
      </c>
      <c r="J9" s="22">
        <v>17</v>
      </c>
      <c r="K9" s="21">
        <v>16</v>
      </c>
      <c r="L9" s="53">
        <v>11</v>
      </c>
      <c r="M9" s="54">
        <v>5</v>
      </c>
    </row>
    <row r="10" spans="1:13">
      <c r="A10" s="20" t="s">
        <v>17</v>
      </c>
      <c r="B10" s="21">
        <v>4</v>
      </c>
      <c r="C10" s="22">
        <v>6</v>
      </c>
      <c r="D10" s="22">
        <v>-2</v>
      </c>
      <c r="E10" s="21">
        <v>0</v>
      </c>
      <c r="F10" s="22">
        <v>0</v>
      </c>
      <c r="G10" s="23">
        <v>0</v>
      </c>
      <c r="H10" s="22">
        <v>20</v>
      </c>
      <c r="I10" s="22">
        <v>9</v>
      </c>
      <c r="J10" s="22">
        <v>11</v>
      </c>
      <c r="K10" s="21">
        <v>16</v>
      </c>
      <c r="L10" s="53">
        <v>3</v>
      </c>
      <c r="M10" s="54">
        <v>13</v>
      </c>
    </row>
    <row r="11" spans="1:13">
      <c r="A11" s="20" t="s">
        <v>18</v>
      </c>
      <c r="B11" s="21">
        <v>-1</v>
      </c>
      <c r="C11" s="22">
        <v>2</v>
      </c>
      <c r="D11" s="22">
        <v>-3</v>
      </c>
      <c r="E11" s="21">
        <v>0</v>
      </c>
      <c r="F11" s="22">
        <v>0</v>
      </c>
      <c r="G11" s="23">
        <v>0</v>
      </c>
      <c r="H11" s="22">
        <v>17</v>
      </c>
      <c r="I11" s="22">
        <v>11</v>
      </c>
      <c r="J11" s="22">
        <v>6</v>
      </c>
      <c r="K11" s="21">
        <v>18</v>
      </c>
      <c r="L11" s="53">
        <v>9</v>
      </c>
      <c r="M11" s="54">
        <v>9</v>
      </c>
    </row>
    <row r="12" spans="1:13" ht="20.100000000000001" customHeight="1">
      <c r="A12" s="16" t="s">
        <v>19</v>
      </c>
      <c r="B12" s="17">
        <v>0</v>
      </c>
      <c r="C12" s="18">
        <v>-2</v>
      </c>
      <c r="D12" s="18">
        <v>2</v>
      </c>
      <c r="E12" s="17">
        <v>0</v>
      </c>
      <c r="F12" s="18">
        <v>0</v>
      </c>
      <c r="G12" s="19">
        <v>0</v>
      </c>
      <c r="H12" s="18">
        <v>75</v>
      </c>
      <c r="I12" s="18">
        <v>29</v>
      </c>
      <c r="J12" s="18">
        <v>46</v>
      </c>
      <c r="K12" s="17">
        <v>75</v>
      </c>
      <c r="L12" s="51">
        <v>31</v>
      </c>
      <c r="M12" s="52">
        <v>44</v>
      </c>
    </row>
    <row r="13" spans="1:13">
      <c r="A13" s="20" t="s">
        <v>20</v>
      </c>
      <c r="B13" s="21">
        <v>0</v>
      </c>
      <c r="C13" s="22">
        <v>-1</v>
      </c>
      <c r="D13" s="22">
        <v>1</v>
      </c>
      <c r="E13" s="21">
        <v>0</v>
      </c>
      <c r="F13" s="22">
        <v>0</v>
      </c>
      <c r="G13" s="23">
        <v>0</v>
      </c>
      <c r="H13" s="22">
        <v>16</v>
      </c>
      <c r="I13" s="22">
        <v>5</v>
      </c>
      <c r="J13" s="22">
        <v>11</v>
      </c>
      <c r="K13" s="21">
        <v>16</v>
      </c>
      <c r="L13" s="53">
        <v>6</v>
      </c>
      <c r="M13" s="54">
        <v>10</v>
      </c>
    </row>
    <row r="14" spans="1:13">
      <c r="A14" s="20" t="s">
        <v>21</v>
      </c>
      <c r="B14" s="21">
        <v>-5</v>
      </c>
      <c r="C14" s="22">
        <v>-4</v>
      </c>
      <c r="D14" s="22">
        <v>-1</v>
      </c>
      <c r="E14" s="21">
        <v>0</v>
      </c>
      <c r="F14" s="22">
        <v>0</v>
      </c>
      <c r="G14" s="23">
        <v>0</v>
      </c>
      <c r="H14" s="22">
        <v>15</v>
      </c>
      <c r="I14" s="22">
        <v>6</v>
      </c>
      <c r="J14" s="22">
        <v>9</v>
      </c>
      <c r="K14" s="21">
        <v>20</v>
      </c>
      <c r="L14" s="53">
        <v>10</v>
      </c>
      <c r="M14" s="54">
        <v>10</v>
      </c>
    </row>
    <row r="15" spans="1:13">
      <c r="A15" s="20" t="s">
        <v>22</v>
      </c>
      <c r="B15" s="21">
        <v>6</v>
      </c>
      <c r="C15" s="22">
        <v>5</v>
      </c>
      <c r="D15" s="22">
        <v>1</v>
      </c>
      <c r="E15" s="21">
        <v>0</v>
      </c>
      <c r="F15" s="22">
        <v>0</v>
      </c>
      <c r="G15" s="23">
        <v>0</v>
      </c>
      <c r="H15" s="22">
        <v>12</v>
      </c>
      <c r="I15" s="22">
        <v>7</v>
      </c>
      <c r="J15" s="22">
        <v>5</v>
      </c>
      <c r="K15" s="21">
        <v>6</v>
      </c>
      <c r="L15" s="53">
        <v>2</v>
      </c>
      <c r="M15" s="54">
        <v>4</v>
      </c>
    </row>
    <row r="16" spans="1:13">
      <c r="A16" s="20" t="s">
        <v>23</v>
      </c>
      <c r="B16" s="21">
        <v>-2</v>
      </c>
      <c r="C16" s="22">
        <v>-1</v>
      </c>
      <c r="D16" s="22">
        <v>-1</v>
      </c>
      <c r="E16" s="21">
        <v>0</v>
      </c>
      <c r="F16" s="22">
        <v>0</v>
      </c>
      <c r="G16" s="23">
        <v>0</v>
      </c>
      <c r="H16" s="22">
        <v>15</v>
      </c>
      <c r="I16" s="22">
        <v>7</v>
      </c>
      <c r="J16" s="22">
        <v>8</v>
      </c>
      <c r="K16" s="21">
        <v>17</v>
      </c>
      <c r="L16" s="53">
        <v>8</v>
      </c>
      <c r="M16" s="54">
        <v>9</v>
      </c>
    </row>
    <row r="17" spans="1:13">
      <c r="A17" s="20" t="s">
        <v>24</v>
      </c>
      <c r="B17" s="21">
        <v>1</v>
      </c>
      <c r="C17" s="22">
        <v>-1</v>
      </c>
      <c r="D17" s="22">
        <v>2</v>
      </c>
      <c r="E17" s="21">
        <v>0</v>
      </c>
      <c r="F17" s="22">
        <v>0</v>
      </c>
      <c r="G17" s="23">
        <v>0</v>
      </c>
      <c r="H17" s="22">
        <v>17</v>
      </c>
      <c r="I17" s="22">
        <v>4</v>
      </c>
      <c r="J17" s="22">
        <v>13</v>
      </c>
      <c r="K17" s="21">
        <v>16</v>
      </c>
      <c r="L17" s="53">
        <v>5</v>
      </c>
      <c r="M17" s="54">
        <v>11</v>
      </c>
    </row>
    <row r="18" spans="1:13" ht="20.100000000000001" customHeight="1">
      <c r="A18" s="16" t="s">
        <v>25</v>
      </c>
      <c r="B18" s="17">
        <v>-1</v>
      </c>
      <c r="C18" s="18">
        <v>-2</v>
      </c>
      <c r="D18" s="18">
        <v>1</v>
      </c>
      <c r="E18" s="17">
        <v>0</v>
      </c>
      <c r="F18" s="18">
        <v>0</v>
      </c>
      <c r="G18" s="19">
        <v>0</v>
      </c>
      <c r="H18" s="18">
        <v>33</v>
      </c>
      <c r="I18" s="18">
        <v>18</v>
      </c>
      <c r="J18" s="18">
        <v>15</v>
      </c>
      <c r="K18" s="17">
        <v>34</v>
      </c>
      <c r="L18" s="51">
        <v>20</v>
      </c>
      <c r="M18" s="52">
        <v>14</v>
      </c>
    </row>
    <row r="19" spans="1:13">
      <c r="A19" s="20" t="s">
        <v>26</v>
      </c>
      <c r="B19" s="21">
        <v>-3</v>
      </c>
      <c r="C19" s="22">
        <v>-2</v>
      </c>
      <c r="D19" s="22">
        <v>-1</v>
      </c>
      <c r="E19" s="21">
        <v>0</v>
      </c>
      <c r="F19" s="22">
        <v>0</v>
      </c>
      <c r="G19" s="23">
        <v>0</v>
      </c>
      <c r="H19" s="22">
        <v>7</v>
      </c>
      <c r="I19" s="22">
        <v>3</v>
      </c>
      <c r="J19" s="22">
        <v>4</v>
      </c>
      <c r="K19" s="21">
        <v>10</v>
      </c>
      <c r="L19" s="53">
        <v>5</v>
      </c>
      <c r="M19" s="54">
        <v>5</v>
      </c>
    </row>
    <row r="20" spans="1:13">
      <c r="A20" s="20" t="s">
        <v>27</v>
      </c>
      <c r="B20" s="21">
        <v>7</v>
      </c>
      <c r="C20" s="22">
        <v>5</v>
      </c>
      <c r="D20" s="22">
        <v>2</v>
      </c>
      <c r="E20" s="21">
        <v>0</v>
      </c>
      <c r="F20" s="22">
        <v>0</v>
      </c>
      <c r="G20" s="23">
        <v>0</v>
      </c>
      <c r="H20" s="22">
        <v>11</v>
      </c>
      <c r="I20" s="22">
        <v>6</v>
      </c>
      <c r="J20" s="22">
        <v>5</v>
      </c>
      <c r="K20" s="21">
        <v>4</v>
      </c>
      <c r="L20" s="53">
        <v>1</v>
      </c>
      <c r="M20" s="54">
        <v>3</v>
      </c>
    </row>
    <row r="21" spans="1:13">
      <c r="A21" s="20" t="s">
        <v>28</v>
      </c>
      <c r="B21" s="21">
        <v>-2</v>
      </c>
      <c r="C21" s="22">
        <v>0</v>
      </c>
      <c r="D21" s="22">
        <v>-2</v>
      </c>
      <c r="E21" s="21">
        <v>0</v>
      </c>
      <c r="F21" s="22">
        <v>0</v>
      </c>
      <c r="G21" s="23">
        <v>0</v>
      </c>
      <c r="H21" s="22">
        <v>8</v>
      </c>
      <c r="I21" s="22">
        <v>7</v>
      </c>
      <c r="J21" s="22">
        <v>1</v>
      </c>
      <c r="K21" s="21">
        <v>10</v>
      </c>
      <c r="L21" s="53">
        <v>7</v>
      </c>
      <c r="M21" s="54">
        <v>3</v>
      </c>
    </row>
    <row r="22" spans="1:13">
      <c r="A22" s="20" t="s">
        <v>29</v>
      </c>
      <c r="B22" s="21">
        <v>1</v>
      </c>
      <c r="C22" s="22">
        <v>0</v>
      </c>
      <c r="D22" s="22">
        <v>1</v>
      </c>
      <c r="E22" s="21">
        <v>0</v>
      </c>
      <c r="F22" s="22">
        <v>0</v>
      </c>
      <c r="G22" s="23">
        <v>0</v>
      </c>
      <c r="H22" s="22">
        <v>4</v>
      </c>
      <c r="I22" s="22">
        <v>2</v>
      </c>
      <c r="J22" s="22">
        <v>2</v>
      </c>
      <c r="K22" s="21">
        <v>3</v>
      </c>
      <c r="L22" s="53">
        <v>2</v>
      </c>
      <c r="M22" s="54">
        <v>1</v>
      </c>
    </row>
    <row r="23" spans="1:13">
      <c r="A23" s="20" t="s">
        <v>30</v>
      </c>
      <c r="B23" s="21">
        <v>-4</v>
      </c>
      <c r="C23" s="22">
        <v>-5</v>
      </c>
      <c r="D23" s="22">
        <v>1</v>
      </c>
      <c r="E23" s="21">
        <v>0</v>
      </c>
      <c r="F23" s="22">
        <v>0</v>
      </c>
      <c r="G23" s="23">
        <v>0</v>
      </c>
      <c r="H23" s="22">
        <v>3</v>
      </c>
      <c r="I23" s="22">
        <v>0</v>
      </c>
      <c r="J23" s="22">
        <v>3</v>
      </c>
      <c r="K23" s="21">
        <v>7</v>
      </c>
      <c r="L23" s="53">
        <v>5</v>
      </c>
      <c r="M23" s="54">
        <v>2</v>
      </c>
    </row>
    <row r="24" spans="1:13" ht="20.100000000000001" customHeight="1">
      <c r="A24" s="16" t="s">
        <v>31</v>
      </c>
      <c r="B24" s="17">
        <v>8</v>
      </c>
      <c r="C24" s="18">
        <v>12</v>
      </c>
      <c r="D24" s="18">
        <v>-4</v>
      </c>
      <c r="E24" s="17">
        <v>0</v>
      </c>
      <c r="F24" s="18">
        <v>0</v>
      </c>
      <c r="G24" s="19">
        <v>0</v>
      </c>
      <c r="H24" s="18">
        <v>94</v>
      </c>
      <c r="I24" s="18">
        <v>52</v>
      </c>
      <c r="J24" s="18">
        <v>42</v>
      </c>
      <c r="K24" s="17">
        <v>86</v>
      </c>
      <c r="L24" s="51">
        <v>40</v>
      </c>
      <c r="M24" s="52">
        <v>46</v>
      </c>
    </row>
    <row r="25" spans="1:13">
      <c r="A25" s="20" t="s">
        <v>32</v>
      </c>
      <c r="B25" s="21">
        <v>-3</v>
      </c>
      <c r="C25" s="22">
        <v>-2</v>
      </c>
      <c r="D25" s="22">
        <v>-1</v>
      </c>
      <c r="E25" s="21">
        <v>0</v>
      </c>
      <c r="F25" s="22">
        <v>0</v>
      </c>
      <c r="G25" s="23">
        <v>0</v>
      </c>
      <c r="H25" s="22">
        <v>8</v>
      </c>
      <c r="I25" s="22">
        <v>3</v>
      </c>
      <c r="J25" s="22">
        <v>5</v>
      </c>
      <c r="K25" s="21">
        <v>11</v>
      </c>
      <c r="L25" s="53">
        <v>5</v>
      </c>
      <c r="M25" s="54">
        <v>6</v>
      </c>
    </row>
    <row r="26" spans="1:13">
      <c r="A26" s="20" t="s">
        <v>33</v>
      </c>
      <c r="B26" s="21">
        <v>1</v>
      </c>
      <c r="C26" s="22">
        <v>1</v>
      </c>
      <c r="D26" s="22">
        <v>0</v>
      </c>
      <c r="E26" s="21">
        <v>0</v>
      </c>
      <c r="F26" s="22">
        <v>0</v>
      </c>
      <c r="G26" s="23">
        <v>0</v>
      </c>
      <c r="H26" s="22">
        <v>10</v>
      </c>
      <c r="I26" s="22">
        <v>5</v>
      </c>
      <c r="J26" s="22">
        <v>5</v>
      </c>
      <c r="K26" s="21">
        <v>9</v>
      </c>
      <c r="L26" s="53">
        <v>4</v>
      </c>
      <c r="M26" s="54">
        <v>5</v>
      </c>
    </row>
    <row r="27" spans="1:13">
      <c r="A27" s="20" t="s">
        <v>34</v>
      </c>
      <c r="B27" s="21">
        <v>-1</v>
      </c>
      <c r="C27" s="22">
        <v>1</v>
      </c>
      <c r="D27" s="22">
        <v>-2</v>
      </c>
      <c r="E27" s="21">
        <v>0</v>
      </c>
      <c r="F27" s="22">
        <v>0</v>
      </c>
      <c r="G27" s="23">
        <v>0</v>
      </c>
      <c r="H27" s="22">
        <v>7</v>
      </c>
      <c r="I27" s="22">
        <v>3</v>
      </c>
      <c r="J27" s="22">
        <v>4</v>
      </c>
      <c r="K27" s="21">
        <v>8</v>
      </c>
      <c r="L27" s="53">
        <v>2</v>
      </c>
      <c r="M27" s="54">
        <v>6</v>
      </c>
    </row>
    <row r="28" spans="1:13">
      <c r="A28" s="20" t="s">
        <v>35</v>
      </c>
      <c r="B28" s="21">
        <v>13</v>
      </c>
      <c r="C28" s="22">
        <v>11</v>
      </c>
      <c r="D28" s="22">
        <v>2</v>
      </c>
      <c r="E28" s="21">
        <v>0</v>
      </c>
      <c r="F28" s="22">
        <v>0</v>
      </c>
      <c r="G28" s="23">
        <v>0</v>
      </c>
      <c r="H28" s="22">
        <v>42</v>
      </c>
      <c r="I28" s="22">
        <v>28</v>
      </c>
      <c r="J28" s="22">
        <v>14</v>
      </c>
      <c r="K28" s="21">
        <v>29</v>
      </c>
      <c r="L28" s="53">
        <v>17</v>
      </c>
      <c r="M28" s="54">
        <v>12</v>
      </c>
    </row>
    <row r="29" spans="1:13">
      <c r="A29" s="20" t="s">
        <v>36</v>
      </c>
      <c r="B29" s="21">
        <v>-2</v>
      </c>
      <c r="C29" s="22">
        <v>1</v>
      </c>
      <c r="D29" s="22">
        <v>-3</v>
      </c>
      <c r="E29" s="21">
        <v>0</v>
      </c>
      <c r="F29" s="22">
        <v>0</v>
      </c>
      <c r="G29" s="23">
        <v>0</v>
      </c>
      <c r="H29" s="22">
        <v>27</v>
      </c>
      <c r="I29" s="22">
        <v>13</v>
      </c>
      <c r="J29" s="22">
        <v>14</v>
      </c>
      <c r="K29" s="21">
        <v>29</v>
      </c>
      <c r="L29" s="53">
        <v>12</v>
      </c>
      <c r="M29" s="54">
        <v>17</v>
      </c>
    </row>
    <row r="30" spans="1:13" ht="20.100000000000001" customHeight="1">
      <c r="A30" s="16" t="s">
        <v>37</v>
      </c>
      <c r="B30" s="17">
        <v>-7</v>
      </c>
      <c r="C30" s="18">
        <v>13</v>
      </c>
      <c r="D30" s="18">
        <v>-20</v>
      </c>
      <c r="E30" s="17">
        <v>0</v>
      </c>
      <c r="F30" s="18">
        <v>0</v>
      </c>
      <c r="G30" s="19">
        <v>0</v>
      </c>
      <c r="H30" s="18">
        <v>317</v>
      </c>
      <c r="I30" s="18">
        <v>179</v>
      </c>
      <c r="J30" s="18">
        <v>138</v>
      </c>
      <c r="K30" s="17">
        <v>324</v>
      </c>
      <c r="L30" s="51">
        <v>166</v>
      </c>
      <c r="M30" s="52">
        <v>158</v>
      </c>
    </row>
    <row r="31" spans="1:13">
      <c r="A31" s="20" t="s">
        <v>38</v>
      </c>
      <c r="B31" s="21">
        <v>-2</v>
      </c>
      <c r="C31" s="22">
        <v>-3</v>
      </c>
      <c r="D31" s="22">
        <v>1</v>
      </c>
      <c r="E31" s="21">
        <v>0</v>
      </c>
      <c r="F31" s="22">
        <v>0</v>
      </c>
      <c r="G31" s="23">
        <v>0</v>
      </c>
      <c r="H31" s="22">
        <v>46</v>
      </c>
      <c r="I31" s="22">
        <v>20</v>
      </c>
      <c r="J31" s="22">
        <v>26</v>
      </c>
      <c r="K31" s="21">
        <v>48</v>
      </c>
      <c r="L31" s="53">
        <v>23</v>
      </c>
      <c r="M31" s="54">
        <v>25</v>
      </c>
    </row>
    <row r="32" spans="1:13">
      <c r="A32" s="20" t="s">
        <v>39</v>
      </c>
      <c r="B32" s="21">
        <v>3</v>
      </c>
      <c r="C32" s="22">
        <v>5</v>
      </c>
      <c r="D32" s="22">
        <v>-2</v>
      </c>
      <c r="E32" s="21">
        <v>0</v>
      </c>
      <c r="F32" s="22">
        <v>0</v>
      </c>
      <c r="G32" s="23">
        <v>0</v>
      </c>
      <c r="H32" s="22">
        <v>47</v>
      </c>
      <c r="I32" s="22">
        <v>22</v>
      </c>
      <c r="J32" s="22">
        <v>25</v>
      </c>
      <c r="K32" s="21">
        <v>44</v>
      </c>
      <c r="L32" s="53">
        <v>17</v>
      </c>
      <c r="M32" s="54">
        <v>27</v>
      </c>
    </row>
    <row r="33" spans="1:13">
      <c r="A33" s="20" t="s">
        <v>40</v>
      </c>
      <c r="B33" s="21">
        <v>-16</v>
      </c>
      <c r="C33" s="22">
        <v>-2</v>
      </c>
      <c r="D33" s="22">
        <v>-14</v>
      </c>
      <c r="E33" s="21">
        <v>0</v>
      </c>
      <c r="F33" s="22">
        <v>0</v>
      </c>
      <c r="G33" s="23">
        <v>0</v>
      </c>
      <c r="H33" s="22">
        <v>66</v>
      </c>
      <c r="I33" s="22">
        <v>38</v>
      </c>
      <c r="J33" s="22">
        <v>28</v>
      </c>
      <c r="K33" s="21">
        <v>82</v>
      </c>
      <c r="L33" s="53">
        <v>40</v>
      </c>
      <c r="M33" s="54">
        <v>42</v>
      </c>
    </row>
    <row r="34" spans="1:13">
      <c r="A34" s="20" t="s">
        <v>41</v>
      </c>
      <c r="B34" s="21">
        <v>-10</v>
      </c>
      <c r="C34" s="22">
        <v>0</v>
      </c>
      <c r="D34" s="22">
        <v>-10</v>
      </c>
      <c r="E34" s="21">
        <v>0</v>
      </c>
      <c r="F34" s="22">
        <v>0</v>
      </c>
      <c r="G34" s="23">
        <v>0</v>
      </c>
      <c r="H34" s="22">
        <v>64</v>
      </c>
      <c r="I34" s="22">
        <v>41</v>
      </c>
      <c r="J34" s="22">
        <v>23</v>
      </c>
      <c r="K34" s="21">
        <v>74</v>
      </c>
      <c r="L34" s="53">
        <v>41</v>
      </c>
      <c r="M34" s="54">
        <v>33</v>
      </c>
    </row>
    <row r="35" spans="1:13">
      <c r="A35" s="20" t="s">
        <v>42</v>
      </c>
      <c r="B35" s="21">
        <v>18</v>
      </c>
      <c r="C35" s="22">
        <v>13</v>
      </c>
      <c r="D35" s="22">
        <v>5</v>
      </c>
      <c r="E35" s="21">
        <v>0</v>
      </c>
      <c r="F35" s="22">
        <v>0</v>
      </c>
      <c r="G35" s="23">
        <v>0</v>
      </c>
      <c r="H35" s="22">
        <v>94</v>
      </c>
      <c r="I35" s="22">
        <v>58</v>
      </c>
      <c r="J35" s="22">
        <v>36</v>
      </c>
      <c r="K35" s="21">
        <v>76</v>
      </c>
      <c r="L35" s="53">
        <v>45</v>
      </c>
      <c r="M35" s="54">
        <v>31</v>
      </c>
    </row>
    <row r="36" spans="1:13" ht="20.100000000000001" customHeight="1">
      <c r="A36" s="16" t="s">
        <v>43</v>
      </c>
      <c r="B36" s="17">
        <v>37</v>
      </c>
      <c r="C36" s="18">
        <v>15</v>
      </c>
      <c r="D36" s="18">
        <v>22</v>
      </c>
      <c r="E36" s="17">
        <v>1</v>
      </c>
      <c r="F36" s="18">
        <v>1</v>
      </c>
      <c r="G36" s="19">
        <v>0</v>
      </c>
      <c r="H36" s="18">
        <v>403</v>
      </c>
      <c r="I36" s="18">
        <v>217</v>
      </c>
      <c r="J36" s="18">
        <v>186</v>
      </c>
      <c r="K36" s="17">
        <v>365</v>
      </c>
      <c r="L36" s="51">
        <v>201</v>
      </c>
      <c r="M36" s="52">
        <v>164</v>
      </c>
    </row>
    <row r="37" spans="1:13">
      <c r="A37" s="20" t="s">
        <v>44</v>
      </c>
      <c r="B37" s="21">
        <v>18</v>
      </c>
      <c r="C37" s="22">
        <v>9</v>
      </c>
      <c r="D37" s="22">
        <v>9</v>
      </c>
      <c r="E37" s="21">
        <v>0</v>
      </c>
      <c r="F37" s="22">
        <v>0</v>
      </c>
      <c r="G37" s="23">
        <v>0</v>
      </c>
      <c r="H37" s="22">
        <v>94</v>
      </c>
      <c r="I37" s="22">
        <v>47</v>
      </c>
      <c r="J37" s="22">
        <v>47</v>
      </c>
      <c r="K37" s="21">
        <v>76</v>
      </c>
      <c r="L37" s="53">
        <v>38</v>
      </c>
      <c r="M37" s="54">
        <v>38</v>
      </c>
    </row>
    <row r="38" spans="1:13">
      <c r="A38" s="20" t="s">
        <v>45</v>
      </c>
      <c r="B38" s="21">
        <v>5</v>
      </c>
      <c r="C38" s="22">
        <v>5</v>
      </c>
      <c r="D38" s="22">
        <v>0</v>
      </c>
      <c r="E38" s="21">
        <v>0</v>
      </c>
      <c r="F38" s="22">
        <v>0</v>
      </c>
      <c r="G38" s="23">
        <v>0</v>
      </c>
      <c r="H38" s="22">
        <v>85</v>
      </c>
      <c r="I38" s="22">
        <v>53</v>
      </c>
      <c r="J38" s="22">
        <v>32</v>
      </c>
      <c r="K38" s="21">
        <v>80</v>
      </c>
      <c r="L38" s="53">
        <v>48</v>
      </c>
      <c r="M38" s="54">
        <v>32</v>
      </c>
    </row>
    <row r="39" spans="1:13">
      <c r="A39" s="20" t="s">
        <v>46</v>
      </c>
      <c r="B39" s="21">
        <v>7</v>
      </c>
      <c r="C39" s="22">
        <v>1</v>
      </c>
      <c r="D39" s="22">
        <v>6</v>
      </c>
      <c r="E39" s="21">
        <v>0</v>
      </c>
      <c r="F39" s="22">
        <v>0</v>
      </c>
      <c r="G39" s="23">
        <v>0</v>
      </c>
      <c r="H39" s="22">
        <v>79</v>
      </c>
      <c r="I39" s="22">
        <v>36</v>
      </c>
      <c r="J39" s="22">
        <v>43</v>
      </c>
      <c r="K39" s="21">
        <v>72</v>
      </c>
      <c r="L39" s="53">
        <v>35</v>
      </c>
      <c r="M39" s="54">
        <v>37</v>
      </c>
    </row>
    <row r="40" spans="1:13">
      <c r="A40" s="20" t="s">
        <v>47</v>
      </c>
      <c r="B40" s="21">
        <v>8</v>
      </c>
      <c r="C40" s="22">
        <v>3</v>
      </c>
      <c r="D40" s="22">
        <v>5</v>
      </c>
      <c r="E40" s="21">
        <v>1</v>
      </c>
      <c r="F40" s="22">
        <v>1</v>
      </c>
      <c r="G40" s="23">
        <v>0</v>
      </c>
      <c r="H40" s="22">
        <v>74</v>
      </c>
      <c r="I40" s="22">
        <v>40</v>
      </c>
      <c r="J40" s="22">
        <v>34</v>
      </c>
      <c r="K40" s="21">
        <v>65</v>
      </c>
      <c r="L40" s="53">
        <v>36</v>
      </c>
      <c r="M40" s="54">
        <v>29</v>
      </c>
    </row>
    <row r="41" spans="1:13">
      <c r="A41" s="20" t="s">
        <v>48</v>
      </c>
      <c r="B41" s="21">
        <v>-1</v>
      </c>
      <c r="C41" s="22">
        <v>-3</v>
      </c>
      <c r="D41" s="22">
        <v>2</v>
      </c>
      <c r="E41" s="21">
        <v>0</v>
      </c>
      <c r="F41" s="22">
        <v>0</v>
      </c>
      <c r="G41" s="23">
        <v>0</v>
      </c>
      <c r="H41" s="22">
        <v>71</v>
      </c>
      <c r="I41" s="22">
        <v>41</v>
      </c>
      <c r="J41" s="22">
        <v>30</v>
      </c>
      <c r="K41" s="21">
        <v>72</v>
      </c>
      <c r="L41" s="53">
        <v>44</v>
      </c>
      <c r="M41" s="54">
        <v>28</v>
      </c>
    </row>
    <row r="42" spans="1:13" ht="20.100000000000001" customHeight="1">
      <c r="A42" s="16" t="s">
        <v>49</v>
      </c>
      <c r="B42" s="17">
        <v>11</v>
      </c>
      <c r="C42" s="18">
        <v>1</v>
      </c>
      <c r="D42" s="18">
        <v>10</v>
      </c>
      <c r="E42" s="17">
        <v>2</v>
      </c>
      <c r="F42" s="18">
        <v>2</v>
      </c>
      <c r="G42" s="19">
        <v>0</v>
      </c>
      <c r="H42" s="18">
        <v>270</v>
      </c>
      <c r="I42" s="18">
        <v>153</v>
      </c>
      <c r="J42" s="18">
        <v>117</v>
      </c>
      <c r="K42" s="17">
        <v>257</v>
      </c>
      <c r="L42" s="51">
        <v>150</v>
      </c>
      <c r="M42" s="52">
        <v>107</v>
      </c>
    </row>
    <row r="43" spans="1:13">
      <c r="A43" s="20" t="s">
        <v>50</v>
      </c>
      <c r="B43" s="21">
        <v>0</v>
      </c>
      <c r="C43" s="22">
        <v>7</v>
      </c>
      <c r="D43" s="22">
        <v>-7</v>
      </c>
      <c r="E43" s="21">
        <v>0</v>
      </c>
      <c r="F43" s="22">
        <v>0</v>
      </c>
      <c r="G43" s="23">
        <v>0</v>
      </c>
      <c r="H43" s="22">
        <v>61</v>
      </c>
      <c r="I43" s="22">
        <v>38</v>
      </c>
      <c r="J43" s="22">
        <v>23</v>
      </c>
      <c r="K43" s="21">
        <v>61</v>
      </c>
      <c r="L43" s="53">
        <v>31</v>
      </c>
      <c r="M43" s="54">
        <v>30</v>
      </c>
    </row>
    <row r="44" spans="1:13">
      <c r="A44" s="20" t="s">
        <v>51</v>
      </c>
      <c r="B44" s="21">
        <v>-2</v>
      </c>
      <c r="C44" s="22">
        <v>-3</v>
      </c>
      <c r="D44" s="22">
        <v>1</v>
      </c>
      <c r="E44" s="21">
        <v>2</v>
      </c>
      <c r="F44" s="22">
        <v>2</v>
      </c>
      <c r="G44" s="23">
        <v>0</v>
      </c>
      <c r="H44" s="22">
        <v>60</v>
      </c>
      <c r="I44" s="22">
        <v>33</v>
      </c>
      <c r="J44" s="22">
        <v>27</v>
      </c>
      <c r="K44" s="21">
        <v>60</v>
      </c>
      <c r="L44" s="53">
        <v>34</v>
      </c>
      <c r="M44" s="54">
        <v>26</v>
      </c>
    </row>
    <row r="45" spans="1:13">
      <c r="A45" s="20" t="s">
        <v>52</v>
      </c>
      <c r="B45" s="21">
        <v>3</v>
      </c>
      <c r="C45" s="22">
        <v>-3</v>
      </c>
      <c r="D45" s="22">
        <v>6</v>
      </c>
      <c r="E45" s="21">
        <v>0</v>
      </c>
      <c r="F45" s="22">
        <v>0</v>
      </c>
      <c r="G45" s="23">
        <v>0</v>
      </c>
      <c r="H45" s="22">
        <v>58</v>
      </c>
      <c r="I45" s="22">
        <v>32</v>
      </c>
      <c r="J45" s="22">
        <v>26</v>
      </c>
      <c r="K45" s="21">
        <v>55</v>
      </c>
      <c r="L45" s="53">
        <v>35</v>
      </c>
      <c r="M45" s="54">
        <v>20</v>
      </c>
    </row>
    <row r="46" spans="1:13">
      <c r="A46" s="20" t="s">
        <v>53</v>
      </c>
      <c r="B46" s="21">
        <v>6</v>
      </c>
      <c r="C46" s="22">
        <v>-3</v>
      </c>
      <c r="D46" s="22">
        <v>9</v>
      </c>
      <c r="E46" s="21">
        <v>0</v>
      </c>
      <c r="F46" s="22">
        <v>0</v>
      </c>
      <c r="G46" s="23">
        <v>0</v>
      </c>
      <c r="H46" s="22">
        <v>52</v>
      </c>
      <c r="I46" s="22">
        <v>26</v>
      </c>
      <c r="J46" s="22">
        <v>26</v>
      </c>
      <c r="K46" s="21">
        <v>46</v>
      </c>
      <c r="L46" s="53">
        <v>29</v>
      </c>
      <c r="M46" s="54">
        <v>17</v>
      </c>
    </row>
    <row r="47" spans="1:13">
      <c r="A47" s="20" t="s">
        <v>54</v>
      </c>
      <c r="B47" s="21">
        <v>4</v>
      </c>
      <c r="C47" s="22">
        <v>3</v>
      </c>
      <c r="D47" s="22">
        <v>1</v>
      </c>
      <c r="E47" s="21">
        <v>0</v>
      </c>
      <c r="F47" s="22">
        <v>0</v>
      </c>
      <c r="G47" s="23">
        <v>0</v>
      </c>
      <c r="H47" s="22">
        <v>39</v>
      </c>
      <c r="I47" s="22">
        <v>24</v>
      </c>
      <c r="J47" s="22">
        <v>15</v>
      </c>
      <c r="K47" s="21">
        <v>35</v>
      </c>
      <c r="L47" s="53">
        <v>21</v>
      </c>
      <c r="M47" s="54">
        <v>14</v>
      </c>
    </row>
    <row r="48" spans="1:13" ht="20.100000000000001" customHeight="1">
      <c r="A48" s="16" t="s">
        <v>55</v>
      </c>
      <c r="B48" s="17">
        <v>42</v>
      </c>
      <c r="C48" s="18">
        <v>28</v>
      </c>
      <c r="D48" s="18">
        <v>14</v>
      </c>
      <c r="E48" s="17">
        <v>2</v>
      </c>
      <c r="F48" s="18">
        <v>2</v>
      </c>
      <c r="G48" s="19">
        <v>0</v>
      </c>
      <c r="H48" s="18">
        <v>217</v>
      </c>
      <c r="I48" s="18">
        <v>125</v>
      </c>
      <c r="J48" s="18">
        <v>92</v>
      </c>
      <c r="K48" s="17">
        <v>173</v>
      </c>
      <c r="L48" s="51">
        <v>95</v>
      </c>
      <c r="M48" s="52">
        <v>78</v>
      </c>
    </row>
    <row r="49" spans="1:13">
      <c r="A49" s="20" t="s">
        <v>56</v>
      </c>
      <c r="B49" s="21">
        <v>-4</v>
      </c>
      <c r="C49" s="22">
        <v>-2</v>
      </c>
      <c r="D49" s="22">
        <v>-2</v>
      </c>
      <c r="E49" s="21">
        <v>0</v>
      </c>
      <c r="F49" s="22">
        <v>0</v>
      </c>
      <c r="G49" s="23">
        <v>0</v>
      </c>
      <c r="H49" s="22">
        <v>38</v>
      </c>
      <c r="I49" s="22">
        <v>22</v>
      </c>
      <c r="J49" s="22">
        <v>16</v>
      </c>
      <c r="K49" s="21">
        <v>42</v>
      </c>
      <c r="L49" s="53">
        <v>24</v>
      </c>
      <c r="M49" s="54">
        <v>18</v>
      </c>
    </row>
    <row r="50" spans="1:13">
      <c r="A50" s="20" t="s">
        <v>57</v>
      </c>
      <c r="B50" s="21">
        <v>17</v>
      </c>
      <c r="C50" s="22">
        <v>13</v>
      </c>
      <c r="D50" s="22">
        <v>4</v>
      </c>
      <c r="E50" s="21">
        <v>0</v>
      </c>
      <c r="F50" s="22">
        <v>0</v>
      </c>
      <c r="G50" s="23">
        <v>0</v>
      </c>
      <c r="H50" s="22">
        <v>44</v>
      </c>
      <c r="I50" s="22">
        <v>24</v>
      </c>
      <c r="J50" s="22">
        <v>20</v>
      </c>
      <c r="K50" s="21">
        <v>27</v>
      </c>
      <c r="L50" s="53">
        <v>11</v>
      </c>
      <c r="M50" s="54">
        <v>16</v>
      </c>
    </row>
    <row r="51" spans="1:13">
      <c r="A51" s="20" t="s">
        <v>58</v>
      </c>
      <c r="B51" s="21">
        <v>16</v>
      </c>
      <c r="C51" s="22">
        <v>11</v>
      </c>
      <c r="D51" s="22">
        <v>5</v>
      </c>
      <c r="E51" s="21">
        <v>1</v>
      </c>
      <c r="F51" s="22">
        <v>1</v>
      </c>
      <c r="G51" s="23">
        <v>0</v>
      </c>
      <c r="H51" s="22">
        <v>52</v>
      </c>
      <c r="I51" s="22">
        <v>33</v>
      </c>
      <c r="J51" s="22">
        <v>19</v>
      </c>
      <c r="K51" s="21">
        <v>35</v>
      </c>
      <c r="L51" s="53">
        <v>21</v>
      </c>
      <c r="M51" s="54">
        <v>14</v>
      </c>
    </row>
    <row r="52" spans="1:13">
      <c r="A52" s="20" t="s">
        <v>59</v>
      </c>
      <c r="B52" s="21">
        <v>3</v>
      </c>
      <c r="C52" s="22">
        <v>-3</v>
      </c>
      <c r="D52" s="22">
        <v>6</v>
      </c>
      <c r="E52" s="21">
        <v>0</v>
      </c>
      <c r="F52" s="22">
        <v>0</v>
      </c>
      <c r="G52" s="23">
        <v>0</v>
      </c>
      <c r="H52" s="22">
        <v>40</v>
      </c>
      <c r="I52" s="22">
        <v>19</v>
      </c>
      <c r="J52" s="22">
        <v>21</v>
      </c>
      <c r="K52" s="21">
        <v>37</v>
      </c>
      <c r="L52" s="53">
        <v>22</v>
      </c>
      <c r="M52" s="54">
        <v>15</v>
      </c>
    </row>
    <row r="53" spans="1:13">
      <c r="A53" s="20" t="s">
        <v>60</v>
      </c>
      <c r="B53" s="21">
        <v>10</v>
      </c>
      <c r="C53" s="22">
        <v>9</v>
      </c>
      <c r="D53" s="22">
        <v>1</v>
      </c>
      <c r="E53" s="21">
        <v>1</v>
      </c>
      <c r="F53" s="22">
        <v>1</v>
      </c>
      <c r="G53" s="23">
        <v>0</v>
      </c>
      <c r="H53" s="22">
        <v>43</v>
      </c>
      <c r="I53" s="22">
        <v>27</v>
      </c>
      <c r="J53" s="22">
        <v>16</v>
      </c>
      <c r="K53" s="21">
        <v>32</v>
      </c>
      <c r="L53" s="53">
        <v>17</v>
      </c>
      <c r="M53" s="54">
        <v>15</v>
      </c>
    </row>
    <row r="54" spans="1:13" ht="20.100000000000001" customHeight="1">
      <c r="A54" s="16" t="s">
        <v>61</v>
      </c>
      <c r="B54" s="17">
        <v>4</v>
      </c>
      <c r="C54" s="18">
        <v>2</v>
      </c>
      <c r="D54" s="18">
        <v>2</v>
      </c>
      <c r="E54" s="17">
        <v>2</v>
      </c>
      <c r="F54" s="18">
        <v>1</v>
      </c>
      <c r="G54" s="19">
        <v>1</v>
      </c>
      <c r="H54" s="18">
        <v>135</v>
      </c>
      <c r="I54" s="18">
        <v>78</v>
      </c>
      <c r="J54" s="18">
        <v>57</v>
      </c>
      <c r="K54" s="17">
        <v>129</v>
      </c>
      <c r="L54" s="51">
        <v>75</v>
      </c>
      <c r="M54" s="52">
        <v>54</v>
      </c>
    </row>
    <row r="55" spans="1:13">
      <c r="A55" s="20" t="s">
        <v>62</v>
      </c>
      <c r="B55" s="21">
        <v>-3</v>
      </c>
      <c r="C55" s="22">
        <v>-4</v>
      </c>
      <c r="D55" s="22">
        <v>1</v>
      </c>
      <c r="E55" s="21">
        <v>0</v>
      </c>
      <c r="F55" s="22">
        <v>0</v>
      </c>
      <c r="G55" s="23">
        <v>0</v>
      </c>
      <c r="H55" s="22">
        <v>27</v>
      </c>
      <c r="I55" s="22">
        <v>14</v>
      </c>
      <c r="J55" s="22">
        <v>13</v>
      </c>
      <c r="K55" s="21">
        <v>30</v>
      </c>
      <c r="L55" s="53">
        <v>18</v>
      </c>
      <c r="M55" s="54">
        <v>12</v>
      </c>
    </row>
    <row r="56" spans="1:13">
      <c r="A56" s="20" t="s">
        <v>63</v>
      </c>
      <c r="B56" s="21">
        <v>0</v>
      </c>
      <c r="C56" s="22">
        <v>0</v>
      </c>
      <c r="D56" s="22">
        <v>0</v>
      </c>
      <c r="E56" s="21">
        <v>0</v>
      </c>
      <c r="F56" s="22">
        <v>0</v>
      </c>
      <c r="G56" s="23">
        <v>0</v>
      </c>
      <c r="H56" s="22">
        <v>28</v>
      </c>
      <c r="I56" s="22">
        <v>17</v>
      </c>
      <c r="J56" s="22">
        <v>11</v>
      </c>
      <c r="K56" s="21">
        <v>28</v>
      </c>
      <c r="L56" s="53">
        <v>17</v>
      </c>
      <c r="M56" s="54">
        <v>11</v>
      </c>
    </row>
    <row r="57" spans="1:13">
      <c r="A57" s="20" t="s">
        <v>64</v>
      </c>
      <c r="B57" s="21">
        <v>-5</v>
      </c>
      <c r="C57" s="22">
        <v>-4</v>
      </c>
      <c r="D57" s="22">
        <v>-1</v>
      </c>
      <c r="E57" s="21">
        <v>0</v>
      </c>
      <c r="F57" s="22">
        <v>0</v>
      </c>
      <c r="G57" s="23">
        <v>0</v>
      </c>
      <c r="H57" s="22">
        <v>29</v>
      </c>
      <c r="I57" s="22">
        <v>15</v>
      </c>
      <c r="J57" s="22">
        <v>14</v>
      </c>
      <c r="K57" s="21">
        <v>34</v>
      </c>
      <c r="L57" s="53">
        <v>19</v>
      </c>
      <c r="M57" s="54">
        <v>15</v>
      </c>
    </row>
    <row r="58" spans="1:13">
      <c r="A58" s="20" t="s">
        <v>65</v>
      </c>
      <c r="B58" s="21">
        <v>3</v>
      </c>
      <c r="C58" s="22">
        <v>5</v>
      </c>
      <c r="D58" s="22">
        <v>-2</v>
      </c>
      <c r="E58" s="21">
        <v>0</v>
      </c>
      <c r="F58" s="22">
        <v>0</v>
      </c>
      <c r="G58" s="23">
        <v>0</v>
      </c>
      <c r="H58" s="22">
        <v>24</v>
      </c>
      <c r="I58" s="22">
        <v>15</v>
      </c>
      <c r="J58" s="22">
        <v>9</v>
      </c>
      <c r="K58" s="21">
        <v>21</v>
      </c>
      <c r="L58" s="53">
        <v>10</v>
      </c>
      <c r="M58" s="54">
        <v>11</v>
      </c>
    </row>
    <row r="59" spans="1:13">
      <c r="A59" s="20" t="s">
        <v>66</v>
      </c>
      <c r="B59" s="21">
        <v>9</v>
      </c>
      <c r="C59" s="22">
        <v>5</v>
      </c>
      <c r="D59" s="22">
        <v>4</v>
      </c>
      <c r="E59" s="21">
        <v>2</v>
      </c>
      <c r="F59" s="22">
        <v>1</v>
      </c>
      <c r="G59" s="23">
        <v>1</v>
      </c>
      <c r="H59" s="22">
        <v>27</v>
      </c>
      <c r="I59" s="22">
        <v>17</v>
      </c>
      <c r="J59" s="22">
        <v>10</v>
      </c>
      <c r="K59" s="21">
        <v>16</v>
      </c>
      <c r="L59" s="53">
        <v>11</v>
      </c>
      <c r="M59" s="54">
        <v>5</v>
      </c>
    </row>
    <row r="60" spans="1:13" ht="20.100000000000001" customHeight="1">
      <c r="A60" s="16" t="s">
        <v>67</v>
      </c>
      <c r="B60" s="17">
        <v>10</v>
      </c>
      <c r="C60" s="18">
        <v>14</v>
      </c>
      <c r="D60" s="18">
        <v>-4</v>
      </c>
      <c r="E60" s="17">
        <v>6</v>
      </c>
      <c r="F60" s="18">
        <v>3</v>
      </c>
      <c r="G60" s="19">
        <v>3</v>
      </c>
      <c r="H60" s="18">
        <v>114</v>
      </c>
      <c r="I60" s="18">
        <v>70</v>
      </c>
      <c r="J60" s="18">
        <v>44</v>
      </c>
      <c r="K60" s="17">
        <v>98</v>
      </c>
      <c r="L60" s="51">
        <v>53</v>
      </c>
      <c r="M60" s="52">
        <v>45</v>
      </c>
    </row>
    <row r="61" spans="1:13">
      <c r="A61" s="20" t="s">
        <v>68</v>
      </c>
      <c r="B61" s="21">
        <v>0</v>
      </c>
      <c r="C61" s="22">
        <v>4</v>
      </c>
      <c r="D61" s="22">
        <v>-4</v>
      </c>
      <c r="E61" s="21">
        <v>1</v>
      </c>
      <c r="F61" s="22">
        <v>1</v>
      </c>
      <c r="G61" s="23">
        <v>0</v>
      </c>
      <c r="H61" s="22">
        <v>26</v>
      </c>
      <c r="I61" s="22">
        <v>19</v>
      </c>
      <c r="J61" s="22">
        <v>7</v>
      </c>
      <c r="K61" s="21">
        <v>25</v>
      </c>
      <c r="L61" s="53">
        <v>14</v>
      </c>
      <c r="M61" s="54">
        <v>11</v>
      </c>
    </row>
    <row r="62" spans="1:13">
      <c r="A62" s="20" t="s">
        <v>69</v>
      </c>
      <c r="B62" s="21">
        <v>3</v>
      </c>
      <c r="C62" s="22">
        <v>0</v>
      </c>
      <c r="D62" s="22">
        <v>3</v>
      </c>
      <c r="E62" s="21">
        <v>1</v>
      </c>
      <c r="F62" s="22">
        <v>0</v>
      </c>
      <c r="G62" s="23">
        <v>1</v>
      </c>
      <c r="H62" s="22">
        <v>24</v>
      </c>
      <c r="I62" s="22">
        <v>15</v>
      </c>
      <c r="J62" s="22">
        <v>9</v>
      </c>
      <c r="K62" s="21">
        <v>20</v>
      </c>
      <c r="L62" s="53">
        <v>15</v>
      </c>
      <c r="M62" s="54">
        <v>5</v>
      </c>
    </row>
    <row r="63" spans="1:13">
      <c r="A63" s="20" t="s">
        <v>70</v>
      </c>
      <c r="B63" s="21">
        <v>2</v>
      </c>
      <c r="C63" s="22">
        <v>1</v>
      </c>
      <c r="D63" s="22">
        <v>1</v>
      </c>
      <c r="E63" s="21">
        <v>1</v>
      </c>
      <c r="F63" s="22">
        <v>0</v>
      </c>
      <c r="G63" s="23">
        <v>1</v>
      </c>
      <c r="H63" s="22">
        <v>26</v>
      </c>
      <c r="I63" s="22">
        <v>13</v>
      </c>
      <c r="J63" s="22">
        <v>13</v>
      </c>
      <c r="K63" s="21">
        <v>23</v>
      </c>
      <c r="L63" s="53">
        <v>12</v>
      </c>
      <c r="M63" s="54">
        <v>11</v>
      </c>
    </row>
    <row r="64" spans="1:13">
      <c r="A64" s="20" t="s">
        <v>71</v>
      </c>
      <c r="B64" s="21">
        <v>2</v>
      </c>
      <c r="C64" s="22">
        <v>2</v>
      </c>
      <c r="D64" s="22">
        <v>0</v>
      </c>
      <c r="E64" s="21">
        <v>3</v>
      </c>
      <c r="F64" s="22">
        <v>2</v>
      </c>
      <c r="G64" s="23">
        <v>1</v>
      </c>
      <c r="H64" s="22">
        <v>22</v>
      </c>
      <c r="I64" s="22">
        <v>12</v>
      </c>
      <c r="J64" s="22">
        <v>10</v>
      </c>
      <c r="K64" s="21">
        <v>17</v>
      </c>
      <c r="L64" s="53">
        <v>8</v>
      </c>
      <c r="M64" s="54">
        <v>9</v>
      </c>
    </row>
    <row r="65" spans="1:13">
      <c r="A65" s="24" t="s">
        <v>72</v>
      </c>
      <c r="B65" s="25">
        <v>3</v>
      </c>
      <c r="C65" s="26">
        <v>7</v>
      </c>
      <c r="D65" s="26">
        <v>-4</v>
      </c>
      <c r="E65" s="25">
        <v>0</v>
      </c>
      <c r="F65" s="26">
        <v>0</v>
      </c>
      <c r="G65" s="27">
        <v>0</v>
      </c>
      <c r="H65" s="26">
        <v>16</v>
      </c>
      <c r="I65" s="26">
        <v>11</v>
      </c>
      <c r="J65" s="26">
        <v>5</v>
      </c>
      <c r="K65" s="25">
        <v>13</v>
      </c>
      <c r="L65" s="55">
        <v>4</v>
      </c>
      <c r="M65" s="56">
        <v>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63</v>
      </c>
      <c r="C69" s="58">
        <v>185</v>
      </c>
      <c r="D69" s="59">
        <v>17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63</v>
      </c>
      <c r="C70" s="61">
        <v>185</v>
      </c>
      <c r="D70" s="62">
        <v>178</v>
      </c>
    </row>
    <row r="71" spans="1:13">
      <c r="A71" s="24" t="s">
        <v>14</v>
      </c>
      <c r="B71" s="63">
        <v>363</v>
      </c>
      <c r="C71" s="64">
        <v>185</v>
      </c>
      <c r="D71" s="65">
        <v>178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0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3</v>
      </c>
      <c r="C77" s="18">
        <v>8</v>
      </c>
      <c r="D77" s="18">
        <v>-11</v>
      </c>
      <c r="E77" s="17">
        <v>7</v>
      </c>
      <c r="F77" s="18">
        <v>7</v>
      </c>
      <c r="G77" s="19">
        <v>0</v>
      </c>
      <c r="H77" s="18">
        <v>78</v>
      </c>
      <c r="I77" s="18">
        <v>56</v>
      </c>
      <c r="J77" s="18">
        <v>22</v>
      </c>
      <c r="K77" s="17">
        <v>74</v>
      </c>
      <c r="L77" s="51">
        <v>41</v>
      </c>
      <c r="M77" s="52">
        <v>33</v>
      </c>
    </row>
    <row r="78" spans="1:13">
      <c r="A78" s="40" t="s">
        <v>81</v>
      </c>
      <c r="B78" s="21">
        <v>0</v>
      </c>
      <c r="C78" s="22">
        <v>1</v>
      </c>
      <c r="D78" s="22">
        <v>-1</v>
      </c>
      <c r="E78" s="21">
        <v>0</v>
      </c>
      <c r="F78" s="22">
        <v>0</v>
      </c>
      <c r="G78" s="23">
        <v>0</v>
      </c>
      <c r="H78" s="22">
        <v>19</v>
      </c>
      <c r="I78" s="22">
        <v>12</v>
      </c>
      <c r="J78" s="22">
        <v>7</v>
      </c>
      <c r="K78" s="21">
        <v>19</v>
      </c>
      <c r="L78" s="53">
        <v>11</v>
      </c>
      <c r="M78" s="54">
        <v>8</v>
      </c>
    </row>
    <row r="79" spans="1:13">
      <c r="A79" s="40" t="s">
        <v>82</v>
      </c>
      <c r="B79" s="21">
        <v>6</v>
      </c>
      <c r="C79" s="22">
        <v>3</v>
      </c>
      <c r="D79" s="22">
        <v>3</v>
      </c>
      <c r="E79" s="21">
        <v>1</v>
      </c>
      <c r="F79" s="22">
        <v>1</v>
      </c>
      <c r="G79" s="23">
        <v>0</v>
      </c>
      <c r="H79" s="22">
        <v>22</v>
      </c>
      <c r="I79" s="22">
        <v>15</v>
      </c>
      <c r="J79" s="22">
        <v>7</v>
      </c>
      <c r="K79" s="21">
        <v>15</v>
      </c>
      <c r="L79" s="53">
        <v>11</v>
      </c>
      <c r="M79" s="54">
        <v>4</v>
      </c>
    </row>
    <row r="80" spans="1:13">
      <c r="A80" s="40" t="s">
        <v>83</v>
      </c>
      <c r="B80" s="21">
        <v>-3</v>
      </c>
      <c r="C80" s="22">
        <v>7</v>
      </c>
      <c r="D80" s="22">
        <v>-10</v>
      </c>
      <c r="E80" s="21">
        <v>2</v>
      </c>
      <c r="F80" s="22">
        <v>2</v>
      </c>
      <c r="G80" s="23">
        <v>0</v>
      </c>
      <c r="H80" s="22">
        <v>15</v>
      </c>
      <c r="I80" s="22">
        <v>15</v>
      </c>
      <c r="J80" s="22">
        <v>0</v>
      </c>
      <c r="K80" s="21">
        <v>16</v>
      </c>
      <c r="L80" s="53">
        <v>6</v>
      </c>
      <c r="M80" s="54">
        <v>10</v>
      </c>
    </row>
    <row r="81" spans="1:13">
      <c r="A81" s="40" t="s">
        <v>84</v>
      </c>
      <c r="B81" s="21">
        <v>-5</v>
      </c>
      <c r="C81" s="22">
        <v>1</v>
      </c>
      <c r="D81" s="22">
        <v>-6</v>
      </c>
      <c r="E81" s="21">
        <v>2</v>
      </c>
      <c r="F81" s="22">
        <v>2</v>
      </c>
      <c r="G81" s="23">
        <v>0</v>
      </c>
      <c r="H81" s="22">
        <v>13</v>
      </c>
      <c r="I81" s="22">
        <v>10</v>
      </c>
      <c r="J81" s="22">
        <v>3</v>
      </c>
      <c r="K81" s="21">
        <v>16</v>
      </c>
      <c r="L81" s="53">
        <v>7</v>
      </c>
      <c r="M81" s="54">
        <v>9</v>
      </c>
    </row>
    <row r="82" spans="1:13">
      <c r="A82" s="40" t="s">
        <v>85</v>
      </c>
      <c r="B82" s="21">
        <v>-1</v>
      </c>
      <c r="C82" s="22">
        <v>-4</v>
      </c>
      <c r="D82" s="22">
        <v>3</v>
      </c>
      <c r="E82" s="21">
        <v>2</v>
      </c>
      <c r="F82" s="22">
        <v>2</v>
      </c>
      <c r="G82" s="23">
        <v>0</v>
      </c>
      <c r="H82" s="22">
        <v>9</v>
      </c>
      <c r="I82" s="22">
        <v>4</v>
      </c>
      <c r="J82" s="22">
        <v>5</v>
      </c>
      <c r="K82" s="21">
        <v>8</v>
      </c>
      <c r="L82" s="53">
        <v>6</v>
      </c>
      <c r="M82" s="54">
        <v>2</v>
      </c>
    </row>
    <row r="83" spans="1:13" ht="19.5" customHeight="1">
      <c r="A83" s="34" t="s">
        <v>86</v>
      </c>
      <c r="B83" s="17">
        <v>10</v>
      </c>
      <c r="C83" s="18">
        <v>10</v>
      </c>
      <c r="D83" s="18">
        <v>0</v>
      </c>
      <c r="E83" s="17">
        <v>5</v>
      </c>
      <c r="F83" s="18">
        <v>2</v>
      </c>
      <c r="G83" s="19">
        <v>3</v>
      </c>
      <c r="H83" s="18">
        <v>57</v>
      </c>
      <c r="I83" s="18">
        <v>35</v>
      </c>
      <c r="J83" s="18">
        <v>22</v>
      </c>
      <c r="K83" s="17">
        <v>42</v>
      </c>
      <c r="L83" s="51">
        <v>23</v>
      </c>
      <c r="M83" s="52">
        <v>19</v>
      </c>
    </row>
    <row r="84" spans="1:13">
      <c r="A84" s="40" t="s">
        <v>87</v>
      </c>
      <c r="B84" s="21">
        <v>1</v>
      </c>
      <c r="C84" s="22">
        <v>3</v>
      </c>
      <c r="D84" s="22">
        <v>-2</v>
      </c>
      <c r="E84" s="21">
        <v>1</v>
      </c>
      <c r="F84" s="22">
        <v>0</v>
      </c>
      <c r="G84" s="23">
        <v>1</v>
      </c>
      <c r="H84" s="22">
        <v>15</v>
      </c>
      <c r="I84" s="22">
        <v>11</v>
      </c>
      <c r="J84" s="22">
        <v>4</v>
      </c>
      <c r="K84" s="21">
        <v>13</v>
      </c>
      <c r="L84" s="53">
        <v>8</v>
      </c>
      <c r="M84" s="54">
        <v>5</v>
      </c>
    </row>
    <row r="85" spans="1:13">
      <c r="A85" s="40" t="s">
        <v>88</v>
      </c>
      <c r="B85" s="21">
        <v>7</v>
      </c>
      <c r="C85" s="22">
        <v>3</v>
      </c>
      <c r="D85" s="22">
        <v>4</v>
      </c>
      <c r="E85" s="21">
        <v>0</v>
      </c>
      <c r="F85" s="22">
        <v>0</v>
      </c>
      <c r="G85" s="23">
        <v>0</v>
      </c>
      <c r="H85" s="22">
        <v>14</v>
      </c>
      <c r="I85" s="22">
        <v>7</v>
      </c>
      <c r="J85" s="22">
        <v>7</v>
      </c>
      <c r="K85" s="21">
        <v>7</v>
      </c>
      <c r="L85" s="53">
        <v>4</v>
      </c>
      <c r="M85" s="54">
        <v>3</v>
      </c>
    </row>
    <row r="86" spans="1:13">
      <c r="A86" s="40" t="s">
        <v>89</v>
      </c>
      <c r="B86" s="21">
        <v>5</v>
      </c>
      <c r="C86" s="22">
        <v>3</v>
      </c>
      <c r="D86" s="22">
        <v>2</v>
      </c>
      <c r="E86" s="21">
        <v>1</v>
      </c>
      <c r="F86" s="22">
        <v>1</v>
      </c>
      <c r="G86" s="23">
        <v>0</v>
      </c>
      <c r="H86" s="22">
        <v>10</v>
      </c>
      <c r="I86" s="22">
        <v>6</v>
      </c>
      <c r="J86" s="22">
        <v>4</v>
      </c>
      <c r="K86" s="21">
        <v>4</v>
      </c>
      <c r="L86" s="53">
        <v>2</v>
      </c>
      <c r="M86" s="54">
        <v>2</v>
      </c>
    </row>
    <row r="87" spans="1:13">
      <c r="A87" s="40" t="s">
        <v>90</v>
      </c>
      <c r="B87" s="21">
        <v>-4</v>
      </c>
      <c r="C87" s="22">
        <v>-1</v>
      </c>
      <c r="D87" s="22">
        <v>-3</v>
      </c>
      <c r="E87" s="21">
        <v>1</v>
      </c>
      <c r="F87" s="22">
        <v>1</v>
      </c>
      <c r="G87" s="23">
        <v>0</v>
      </c>
      <c r="H87" s="22">
        <v>7</v>
      </c>
      <c r="I87" s="22">
        <v>5</v>
      </c>
      <c r="J87" s="22">
        <v>2</v>
      </c>
      <c r="K87" s="21">
        <v>10</v>
      </c>
      <c r="L87" s="53">
        <v>5</v>
      </c>
      <c r="M87" s="54">
        <v>5</v>
      </c>
    </row>
    <row r="88" spans="1:13">
      <c r="A88" s="40" t="s">
        <v>91</v>
      </c>
      <c r="B88" s="21">
        <v>1</v>
      </c>
      <c r="C88" s="22">
        <v>2</v>
      </c>
      <c r="D88" s="22">
        <v>-1</v>
      </c>
      <c r="E88" s="21">
        <v>2</v>
      </c>
      <c r="F88" s="22">
        <v>0</v>
      </c>
      <c r="G88" s="23">
        <v>2</v>
      </c>
      <c r="H88" s="22">
        <v>11</v>
      </c>
      <c r="I88" s="22">
        <v>6</v>
      </c>
      <c r="J88" s="22">
        <v>5</v>
      </c>
      <c r="K88" s="21">
        <v>8</v>
      </c>
      <c r="L88" s="53">
        <v>4</v>
      </c>
      <c r="M88" s="54">
        <v>4</v>
      </c>
    </row>
    <row r="89" spans="1:13" ht="19.5" customHeight="1">
      <c r="A89" s="34" t="s">
        <v>92</v>
      </c>
      <c r="B89" s="17">
        <v>-13</v>
      </c>
      <c r="C89" s="18">
        <v>-8</v>
      </c>
      <c r="D89" s="18">
        <v>-5</v>
      </c>
      <c r="E89" s="17">
        <v>13</v>
      </c>
      <c r="F89" s="18">
        <v>9</v>
      </c>
      <c r="G89" s="19">
        <v>4</v>
      </c>
      <c r="H89" s="18">
        <v>44</v>
      </c>
      <c r="I89" s="18">
        <v>24</v>
      </c>
      <c r="J89" s="18">
        <v>20</v>
      </c>
      <c r="K89" s="17">
        <v>44</v>
      </c>
      <c r="L89" s="51">
        <v>23</v>
      </c>
      <c r="M89" s="52">
        <v>21</v>
      </c>
    </row>
    <row r="90" spans="1:13">
      <c r="A90" s="40" t="s">
        <v>93</v>
      </c>
      <c r="B90" s="21">
        <v>-3</v>
      </c>
      <c r="C90" s="22">
        <v>-3</v>
      </c>
      <c r="D90" s="22">
        <v>0</v>
      </c>
      <c r="E90" s="21">
        <v>2</v>
      </c>
      <c r="F90" s="22">
        <v>2</v>
      </c>
      <c r="G90" s="23">
        <v>0</v>
      </c>
      <c r="H90" s="22">
        <v>13</v>
      </c>
      <c r="I90" s="22">
        <v>6</v>
      </c>
      <c r="J90" s="22">
        <v>7</v>
      </c>
      <c r="K90" s="21">
        <v>14</v>
      </c>
      <c r="L90" s="53">
        <v>7</v>
      </c>
      <c r="M90" s="54">
        <v>7</v>
      </c>
    </row>
    <row r="91" spans="1:13">
      <c r="A91" s="40" t="s">
        <v>94</v>
      </c>
      <c r="B91" s="21">
        <v>-2</v>
      </c>
      <c r="C91" s="22">
        <v>1</v>
      </c>
      <c r="D91" s="22">
        <v>-3</v>
      </c>
      <c r="E91" s="21">
        <v>4</v>
      </c>
      <c r="F91" s="22">
        <v>3</v>
      </c>
      <c r="G91" s="23">
        <v>1</v>
      </c>
      <c r="H91" s="22">
        <v>11</v>
      </c>
      <c r="I91" s="22">
        <v>8</v>
      </c>
      <c r="J91" s="22">
        <v>3</v>
      </c>
      <c r="K91" s="21">
        <v>9</v>
      </c>
      <c r="L91" s="53">
        <v>4</v>
      </c>
      <c r="M91" s="54">
        <v>5</v>
      </c>
    </row>
    <row r="92" spans="1:13">
      <c r="A92" s="40" t="s">
        <v>95</v>
      </c>
      <c r="B92" s="21">
        <v>0</v>
      </c>
      <c r="C92" s="22">
        <v>-2</v>
      </c>
      <c r="D92" s="22">
        <v>2</v>
      </c>
      <c r="E92" s="21">
        <v>2</v>
      </c>
      <c r="F92" s="22">
        <v>1</v>
      </c>
      <c r="G92" s="23">
        <v>1</v>
      </c>
      <c r="H92" s="22">
        <v>9</v>
      </c>
      <c r="I92" s="22">
        <v>3</v>
      </c>
      <c r="J92" s="22">
        <v>6</v>
      </c>
      <c r="K92" s="21">
        <v>7</v>
      </c>
      <c r="L92" s="53">
        <v>4</v>
      </c>
      <c r="M92" s="54">
        <v>3</v>
      </c>
    </row>
    <row r="93" spans="1:13">
      <c r="A93" s="40" t="s">
        <v>96</v>
      </c>
      <c r="B93" s="21">
        <v>-4</v>
      </c>
      <c r="C93" s="22">
        <v>-1</v>
      </c>
      <c r="D93" s="22">
        <v>-3</v>
      </c>
      <c r="E93" s="21">
        <v>3</v>
      </c>
      <c r="F93" s="22">
        <v>1</v>
      </c>
      <c r="G93" s="23">
        <v>2</v>
      </c>
      <c r="H93" s="22">
        <v>6</v>
      </c>
      <c r="I93" s="22">
        <v>4</v>
      </c>
      <c r="J93" s="22">
        <v>2</v>
      </c>
      <c r="K93" s="21">
        <v>7</v>
      </c>
      <c r="L93" s="53">
        <v>4</v>
      </c>
      <c r="M93" s="54">
        <v>3</v>
      </c>
    </row>
    <row r="94" spans="1:13">
      <c r="A94" s="40" t="s">
        <v>97</v>
      </c>
      <c r="B94" s="21">
        <v>-4</v>
      </c>
      <c r="C94" s="22">
        <v>-3</v>
      </c>
      <c r="D94" s="22">
        <v>-1</v>
      </c>
      <c r="E94" s="21">
        <v>2</v>
      </c>
      <c r="F94" s="22">
        <v>2</v>
      </c>
      <c r="G94" s="23">
        <v>0</v>
      </c>
      <c r="H94" s="22">
        <v>5</v>
      </c>
      <c r="I94" s="22">
        <v>3</v>
      </c>
      <c r="J94" s="22">
        <v>2</v>
      </c>
      <c r="K94" s="21">
        <v>7</v>
      </c>
      <c r="L94" s="53">
        <v>4</v>
      </c>
      <c r="M94" s="54">
        <v>3</v>
      </c>
    </row>
    <row r="95" spans="1:13" ht="19.5" customHeight="1">
      <c r="A95" s="34" t="s">
        <v>98</v>
      </c>
      <c r="B95" s="17">
        <v>-22</v>
      </c>
      <c r="C95" s="18">
        <v>-6</v>
      </c>
      <c r="D95" s="18">
        <v>-16</v>
      </c>
      <c r="E95" s="17">
        <v>25</v>
      </c>
      <c r="F95" s="18">
        <v>13</v>
      </c>
      <c r="G95" s="19">
        <v>12</v>
      </c>
      <c r="H95" s="18">
        <v>35</v>
      </c>
      <c r="I95" s="18">
        <v>24</v>
      </c>
      <c r="J95" s="18">
        <v>11</v>
      </c>
      <c r="K95" s="17">
        <v>32</v>
      </c>
      <c r="L95" s="51">
        <v>17</v>
      </c>
      <c r="M95" s="52">
        <v>15</v>
      </c>
    </row>
    <row r="96" spans="1:13">
      <c r="A96" s="40" t="s">
        <v>99</v>
      </c>
      <c r="B96" s="21">
        <v>1</v>
      </c>
      <c r="C96" s="22">
        <v>2</v>
      </c>
      <c r="D96" s="22">
        <v>-1</v>
      </c>
      <c r="E96" s="21">
        <v>3</v>
      </c>
      <c r="F96" s="22">
        <v>2</v>
      </c>
      <c r="G96" s="23">
        <v>1</v>
      </c>
      <c r="H96" s="22">
        <v>8</v>
      </c>
      <c r="I96" s="22">
        <v>6</v>
      </c>
      <c r="J96" s="22">
        <v>2</v>
      </c>
      <c r="K96" s="21">
        <v>4</v>
      </c>
      <c r="L96" s="53">
        <v>2</v>
      </c>
      <c r="M96" s="54">
        <v>2</v>
      </c>
    </row>
    <row r="97" spans="1:13">
      <c r="A97" s="40" t="s">
        <v>100</v>
      </c>
      <c r="B97" s="21">
        <v>-7</v>
      </c>
      <c r="C97" s="22">
        <v>-2</v>
      </c>
      <c r="D97" s="22">
        <v>-5</v>
      </c>
      <c r="E97" s="21">
        <v>5</v>
      </c>
      <c r="F97" s="22">
        <v>3</v>
      </c>
      <c r="G97" s="23">
        <v>2</v>
      </c>
      <c r="H97" s="22">
        <v>5</v>
      </c>
      <c r="I97" s="22">
        <v>5</v>
      </c>
      <c r="J97" s="22">
        <v>0</v>
      </c>
      <c r="K97" s="21">
        <v>7</v>
      </c>
      <c r="L97" s="53">
        <v>4</v>
      </c>
      <c r="M97" s="54">
        <v>3</v>
      </c>
    </row>
    <row r="98" spans="1:13">
      <c r="A98" s="40" t="s">
        <v>101</v>
      </c>
      <c r="B98" s="21">
        <v>-5</v>
      </c>
      <c r="C98" s="22">
        <v>-1</v>
      </c>
      <c r="D98" s="22">
        <v>-4</v>
      </c>
      <c r="E98" s="21">
        <v>6</v>
      </c>
      <c r="F98" s="22">
        <v>1</v>
      </c>
      <c r="G98" s="23">
        <v>5</v>
      </c>
      <c r="H98" s="22">
        <v>7</v>
      </c>
      <c r="I98" s="22">
        <v>4</v>
      </c>
      <c r="J98" s="22">
        <v>3</v>
      </c>
      <c r="K98" s="21">
        <v>6</v>
      </c>
      <c r="L98" s="53">
        <v>4</v>
      </c>
      <c r="M98" s="54">
        <v>2</v>
      </c>
    </row>
    <row r="99" spans="1:13">
      <c r="A99" s="40" t="s">
        <v>102</v>
      </c>
      <c r="B99" s="21">
        <v>-8</v>
      </c>
      <c r="C99" s="22">
        <v>-5</v>
      </c>
      <c r="D99" s="22">
        <v>-3</v>
      </c>
      <c r="E99" s="21">
        <v>7</v>
      </c>
      <c r="F99" s="22">
        <v>5</v>
      </c>
      <c r="G99" s="23">
        <v>2</v>
      </c>
      <c r="H99" s="22">
        <v>6</v>
      </c>
      <c r="I99" s="22">
        <v>4</v>
      </c>
      <c r="J99" s="22">
        <v>2</v>
      </c>
      <c r="K99" s="21">
        <v>7</v>
      </c>
      <c r="L99" s="53">
        <v>4</v>
      </c>
      <c r="M99" s="54">
        <v>3</v>
      </c>
    </row>
    <row r="100" spans="1:13">
      <c r="A100" s="40" t="s">
        <v>103</v>
      </c>
      <c r="B100" s="21">
        <v>-3</v>
      </c>
      <c r="C100" s="22">
        <v>0</v>
      </c>
      <c r="D100" s="22">
        <v>-3</v>
      </c>
      <c r="E100" s="21">
        <v>4</v>
      </c>
      <c r="F100" s="22">
        <v>2</v>
      </c>
      <c r="G100" s="23">
        <v>2</v>
      </c>
      <c r="H100" s="22">
        <v>9</v>
      </c>
      <c r="I100" s="22">
        <v>5</v>
      </c>
      <c r="J100" s="22">
        <v>4</v>
      </c>
      <c r="K100" s="21">
        <v>8</v>
      </c>
      <c r="L100" s="53">
        <v>3</v>
      </c>
      <c r="M100" s="54">
        <v>5</v>
      </c>
    </row>
    <row r="101" spans="1:13" ht="19.5" customHeight="1">
      <c r="A101" s="34" t="s">
        <v>104</v>
      </c>
      <c r="B101" s="17">
        <v>-36</v>
      </c>
      <c r="C101" s="18">
        <v>-31</v>
      </c>
      <c r="D101" s="18">
        <v>-5</v>
      </c>
      <c r="E101" s="17">
        <v>46</v>
      </c>
      <c r="F101" s="18">
        <v>31</v>
      </c>
      <c r="G101" s="19">
        <v>15</v>
      </c>
      <c r="H101" s="18">
        <v>35</v>
      </c>
      <c r="I101" s="18">
        <v>14</v>
      </c>
      <c r="J101" s="18">
        <v>21</v>
      </c>
      <c r="K101" s="17">
        <v>25</v>
      </c>
      <c r="L101" s="51">
        <v>14</v>
      </c>
      <c r="M101" s="52">
        <v>11</v>
      </c>
    </row>
    <row r="102" spans="1:13">
      <c r="A102" s="40" t="s">
        <v>105</v>
      </c>
      <c r="B102" s="21">
        <v>-11</v>
      </c>
      <c r="C102" s="22">
        <v>-9</v>
      </c>
      <c r="D102" s="22">
        <v>-2</v>
      </c>
      <c r="E102" s="21">
        <v>13</v>
      </c>
      <c r="F102" s="22">
        <v>11</v>
      </c>
      <c r="G102" s="23">
        <v>2</v>
      </c>
      <c r="H102" s="22">
        <v>9</v>
      </c>
      <c r="I102" s="22">
        <v>5</v>
      </c>
      <c r="J102" s="22">
        <v>4</v>
      </c>
      <c r="K102" s="21">
        <v>7</v>
      </c>
      <c r="L102" s="53">
        <v>3</v>
      </c>
      <c r="M102" s="54">
        <v>4</v>
      </c>
    </row>
    <row r="103" spans="1:13">
      <c r="A103" s="40" t="s">
        <v>106</v>
      </c>
      <c r="B103" s="21">
        <v>-6</v>
      </c>
      <c r="C103" s="22">
        <v>-6</v>
      </c>
      <c r="D103" s="22">
        <v>0</v>
      </c>
      <c r="E103" s="21">
        <v>8</v>
      </c>
      <c r="F103" s="22">
        <v>4</v>
      </c>
      <c r="G103" s="23">
        <v>4</v>
      </c>
      <c r="H103" s="22">
        <v>9</v>
      </c>
      <c r="I103" s="22">
        <v>2</v>
      </c>
      <c r="J103" s="22">
        <v>7</v>
      </c>
      <c r="K103" s="21">
        <v>7</v>
      </c>
      <c r="L103" s="53">
        <v>4</v>
      </c>
      <c r="M103" s="54">
        <v>3</v>
      </c>
    </row>
    <row r="104" spans="1:13">
      <c r="A104" s="40" t="s">
        <v>107</v>
      </c>
      <c r="B104" s="21">
        <v>-9</v>
      </c>
      <c r="C104" s="22">
        <v>-8</v>
      </c>
      <c r="D104" s="22">
        <v>-1</v>
      </c>
      <c r="E104" s="21">
        <v>8</v>
      </c>
      <c r="F104" s="22">
        <v>4</v>
      </c>
      <c r="G104" s="23">
        <v>4</v>
      </c>
      <c r="H104" s="22">
        <v>5</v>
      </c>
      <c r="I104" s="22">
        <v>1</v>
      </c>
      <c r="J104" s="22">
        <v>4</v>
      </c>
      <c r="K104" s="21">
        <v>6</v>
      </c>
      <c r="L104" s="53">
        <v>5</v>
      </c>
      <c r="M104" s="54">
        <v>1</v>
      </c>
    </row>
    <row r="105" spans="1:13">
      <c r="A105" s="40" t="s">
        <v>108</v>
      </c>
      <c r="B105" s="21">
        <v>-1</v>
      </c>
      <c r="C105" s="22">
        <v>-2</v>
      </c>
      <c r="D105" s="22">
        <v>1</v>
      </c>
      <c r="E105" s="21">
        <v>7</v>
      </c>
      <c r="F105" s="22">
        <v>6</v>
      </c>
      <c r="G105" s="23">
        <v>1</v>
      </c>
      <c r="H105" s="22">
        <v>9</v>
      </c>
      <c r="I105" s="22">
        <v>4</v>
      </c>
      <c r="J105" s="22">
        <v>5</v>
      </c>
      <c r="K105" s="21">
        <v>3</v>
      </c>
      <c r="L105" s="53">
        <v>0</v>
      </c>
      <c r="M105" s="54">
        <v>3</v>
      </c>
    </row>
    <row r="106" spans="1:13">
      <c r="A106" s="40" t="s">
        <v>109</v>
      </c>
      <c r="B106" s="21">
        <v>-9</v>
      </c>
      <c r="C106" s="22">
        <v>-6</v>
      </c>
      <c r="D106" s="22">
        <v>-3</v>
      </c>
      <c r="E106" s="21">
        <v>10</v>
      </c>
      <c r="F106" s="22">
        <v>6</v>
      </c>
      <c r="G106" s="23">
        <v>4</v>
      </c>
      <c r="H106" s="22">
        <v>3</v>
      </c>
      <c r="I106" s="22">
        <v>2</v>
      </c>
      <c r="J106" s="22">
        <v>1</v>
      </c>
      <c r="K106" s="21">
        <v>2</v>
      </c>
      <c r="L106" s="53">
        <v>2</v>
      </c>
      <c r="M106" s="54">
        <v>0</v>
      </c>
    </row>
    <row r="107" spans="1:13" ht="19.5" customHeight="1">
      <c r="A107" s="34" t="s">
        <v>110</v>
      </c>
      <c r="B107" s="17">
        <v>-65</v>
      </c>
      <c r="C107" s="18">
        <v>-46</v>
      </c>
      <c r="D107" s="18">
        <v>-19</v>
      </c>
      <c r="E107" s="17">
        <v>70</v>
      </c>
      <c r="F107" s="18">
        <v>46</v>
      </c>
      <c r="G107" s="19">
        <v>24</v>
      </c>
      <c r="H107" s="18">
        <v>28</v>
      </c>
      <c r="I107" s="18">
        <v>10</v>
      </c>
      <c r="J107" s="18">
        <v>18</v>
      </c>
      <c r="K107" s="17">
        <v>23</v>
      </c>
      <c r="L107" s="51">
        <v>10</v>
      </c>
      <c r="M107" s="52">
        <v>13</v>
      </c>
    </row>
    <row r="108" spans="1:13">
      <c r="A108" s="40" t="s">
        <v>111</v>
      </c>
      <c r="B108" s="21">
        <v>-9</v>
      </c>
      <c r="C108" s="22">
        <v>-10</v>
      </c>
      <c r="D108" s="22">
        <v>1</v>
      </c>
      <c r="E108" s="21">
        <v>15</v>
      </c>
      <c r="F108" s="22">
        <v>11</v>
      </c>
      <c r="G108" s="23">
        <v>4</v>
      </c>
      <c r="H108" s="22">
        <v>10</v>
      </c>
      <c r="I108" s="22">
        <v>3</v>
      </c>
      <c r="J108" s="22">
        <v>7</v>
      </c>
      <c r="K108" s="21">
        <v>4</v>
      </c>
      <c r="L108" s="53">
        <v>2</v>
      </c>
      <c r="M108" s="54">
        <v>2</v>
      </c>
    </row>
    <row r="109" spans="1:13">
      <c r="A109" s="40" t="s">
        <v>112</v>
      </c>
      <c r="B109" s="21">
        <v>-22</v>
      </c>
      <c r="C109" s="22">
        <v>-13</v>
      </c>
      <c r="D109" s="22">
        <v>-9</v>
      </c>
      <c r="E109" s="21">
        <v>16</v>
      </c>
      <c r="F109" s="22">
        <v>10</v>
      </c>
      <c r="G109" s="23">
        <v>6</v>
      </c>
      <c r="H109" s="22">
        <v>3</v>
      </c>
      <c r="I109" s="22">
        <v>2</v>
      </c>
      <c r="J109" s="22">
        <v>1</v>
      </c>
      <c r="K109" s="21">
        <v>9</v>
      </c>
      <c r="L109" s="53">
        <v>5</v>
      </c>
      <c r="M109" s="54">
        <v>4</v>
      </c>
    </row>
    <row r="110" spans="1:13">
      <c r="A110" s="40" t="s">
        <v>113</v>
      </c>
      <c r="B110" s="21">
        <v>-11</v>
      </c>
      <c r="C110" s="22">
        <v>-7</v>
      </c>
      <c r="D110" s="22">
        <v>-4</v>
      </c>
      <c r="E110" s="21">
        <v>11</v>
      </c>
      <c r="F110" s="22">
        <v>7</v>
      </c>
      <c r="G110" s="23">
        <v>4</v>
      </c>
      <c r="H110" s="22">
        <v>4</v>
      </c>
      <c r="I110" s="22">
        <v>1</v>
      </c>
      <c r="J110" s="22">
        <v>3</v>
      </c>
      <c r="K110" s="21">
        <v>4</v>
      </c>
      <c r="L110" s="53">
        <v>1</v>
      </c>
      <c r="M110" s="54">
        <v>3</v>
      </c>
    </row>
    <row r="111" spans="1:13">
      <c r="A111" s="40" t="s">
        <v>114</v>
      </c>
      <c r="B111" s="21">
        <v>-12</v>
      </c>
      <c r="C111" s="22">
        <v>-9</v>
      </c>
      <c r="D111" s="22">
        <v>-3</v>
      </c>
      <c r="E111" s="21">
        <v>15</v>
      </c>
      <c r="F111" s="22">
        <v>10</v>
      </c>
      <c r="G111" s="23">
        <v>5</v>
      </c>
      <c r="H111" s="22">
        <v>4</v>
      </c>
      <c r="I111" s="22">
        <v>2</v>
      </c>
      <c r="J111" s="22">
        <v>2</v>
      </c>
      <c r="K111" s="21">
        <v>1</v>
      </c>
      <c r="L111" s="53">
        <v>1</v>
      </c>
      <c r="M111" s="54">
        <v>0</v>
      </c>
    </row>
    <row r="112" spans="1:13">
      <c r="A112" s="40" t="s">
        <v>115</v>
      </c>
      <c r="B112" s="21">
        <v>-11</v>
      </c>
      <c r="C112" s="22">
        <v>-7</v>
      </c>
      <c r="D112" s="22">
        <v>-4</v>
      </c>
      <c r="E112" s="21">
        <v>13</v>
      </c>
      <c r="F112" s="22">
        <v>8</v>
      </c>
      <c r="G112" s="23">
        <v>5</v>
      </c>
      <c r="H112" s="22">
        <v>7</v>
      </c>
      <c r="I112" s="22">
        <v>2</v>
      </c>
      <c r="J112" s="22">
        <v>5</v>
      </c>
      <c r="K112" s="21">
        <v>5</v>
      </c>
      <c r="L112" s="53">
        <v>1</v>
      </c>
      <c r="M112" s="54">
        <v>4</v>
      </c>
    </row>
    <row r="113" spans="1:13" ht="19.5" customHeight="1">
      <c r="A113" s="34" t="s">
        <v>116</v>
      </c>
      <c r="B113" s="17">
        <v>-75</v>
      </c>
      <c r="C113" s="18">
        <v>-41</v>
      </c>
      <c r="D113" s="18">
        <v>-34</v>
      </c>
      <c r="E113" s="17">
        <v>73</v>
      </c>
      <c r="F113" s="18">
        <v>41</v>
      </c>
      <c r="G113" s="19">
        <v>32</v>
      </c>
      <c r="H113" s="18">
        <v>15</v>
      </c>
      <c r="I113" s="18">
        <v>7</v>
      </c>
      <c r="J113" s="18">
        <v>8</v>
      </c>
      <c r="K113" s="17">
        <v>17</v>
      </c>
      <c r="L113" s="51">
        <v>7</v>
      </c>
      <c r="M113" s="52">
        <v>10</v>
      </c>
    </row>
    <row r="114" spans="1:13">
      <c r="A114" s="40" t="s">
        <v>117</v>
      </c>
      <c r="B114" s="21">
        <v>-11</v>
      </c>
      <c r="C114" s="22">
        <v>-10</v>
      </c>
      <c r="D114" s="22">
        <v>-1</v>
      </c>
      <c r="E114" s="21">
        <v>13</v>
      </c>
      <c r="F114" s="22">
        <v>10</v>
      </c>
      <c r="G114" s="23">
        <v>3</v>
      </c>
      <c r="H114" s="22">
        <v>3</v>
      </c>
      <c r="I114" s="22">
        <v>1</v>
      </c>
      <c r="J114" s="22">
        <v>2</v>
      </c>
      <c r="K114" s="21">
        <v>1</v>
      </c>
      <c r="L114" s="53">
        <v>1</v>
      </c>
      <c r="M114" s="54">
        <v>0</v>
      </c>
    </row>
    <row r="115" spans="1:13">
      <c r="A115" s="40" t="s">
        <v>118</v>
      </c>
      <c r="B115" s="21">
        <v>-17</v>
      </c>
      <c r="C115" s="22">
        <v>-11</v>
      </c>
      <c r="D115" s="22">
        <v>-6</v>
      </c>
      <c r="E115" s="21">
        <v>16</v>
      </c>
      <c r="F115" s="22">
        <v>10</v>
      </c>
      <c r="G115" s="23">
        <v>6</v>
      </c>
      <c r="H115" s="22">
        <v>4</v>
      </c>
      <c r="I115" s="22">
        <v>0</v>
      </c>
      <c r="J115" s="22">
        <v>4</v>
      </c>
      <c r="K115" s="21">
        <v>5</v>
      </c>
      <c r="L115" s="53">
        <v>1</v>
      </c>
      <c r="M115" s="54">
        <v>4</v>
      </c>
    </row>
    <row r="116" spans="1:13">
      <c r="A116" s="40" t="s">
        <v>119</v>
      </c>
      <c r="B116" s="21">
        <v>-19</v>
      </c>
      <c r="C116" s="22">
        <v>-10</v>
      </c>
      <c r="D116" s="22">
        <v>-9</v>
      </c>
      <c r="E116" s="21">
        <v>14</v>
      </c>
      <c r="F116" s="22">
        <v>8</v>
      </c>
      <c r="G116" s="23">
        <v>6</v>
      </c>
      <c r="H116" s="22">
        <v>3</v>
      </c>
      <c r="I116" s="22">
        <v>1</v>
      </c>
      <c r="J116" s="22">
        <v>2</v>
      </c>
      <c r="K116" s="21">
        <v>8</v>
      </c>
      <c r="L116" s="53">
        <v>3</v>
      </c>
      <c r="M116" s="54">
        <v>5</v>
      </c>
    </row>
    <row r="117" spans="1:13">
      <c r="A117" s="40" t="s">
        <v>120</v>
      </c>
      <c r="B117" s="21">
        <v>-16</v>
      </c>
      <c r="C117" s="22">
        <v>-6</v>
      </c>
      <c r="D117" s="22">
        <v>-10</v>
      </c>
      <c r="E117" s="21">
        <v>14</v>
      </c>
      <c r="F117" s="22">
        <v>5</v>
      </c>
      <c r="G117" s="23">
        <v>9</v>
      </c>
      <c r="H117" s="22">
        <v>0</v>
      </c>
      <c r="I117" s="22">
        <v>0</v>
      </c>
      <c r="J117" s="22">
        <v>0</v>
      </c>
      <c r="K117" s="21">
        <v>2</v>
      </c>
      <c r="L117" s="53">
        <v>1</v>
      </c>
      <c r="M117" s="54">
        <v>1</v>
      </c>
    </row>
    <row r="118" spans="1:13">
      <c r="A118" s="40" t="s">
        <v>121</v>
      </c>
      <c r="B118" s="21">
        <v>-12</v>
      </c>
      <c r="C118" s="22">
        <v>-4</v>
      </c>
      <c r="D118" s="22">
        <v>-8</v>
      </c>
      <c r="E118" s="21">
        <v>16</v>
      </c>
      <c r="F118" s="22">
        <v>8</v>
      </c>
      <c r="G118" s="23">
        <v>8</v>
      </c>
      <c r="H118" s="22">
        <v>5</v>
      </c>
      <c r="I118" s="22">
        <v>5</v>
      </c>
      <c r="J118" s="22">
        <v>0</v>
      </c>
      <c r="K118" s="21">
        <v>1</v>
      </c>
      <c r="L118" s="53">
        <v>1</v>
      </c>
      <c r="M118" s="54">
        <v>0</v>
      </c>
    </row>
    <row r="119" spans="1:13" ht="19.5" customHeight="1">
      <c r="A119" s="34" t="s">
        <v>122</v>
      </c>
      <c r="B119" s="17">
        <v>-80</v>
      </c>
      <c r="C119" s="18">
        <v>-43</v>
      </c>
      <c r="D119" s="18">
        <v>-37</v>
      </c>
      <c r="E119" s="17">
        <v>79</v>
      </c>
      <c r="F119" s="18">
        <v>43</v>
      </c>
      <c r="G119" s="19">
        <v>36</v>
      </c>
      <c r="H119" s="18">
        <v>12</v>
      </c>
      <c r="I119" s="18">
        <v>2</v>
      </c>
      <c r="J119" s="18">
        <v>10</v>
      </c>
      <c r="K119" s="17">
        <v>13</v>
      </c>
      <c r="L119" s="51">
        <v>2</v>
      </c>
      <c r="M119" s="52">
        <v>11</v>
      </c>
    </row>
    <row r="120" spans="1:13">
      <c r="A120" s="40" t="s">
        <v>123</v>
      </c>
      <c r="B120" s="21">
        <v>-13</v>
      </c>
      <c r="C120" s="22">
        <v>-9</v>
      </c>
      <c r="D120" s="22">
        <v>-4</v>
      </c>
      <c r="E120" s="21">
        <v>13</v>
      </c>
      <c r="F120" s="22">
        <v>9</v>
      </c>
      <c r="G120" s="23">
        <v>4</v>
      </c>
      <c r="H120" s="22">
        <v>3</v>
      </c>
      <c r="I120" s="22">
        <v>2</v>
      </c>
      <c r="J120" s="22">
        <v>1</v>
      </c>
      <c r="K120" s="21">
        <v>3</v>
      </c>
      <c r="L120" s="53">
        <v>2</v>
      </c>
      <c r="M120" s="54">
        <v>1</v>
      </c>
    </row>
    <row r="121" spans="1:13">
      <c r="A121" s="40" t="s">
        <v>124</v>
      </c>
      <c r="B121" s="21">
        <v>-11</v>
      </c>
      <c r="C121" s="22">
        <v>-8</v>
      </c>
      <c r="D121" s="22">
        <v>-3</v>
      </c>
      <c r="E121" s="21">
        <v>12</v>
      </c>
      <c r="F121" s="22">
        <v>8</v>
      </c>
      <c r="G121" s="23">
        <v>4</v>
      </c>
      <c r="H121" s="22">
        <v>3</v>
      </c>
      <c r="I121" s="22">
        <v>0</v>
      </c>
      <c r="J121" s="22">
        <v>3</v>
      </c>
      <c r="K121" s="21">
        <v>2</v>
      </c>
      <c r="L121" s="53">
        <v>0</v>
      </c>
      <c r="M121" s="54">
        <v>2</v>
      </c>
    </row>
    <row r="122" spans="1:13">
      <c r="A122" s="40" t="s">
        <v>125</v>
      </c>
      <c r="B122" s="21">
        <v>-14</v>
      </c>
      <c r="C122" s="22">
        <v>-4</v>
      </c>
      <c r="D122" s="22">
        <v>-10</v>
      </c>
      <c r="E122" s="21">
        <v>10</v>
      </c>
      <c r="F122" s="22">
        <v>4</v>
      </c>
      <c r="G122" s="23">
        <v>6</v>
      </c>
      <c r="H122" s="22">
        <v>2</v>
      </c>
      <c r="I122" s="22">
        <v>0</v>
      </c>
      <c r="J122" s="22">
        <v>2</v>
      </c>
      <c r="K122" s="21">
        <v>6</v>
      </c>
      <c r="L122" s="53">
        <v>0</v>
      </c>
      <c r="M122" s="54">
        <v>6</v>
      </c>
    </row>
    <row r="123" spans="1:13">
      <c r="A123" s="40" t="s">
        <v>126</v>
      </c>
      <c r="B123" s="21">
        <v>-17</v>
      </c>
      <c r="C123" s="22">
        <v>-13</v>
      </c>
      <c r="D123" s="22">
        <v>-4</v>
      </c>
      <c r="E123" s="21">
        <v>18</v>
      </c>
      <c r="F123" s="22">
        <v>13</v>
      </c>
      <c r="G123" s="23">
        <v>5</v>
      </c>
      <c r="H123" s="22">
        <v>2</v>
      </c>
      <c r="I123" s="22">
        <v>0</v>
      </c>
      <c r="J123" s="22">
        <v>2</v>
      </c>
      <c r="K123" s="21">
        <v>1</v>
      </c>
      <c r="L123" s="53">
        <v>0</v>
      </c>
      <c r="M123" s="54">
        <v>1</v>
      </c>
    </row>
    <row r="124" spans="1:13">
      <c r="A124" s="40" t="s">
        <v>127</v>
      </c>
      <c r="B124" s="21">
        <v>-25</v>
      </c>
      <c r="C124" s="22">
        <v>-9</v>
      </c>
      <c r="D124" s="22">
        <v>-16</v>
      </c>
      <c r="E124" s="21">
        <v>26</v>
      </c>
      <c r="F124" s="22">
        <v>9</v>
      </c>
      <c r="G124" s="23">
        <v>17</v>
      </c>
      <c r="H124" s="22">
        <v>2</v>
      </c>
      <c r="I124" s="22">
        <v>0</v>
      </c>
      <c r="J124" s="22">
        <v>2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79</v>
      </c>
      <c r="C125" s="18">
        <v>-23</v>
      </c>
      <c r="D125" s="18">
        <v>-56</v>
      </c>
      <c r="E125" s="17">
        <v>79</v>
      </c>
      <c r="F125" s="18">
        <v>24</v>
      </c>
      <c r="G125" s="19">
        <v>55</v>
      </c>
      <c r="H125" s="18">
        <v>4</v>
      </c>
      <c r="I125" s="18">
        <v>1</v>
      </c>
      <c r="J125" s="18">
        <v>3</v>
      </c>
      <c r="K125" s="17">
        <v>4</v>
      </c>
      <c r="L125" s="51">
        <v>0</v>
      </c>
      <c r="M125" s="52">
        <v>4</v>
      </c>
    </row>
    <row r="126" spans="1:13">
      <c r="A126" s="40" t="s">
        <v>129</v>
      </c>
      <c r="B126" s="21">
        <v>-20</v>
      </c>
      <c r="C126" s="22">
        <v>-8</v>
      </c>
      <c r="D126" s="22">
        <v>-12</v>
      </c>
      <c r="E126" s="21">
        <v>19</v>
      </c>
      <c r="F126" s="22">
        <v>8</v>
      </c>
      <c r="G126" s="23">
        <v>11</v>
      </c>
      <c r="H126" s="22">
        <v>0</v>
      </c>
      <c r="I126" s="22">
        <v>0</v>
      </c>
      <c r="J126" s="22">
        <v>0</v>
      </c>
      <c r="K126" s="21">
        <v>1</v>
      </c>
      <c r="L126" s="53">
        <v>0</v>
      </c>
      <c r="M126" s="54">
        <v>1</v>
      </c>
    </row>
    <row r="127" spans="1:13">
      <c r="A127" s="40" t="s">
        <v>130</v>
      </c>
      <c r="B127" s="21">
        <v>-21</v>
      </c>
      <c r="C127" s="22">
        <v>-7</v>
      </c>
      <c r="D127" s="22">
        <v>-14</v>
      </c>
      <c r="E127" s="21">
        <v>21</v>
      </c>
      <c r="F127" s="22">
        <v>7</v>
      </c>
      <c r="G127" s="23">
        <v>14</v>
      </c>
      <c r="H127" s="22">
        <v>1</v>
      </c>
      <c r="I127" s="22">
        <v>0</v>
      </c>
      <c r="J127" s="22">
        <v>1</v>
      </c>
      <c r="K127" s="21">
        <v>1</v>
      </c>
      <c r="L127" s="53">
        <v>0</v>
      </c>
      <c r="M127" s="54">
        <v>1</v>
      </c>
    </row>
    <row r="128" spans="1:13">
      <c r="A128" s="40" t="s">
        <v>131</v>
      </c>
      <c r="B128" s="21">
        <v>-14</v>
      </c>
      <c r="C128" s="22">
        <v>-3</v>
      </c>
      <c r="D128" s="22">
        <v>-11</v>
      </c>
      <c r="E128" s="21">
        <v>15</v>
      </c>
      <c r="F128" s="22">
        <v>4</v>
      </c>
      <c r="G128" s="23">
        <v>11</v>
      </c>
      <c r="H128" s="22">
        <v>1</v>
      </c>
      <c r="I128" s="22">
        <v>1</v>
      </c>
      <c r="J128" s="22">
        <v>0</v>
      </c>
      <c r="K128" s="21">
        <v>0</v>
      </c>
      <c r="L128" s="53">
        <v>0</v>
      </c>
      <c r="M128" s="54">
        <v>0</v>
      </c>
    </row>
    <row r="129" spans="1:13">
      <c r="A129" s="40" t="s">
        <v>132</v>
      </c>
      <c r="B129" s="21">
        <v>-11</v>
      </c>
      <c r="C129" s="22">
        <v>-3</v>
      </c>
      <c r="D129" s="22">
        <v>-8</v>
      </c>
      <c r="E129" s="21">
        <v>10</v>
      </c>
      <c r="F129" s="22">
        <v>3</v>
      </c>
      <c r="G129" s="23">
        <v>7</v>
      </c>
      <c r="H129" s="22">
        <v>1</v>
      </c>
      <c r="I129" s="22">
        <v>0</v>
      </c>
      <c r="J129" s="22">
        <v>1</v>
      </c>
      <c r="K129" s="21">
        <v>2</v>
      </c>
      <c r="L129" s="53">
        <v>0</v>
      </c>
      <c r="M129" s="54">
        <v>2</v>
      </c>
    </row>
    <row r="130" spans="1:13">
      <c r="A130" s="40" t="s">
        <v>133</v>
      </c>
      <c r="B130" s="21">
        <v>-13</v>
      </c>
      <c r="C130" s="22">
        <v>-2</v>
      </c>
      <c r="D130" s="22">
        <v>-11</v>
      </c>
      <c r="E130" s="21">
        <v>14</v>
      </c>
      <c r="F130" s="22">
        <v>2</v>
      </c>
      <c r="G130" s="23">
        <v>12</v>
      </c>
      <c r="H130" s="22">
        <v>1</v>
      </c>
      <c r="I130" s="22">
        <v>0</v>
      </c>
      <c r="J130" s="22">
        <v>1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32</v>
      </c>
      <c r="C131" s="18">
        <v>-5</v>
      </c>
      <c r="D131" s="18">
        <v>-27</v>
      </c>
      <c r="E131" s="17">
        <v>31</v>
      </c>
      <c r="F131" s="18">
        <v>5</v>
      </c>
      <c r="G131" s="19">
        <v>26</v>
      </c>
      <c r="H131" s="18">
        <v>0</v>
      </c>
      <c r="I131" s="18">
        <v>0</v>
      </c>
      <c r="J131" s="18">
        <v>0</v>
      </c>
      <c r="K131" s="17">
        <v>1</v>
      </c>
      <c r="L131" s="51">
        <v>0</v>
      </c>
      <c r="M131" s="52">
        <v>1</v>
      </c>
    </row>
    <row r="132" spans="1:13">
      <c r="A132" s="40" t="s">
        <v>135</v>
      </c>
      <c r="B132" s="21">
        <v>-10</v>
      </c>
      <c r="C132" s="22">
        <v>-2</v>
      </c>
      <c r="D132" s="22">
        <v>-8</v>
      </c>
      <c r="E132" s="21">
        <v>10</v>
      </c>
      <c r="F132" s="22">
        <v>2</v>
      </c>
      <c r="G132" s="23">
        <v>8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4</v>
      </c>
      <c r="C133" s="22">
        <v>-1</v>
      </c>
      <c r="D133" s="22">
        <v>-3</v>
      </c>
      <c r="E133" s="21">
        <v>4</v>
      </c>
      <c r="F133" s="22">
        <v>1</v>
      </c>
      <c r="G133" s="23">
        <v>3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6</v>
      </c>
      <c r="C134" s="22">
        <v>0</v>
      </c>
      <c r="D134" s="22">
        <v>-6</v>
      </c>
      <c r="E134" s="21">
        <v>6</v>
      </c>
      <c r="F134" s="22">
        <v>0</v>
      </c>
      <c r="G134" s="23">
        <v>6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6</v>
      </c>
      <c r="C135" s="22">
        <v>-2</v>
      </c>
      <c r="D135" s="22">
        <v>-4</v>
      </c>
      <c r="E135" s="21">
        <v>6</v>
      </c>
      <c r="F135" s="22">
        <v>2</v>
      </c>
      <c r="G135" s="23">
        <v>4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6</v>
      </c>
      <c r="C136" s="22">
        <v>0</v>
      </c>
      <c r="D136" s="22">
        <v>-6</v>
      </c>
      <c r="E136" s="21">
        <v>5</v>
      </c>
      <c r="F136" s="22">
        <v>0</v>
      </c>
      <c r="G136" s="23">
        <v>5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7</v>
      </c>
      <c r="C137" s="43">
        <v>0</v>
      </c>
      <c r="D137" s="43">
        <v>-7</v>
      </c>
      <c r="E137" s="42">
        <v>6</v>
      </c>
      <c r="F137" s="43">
        <v>0</v>
      </c>
      <c r="G137" s="44">
        <v>6</v>
      </c>
      <c r="H137" s="43">
        <v>0</v>
      </c>
      <c r="I137" s="43">
        <v>0</v>
      </c>
      <c r="J137" s="43">
        <v>0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3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163</v>
      </c>
      <c r="C5" s="14">
        <v>-68</v>
      </c>
      <c r="D5" s="14">
        <v>-95</v>
      </c>
      <c r="E5" s="13">
        <v>402</v>
      </c>
      <c r="F5" s="14">
        <v>204</v>
      </c>
      <c r="G5" s="15">
        <v>198</v>
      </c>
      <c r="H5" s="14">
        <v>1188</v>
      </c>
      <c r="I5" s="14">
        <v>623</v>
      </c>
      <c r="J5" s="14">
        <v>565</v>
      </c>
      <c r="K5" s="13">
        <v>1116</v>
      </c>
      <c r="L5" s="49">
        <v>577</v>
      </c>
      <c r="M5" s="50">
        <v>539</v>
      </c>
    </row>
    <row r="6" spans="1:13" ht="19.5" customHeight="1">
      <c r="A6" s="16" t="s">
        <v>13</v>
      </c>
      <c r="B6" s="17">
        <v>214</v>
      </c>
      <c r="C6" s="18">
        <v>110</v>
      </c>
      <c r="D6" s="18">
        <v>104</v>
      </c>
      <c r="E6" s="17">
        <v>1</v>
      </c>
      <c r="F6" s="18">
        <v>1</v>
      </c>
      <c r="G6" s="19">
        <v>0</v>
      </c>
      <c r="H6" s="18">
        <v>97</v>
      </c>
      <c r="I6" s="18">
        <v>43</v>
      </c>
      <c r="J6" s="18">
        <v>54</v>
      </c>
      <c r="K6" s="17">
        <v>49</v>
      </c>
      <c r="L6" s="51">
        <v>22</v>
      </c>
      <c r="M6" s="52">
        <v>27</v>
      </c>
    </row>
    <row r="7" spans="1:13">
      <c r="A7" s="20" t="s">
        <v>14</v>
      </c>
      <c r="B7" s="21">
        <v>175</v>
      </c>
      <c r="C7" s="22">
        <v>93</v>
      </c>
      <c r="D7" s="22">
        <v>82</v>
      </c>
      <c r="E7" s="21">
        <v>1</v>
      </c>
      <c r="F7" s="22">
        <v>1</v>
      </c>
      <c r="G7" s="23">
        <v>0</v>
      </c>
      <c r="H7" s="22">
        <v>14</v>
      </c>
      <c r="I7" s="22">
        <v>5</v>
      </c>
      <c r="J7" s="22">
        <v>9</v>
      </c>
      <c r="K7" s="21">
        <v>5</v>
      </c>
      <c r="L7" s="53">
        <v>1</v>
      </c>
      <c r="M7" s="54">
        <v>4</v>
      </c>
    </row>
    <row r="8" spans="1:13">
      <c r="A8" s="20" t="s">
        <v>15</v>
      </c>
      <c r="B8" s="21">
        <v>13</v>
      </c>
      <c r="C8" s="22">
        <v>6</v>
      </c>
      <c r="D8" s="22">
        <v>7</v>
      </c>
      <c r="E8" s="21">
        <v>0</v>
      </c>
      <c r="F8" s="22">
        <v>0</v>
      </c>
      <c r="G8" s="23">
        <v>0</v>
      </c>
      <c r="H8" s="22">
        <v>24</v>
      </c>
      <c r="I8" s="22">
        <v>10</v>
      </c>
      <c r="J8" s="22">
        <v>14</v>
      </c>
      <c r="K8" s="21">
        <v>11</v>
      </c>
      <c r="L8" s="53">
        <v>4</v>
      </c>
      <c r="M8" s="54">
        <v>7</v>
      </c>
    </row>
    <row r="9" spans="1:13">
      <c r="A9" s="20" t="s">
        <v>16</v>
      </c>
      <c r="B9" s="21">
        <v>9</v>
      </c>
      <c r="C9" s="22">
        <v>7</v>
      </c>
      <c r="D9" s="22">
        <v>2</v>
      </c>
      <c r="E9" s="21">
        <v>0</v>
      </c>
      <c r="F9" s="22">
        <v>0</v>
      </c>
      <c r="G9" s="23">
        <v>0</v>
      </c>
      <c r="H9" s="22">
        <v>20</v>
      </c>
      <c r="I9" s="22">
        <v>12</v>
      </c>
      <c r="J9" s="22">
        <v>8</v>
      </c>
      <c r="K9" s="21">
        <v>11</v>
      </c>
      <c r="L9" s="53">
        <v>5</v>
      </c>
      <c r="M9" s="54">
        <v>6</v>
      </c>
    </row>
    <row r="10" spans="1:13">
      <c r="A10" s="20" t="s">
        <v>17</v>
      </c>
      <c r="B10" s="21">
        <v>8</v>
      </c>
      <c r="C10" s="22">
        <v>1</v>
      </c>
      <c r="D10" s="22">
        <v>7</v>
      </c>
      <c r="E10" s="21">
        <v>0</v>
      </c>
      <c r="F10" s="22">
        <v>0</v>
      </c>
      <c r="G10" s="23">
        <v>0</v>
      </c>
      <c r="H10" s="22">
        <v>20</v>
      </c>
      <c r="I10" s="22">
        <v>9</v>
      </c>
      <c r="J10" s="22">
        <v>11</v>
      </c>
      <c r="K10" s="21">
        <v>12</v>
      </c>
      <c r="L10" s="53">
        <v>8</v>
      </c>
      <c r="M10" s="54">
        <v>4</v>
      </c>
    </row>
    <row r="11" spans="1:13">
      <c r="A11" s="20" t="s">
        <v>18</v>
      </c>
      <c r="B11" s="21">
        <v>9</v>
      </c>
      <c r="C11" s="22">
        <v>3</v>
      </c>
      <c r="D11" s="22">
        <v>6</v>
      </c>
      <c r="E11" s="21">
        <v>0</v>
      </c>
      <c r="F11" s="22">
        <v>0</v>
      </c>
      <c r="G11" s="23">
        <v>0</v>
      </c>
      <c r="H11" s="22">
        <v>19</v>
      </c>
      <c r="I11" s="22">
        <v>7</v>
      </c>
      <c r="J11" s="22">
        <v>12</v>
      </c>
      <c r="K11" s="21">
        <v>10</v>
      </c>
      <c r="L11" s="53">
        <v>4</v>
      </c>
      <c r="M11" s="54">
        <v>6</v>
      </c>
    </row>
    <row r="12" spans="1:13" ht="20.100000000000001" customHeight="1">
      <c r="A12" s="16" t="s">
        <v>19</v>
      </c>
      <c r="B12" s="17">
        <v>23</v>
      </c>
      <c r="C12" s="18">
        <v>10</v>
      </c>
      <c r="D12" s="18">
        <v>13</v>
      </c>
      <c r="E12" s="17">
        <v>0</v>
      </c>
      <c r="F12" s="18">
        <v>0</v>
      </c>
      <c r="G12" s="19">
        <v>0</v>
      </c>
      <c r="H12" s="18">
        <v>54</v>
      </c>
      <c r="I12" s="18">
        <v>27</v>
      </c>
      <c r="J12" s="18">
        <v>27</v>
      </c>
      <c r="K12" s="17">
        <v>31</v>
      </c>
      <c r="L12" s="51">
        <v>17</v>
      </c>
      <c r="M12" s="52">
        <v>14</v>
      </c>
    </row>
    <row r="13" spans="1:13">
      <c r="A13" s="20" t="s">
        <v>20</v>
      </c>
      <c r="B13" s="21">
        <v>6</v>
      </c>
      <c r="C13" s="22">
        <v>0</v>
      </c>
      <c r="D13" s="22">
        <v>6</v>
      </c>
      <c r="E13" s="21">
        <v>0</v>
      </c>
      <c r="F13" s="22">
        <v>0</v>
      </c>
      <c r="G13" s="23">
        <v>0</v>
      </c>
      <c r="H13" s="22">
        <v>12</v>
      </c>
      <c r="I13" s="22">
        <v>3</v>
      </c>
      <c r="J13" s="22">
        <v>9</v>
      </c>
      <c r="K13" s="21">
        <v>6</v>
      </c>
      <c r="L13" s="53">
        <v>3</v>
      </c>
      <c r="M13" s="54">
        <v>3</v>
      </c>
    </row>
    <row r="14" spans="1:13">
      <c r="A14" s="20" t="s">
        <v>21</v>
      </c>
      <c r="B14" s="21">
        <v>6</v>
      </c>
      <c r="C14" s="22">
        <v>-1</v>
      </c>
      <c r="D14" s="22">
        <v>7</v>
      </c>
      <c r="E14" s="21">
        <v>0</v>
      </c>
      <c r="F14" s="22">
        <v>0</v>
      </c>
      <c r="G14" s="23">
        <v>0</v>
      </c>
      <c r="H14" s="22">
        <v>14</v>
      </c>
      <c r="I14" s="22">
        <v>5</v>
      </c>
      <c r="J14" s="22">
        <v>9</v>
      </c>
      <c r="K14" s="21">
        <v>8</v>
      </c>
      <c r="L14" s="53">
        <v>6</v>
      </c>
      <c r="M14" s="54">
        <v>2</v>
      </c>
    </row>
    <row r="15" spans="1:13">
      <c r="A15" s="20" t="s">
        <v>22</v>
      </c>
      <c r="B15" s="21">
        <v>-2</v>
      </c>
      <c r="C15" s="22">
        <v>-1</v>
      </c>
      <c r="D15" s="22">
        <v>-1</v>
      </c>
      <c r="E15" s="21">
        <v>0</v>
      </c>
      <c r="F15" s="22">
        <v>0</v>
      </c>
      <c r="G15" s="23">
        <v>0</v>
      </c>
      <c r="H15" s="22">
        <v>7</v>
      </c>
      <c r="I15" s="22">
        <v>3</v>
      </c>
      <c r="J15" s="22">
        <v>4</v>
      </c>
      <c r="K15" s="21">
        <v>9</v>
      </c>
      <c r="L15" s="53">
        <v>4</v>
      </c>
      <c r="M15" s="54">
        <v>5</v>
      </c>
    </row>
    <row r="16" spans="1:13">
      <c r="A16" s="20" t="s">
        <v>23</v>
      </c>
      <c r="B16" s="21">
        <v>3</v>
      </c>
      <c r="C16" s="22">
        <v>4</v>
      </c>
      <c r="D16" s="22">
        <v>-1</v>
      </c>
      <c r="E16" s="21">
        <v>0</v>
      </c>
      <c r="F16" s="22">
        <v>0</v>
      </c>
      <c r="G16" s="23">
        <v>0</v>
      </c>
      <c r="H16" s="22">
        <v>6</v>
      </c>
      <c r="I16" s="22">
        <v>4</v>
      </c>
      <c r="J16" s="22">
        <v>2</v>
      </c>
      <c r="K16" s="21">
        <v>3</v>
      </c>
      <c r="L16" s="53">
        <v>0</v>
      </c>
      <c r="M16" s="54">
        <v>3</v>
      </c>
    </row>
    <row r="17" spans="1:13">
      <c r="A17" s="20" t="s">
        <v>24</v>
      </c>
      <c r="B17" s="21">
        <v>10</v>
      </c>
      <c r="C17" s="22">
        <v>8</v>
      </c>
      <c r="D17" s="22">
        <v>2</v>
      </c>
      <c r="E17" s="21">
        <v>0</v>
      </c>
      <c r="F17" s="22">
        <v>0</v>
      </c>
      <c r="G17" s="23">
        <v>0</v>
      </c>
      <c r="H17" s="22">
        <v>15</v>
      </c>
      <c r="I17" s="22">
        <v>12</v>
      </c>
      <c r="J17" s="22">
        <v>3</v>
      </c>
      <c r="K17" s="21">
        <v>5</v>
      </c>
      <c r="L17" s="53">
        <v>4</v>
      </c>
      <c r="M17" s="54">
        <v>1</v>
      </c>
    </row>
    <row r="18" spans="1:13" ht="20.100000000000001" customHeight="1">
      <c r="A18" s="16" t="s">
        <v>25</v>
      </c>
      <c r="B18" s="17">
        <v>8</v>
      </c>
      <c r="C18" s="18">
        <v>3</v>
      </c>
      <c r="D18" s="18">
        <v>5</v>
      </c>
      <c r="E18" s="17">
        <v>0</v>
      </c>
      <c r="F18" s="18">
        <v>0</v>
      </c>
      <c r="G18" s="19">
        <v>0</v>
      </c>
      <c r="H18" s="18">
        <v>38</v>
      </c>
      <c r="I18" s="18">
        <v>21</v>
      </c>
      <c r="J18" s="18">
        <v>17</v>
      </c>
      <c r="K18" s="17">
        <v>30</v>
      </c>
      <c r="L18" s="51">
        <v>18</v>
      </c>
      <c r="M18" s="52">
        <v>12</v>
      </c>
    </row>
    <row r="19" spans="1:13">
      <c r="A19" s="20" t="s">
        <v>26</v>
      </c>
      <c r="B19" s="21">
        <v>-1</v>
      </c>
      <c r="C19" s="22">
        <v>-1</v>
      </c>
      <c r="D19" s="22">
        <v>0</v>
      </c>
      <c r="E19" s="21">
        <v>0</v>
      </c>
      <c r="F19" s="22">
        <v>0</v>
      </c>
      <c r="G19" s="23">
        <v>0</v>
      </c>
      <c r="H19" s="22">
        <v>6</v>
      </c>
      <c r="I19" s="22">
        <v>5</v>
      </c>
      <c r="J19" s="22">
        <v>1</v>
      </c>
      <c r="K19" s="21">
        <v>7</v>
      </c>
      <c r="L19" s="53">
        <v>6</v>
      </c>
      <c r="M19" s="54">
        <v>1</v>
      </c>
    </row>
    <row r="20" spans="1:13">
      <c r="A20" s="20" t="s">
        <v>27</v>
      </c>
      <c r="B20" s="21">
        <v>1</v>
      </c>
      <c r="C20" s="22">
        <v>1</v>
      </c>
      <c r="D20" s="22">
        <v>0</v>
      </c>
      <c r="E20" s="21">
        <v>0</v>
      </c>
      <c r="F20" s="22">
        <v>0</v>
      </c>
      <c r="G20" s="23">
        <v>0</v>
      </c>
      <c r="H20" s="22">
        <v>10</v>
      </c>
      <c r="I20" s="22">
        <v>4</v>
      </c>
      <c r="J20" s="22">
        <v>6</v>
      </c>
      <c r="K20" s="21">
        <v>9</v>
      </c>
      <c r="L20" s="53">
        <v>3</v>
      </c>
      <c r="M20" s="54">
        <v>6</v>
      </c>
    </row>
    <row r="21" spans="1:13">
      <c r="A21" s="20" t="s">
        <v>28</v>
      </c>
      <c r="B21" s="21">
        <v>5</v>
      </c>
      <c r="C21" s="22">
        <v>1</v>
      </c>
      <c r="D21" s="22">
        <v>4</v>
      </c>
      <c r="E21" s="21">
        <v>0</v>
      </c>
      <c r="F21" s="22">
        <v>0</v>
      </c>
      <c r="G21" s="23">
        <v>0</v>
      </c>
      <c r="H21" s="22">
        <v>9</v>
      </c>
      <c r="I21" s="22">
        <v>5</v>
      </c>
      <c r="J21" s="22">
        <v>4</v>
      </c>
      <c r="K21" s="21">
        <v>4</v>
      </c>
      <c r="L21" s="53">
        <v>4</v>
      </c>
      <c r="M21" s="54">
        <v>0</v>
      </c>
    </row>
    <row r="22" spans="1:13">
      <c r="A22" s="20" t="s">
        <v>29</v>
      </c>
      <c r="B22" s="21">
        <v>2</v>
      </c>
      <c r="C22" s="22">
        <v>3</v>
      </c>
      <c r="D22" s="22">
        <v>-1</v>
      </c>
      <c r="E22" s="21">
        <v>0</v>
      </c>
      <c r="F22" s="22">
        <v>0</v>
      </c>
      <c r="G22" s="23">
        <v>0</v>
      </c>
      <c r="H22" s="22">
        <v>7</v>
      </c>
      <c r="I22" s="22">
        <v>6</v>
      </c>
      <c r="J22" s="22">
        <v>1</v>
      </c>
      <c r="K22" s="21">
        <v>5</v>
      </c>
      <c r="L22" s="53">
        <v>3</v>
      </c>
      <c r="M22" s="54">
        <v>2</v>
      </c>
    </row>
    <row r="23" spans="1:13">
      <c r="A23" s="20" t="s">
        <v>30</v>
      </c>
      <c r="B23" s="21">
        <v>1</v>
      </c>
      <c r="C23" s="22">
        <v>-1</v>
      </c>
      <c r="D23" s="22">
        <v>2</v>
      </c>
      <c r="E23" s="21">
        <v>0</v>
      </c>
      <c r="F23" s="22">
        <v>0</v>
      </c>
      <c r="G23" s="23">
        <v>0</v>
      </c>
      <c r="H23" s="22">
        <v>6</v>
      </c>
      <c r="I23" s="22">
        <v>1</v>
      </c>
      <c r="J23" s="22">
        <v>5</v>
      </c>
      <c r="K23" s="21">
        <v>5</v>
      </c>
      <c r="L23" s="53">
        <v>2</v>
      </c>
      <c r="M23" s="54">
        <v>3</v>
      </c>
    </row>
    <row r="24" spans="1:13" ht="20.100000000000001" customHeight="1">
      <c r="A24" s="16" t="s">
        <v>31</v>
      </c>
      <c r="B24" s="17">
        <v>-16</v>
      </c>
      <c r="C24" s="18">
        <v>-13</v>
      </c>
      <c r="D24" s="18">
        <v>-3</v>
      </c>
      <c r="E24" s="17">
        <v>1</v>
      </c>
      <c r="F24" s="18">
        <v>1</v>
      </c>
      <c r="G24" s="19">
        <v>0</v>
      </c>
      <c r="H24" s="18">
        <v>47</v>
      </c>
      <c r="I24" s="18">
        <v>26</v>
      </c>
      <c r="J24" s="18">
        <v>21</v>
      </c>
      <c r="K24" s="17">
        <v>62</v>
      </c>
      <c r="L24" s="51">
        <v>38</v>
      </c>
      <c r="M24" s="52">
        <v>24</v>
      </c>
    </row>
    <row r="25" spans="1:13">
      <c r="A25" s="20" t="s">
        <v>32</v>
      </c>
      <c r="B25" s="21">
        <v>0</v>
      </c>
      <c r="C25" s="22">
        <v>-1</v>
      </c>
      <c r="D25" s="22">
        <v>1</v>
      </c>
      <c r="E25" s="21">
        <v>1</v>
      </c>
      <c r="F25" s="22">
        <v>1</v>
      </c>
      <c r="G25" s="23">
        <v>0</v>
      </c>
      <c r="H25" s="22">
        <v>8</v>
      </c>
      <c r="I25" s="22">
        <v>4</v>
      </c>
      <c r="J25" s="22">
        <v>4</v>
      </c>
      <c r="K25" s="21">
        <v>7</v>
      </c>
      <c r="L25" s="53">
        <v>4</v>
      </c>
      <c r="M25" s="54">
        <v>3</v>
      </c>
    </row>
    <row r="26" spans="1:13">
      <c r="A26" s="20" t="s">
        <v>33</v>
      </c>
      <c r="B26" s="21">
        <v>-3</v>
      </c>
      <c r="C26" s="22">
        <v>-2</v>
      </c>
      <c r="D26" s="22">
        <v>-1</v>
      </c>
      <c r="E26" s="21">
        <v>0</v>
      </c>
      <c r="F26" s="22">
        <v>0</v>
      </c>
      <c r="G26" s="23">
        <v>0</v>
      </c>
      <c r="H26" s="22">
        <v>11</v>
      </c>
      <c r="I26" s="22">
        <v>8</v>
      </c>
      <c r="J26" s="22">
        <v>3</v>
      </c>
      <c r="K26" s="21">
        <v>14</v>
      </c>
      <c r="L26" s="53">
        <v>10</v>
      </c>
      <c r="M26" s="54">
        <v>4</v>
      </c>
    </row>
    <row r="27" spans="1:13">
      <c r="A27" s="20" t="s">
        <v>34</v>
      </c>
      <c r="B27" s="21">
        <v>-2</v>
      </c>
      <c r="C27" s="22">
        <v>-2</v>
      </c>
      <c r="D27" s="22">
        <v>0</v>
      </c>
      <c r="E27" s="21">
        <v>0</v>
      </c>
      <c r="F27" s="22">
        <v>0</v>
      </c>
      <c r="G27" s="23">
        <v>0</v>
      </c>
      <c r="H27" s="22">
        <v>4</v>
      </c>
      <c r="I27" s="22">
        <v>3</v>
      </c>
      <c r="J27" s="22">
        <v>1</v>
      </c>
      <c r="K27" s="21">
        <v>6</v>
      </c>
      <c r="L27" s="53">
        <v>5</v>
      </c>
      <c r="M27" s="54">
        <v>1</v>
      </c>
    </row>
    <row r="28" spans="1:13">
      <c r="A28" s="20" t="s">
        <v>35</v>
      </c>
      <c r="B28" s="21">
        <v>-3</v>
      </c>
      <c r="C28" s="22">
        <v>-1</v>
      </c>
      <c r="D28" s="22">
        <v>-2</v>
      </c>
      <c r="E28" s="21">
        <v>0</v>
      </c>
      <c r="F28" s="22">
        <v>0</v>
      </c>
      <c r="G28" s="23">
        <v>0</v>
      </c>
      <c r="H28" s="22">
        <v>8</v>
      </c>
      <c r="I28" s="22">
        <v>3</v>
      </c>
      <c r="J28" s="22">
        <v>5</v>
      </c>
      <c r="K28" s="21">
        <v>11</v>
      </c>
      <c r="L28" s="53">
        <v>4</v>
      </c>
      <c r="M28" s="54">
        <v>7</v>
      </c>
    </row>
    <row r="29" spans="1:13">
      <c r="A29" s="20" t="s">
        <v>36</v>
      </c>
      <c r="B29" s="21">
        <v>-8</v>
      </c>
      <c r="C29" s="22">
        <v>-7</v>
      </c>
      <c r="D29" s="22">
        <v>-1</v>
      </c>
      <c r="E29" s="21">
        <v>0</v>
      </c>
      <c r="F29" s="22">
        <v>0</v>
      </c>
      <c r="G29" s="23">
        <v>0</v>
      </c>
      <c r="H29" s="22">
        <v>16</v>
      </c>
      <c r="I29" s="22">
        <v>8</v>
      </c>
      <c r="J29" s="22">
        <v>8</v>
      </c>
      <c r="K29" s="21">
        <v>24</v>
      </c>
      <c r="L29" s="53">
        <v>15</v>
      </c>
      <c r="M29" s="54">
        <v>9</v>
      </c>
    </row>
    <row r="30" spans="1:13" ht="20.100000000000001" customHeight="1">
      <c r="A30" s="16" t="s">
        <v>37</v>
      </c>
      <c r="B30" s="17">
        <v>-46</v>
      </c>
      <c r="C30" s="18">
        <v>-13</v>
      </c>
      <c r="D30" s="18">
        <v>-33</v>
      </c>
      <c r="E30" s="17">
        <v>1</v>
      </c>
      <c r="F30" s="18">
        <v>1</v>
      </c>
      <c r="G30" s="19">
        <v>0</v>
      </c>
      <c r="H30" s="18">
        <v>110</v>
      </c>
      <c r="I30" s="18">
        <v>71</v>
      </c>
      <c r="J30" s="18">
        <v>39</v>
      </c>
      <c r="K30" s="17">
        <v>155</v>
      </c>
      <c r="L30" s="51">
        <v>83</v>
      </c>
      <c r="M30" s="52">
        <v>72</v>
      </c>
    </row>
    <row r="31" spans="1:13">
      <c r="A31" s="20" t="s">
        <v>38</v>
      </c>
      <c r="B31" s="21">
        <v>-2</v>
      </c>
      <c r="C31" s="22">
        <v>-2</v>
      </c>
      <c r="D31" s="22">
        <v>0</v>
      </c>
      <c r="E31" s="21">
        <v>0</v>
      </c>
      <c r="F31" s="22">
        <v>0</v>
      </c>
      <c r="G31" s="23">
        <v>0</v>
      </c>
      <c r="H31" s="22">
        <v>11</v>
      </c>
      <c r="I31" s="22">
        <v>5</v>
      </c>
      <c r="J31" s="22">
        <v>6</v>
      </c>
      <c r="K31" s="21">
        <v>13</v>
      </c>
      <c r="L31" s="53">
        <v>7</v>
      </c>
      <c r="M31" s="54">
        <v>6</v>
      </c>
    </row>
    <row r="32" spans="1:13">
      <c r="A32" s="20" t="s">
        <v>39</v>
      </c>
      <c r="B32" s="21">
        <v>-5</v>
      </c>
      <c r="C32" s="22">
        <v>-6</v>
      </c>
      <c r="D32" s="22">
        <v>1</v>
      </c>
      <c r="E32" s="21">
        <v>0</v>
      </c>
      <c r="F32" s="22">
        <v>0</v>
      </c>
      <c r="G32" s="23">
        <v>0</v>
      </c>
      <c r="H32" s="22">
        <v>15</v>
      </c>
      <c r="I32" s="22">
        <v>9</v>
      </c>
      <c r="J32" s="22">
        <v>6</v>
      </c>
      <c r="K32" s="21">
        <v>20</v>
      </c>
      <c r="L32" s="53">
        <v>15</v>
      </c>
      <c r="M32" s="54">
        <v>5</v>
      </c>
    </row>
    <row r="33" spans="1:13">
      <c r="A33" s="20" t="s">
        <v>40</v>
      </c>
      <c r="B33" s="21">
        <v>-4</v>
      </c>
      <c r="C33" s="22">
        <v>-1</v>
      </c>
      <c r="D33" s="22">
        <v>-3</v>
      </c>
      <c r="E33" s="21">
        <v>1</v>
      </c>
      <c r="F33" s="22">
        <v>1</v>
      </c>
      <c r="G33" s="23">
        <v>0</v>
      </c>
      <c r="H33" s="22">
        <v>23</v>
      </c>
      <c r="I33" s="22">
        <v>13</v>
      </c>
      <c r="J33" s="22">
        <v>10</v>
      </c>
      <c r="K33" s="21">
        <v>26</v>
      </c>
      <c r="L33" s="53">
        <v>13</v>
      </c>
      <c r="M33" s="54">
        <v>13</v>
      </c>
    </row>
    <row r="34" spans="1:13">
      <c r="A34" s="20" t="s">
        <v>41</v>
      </c>
      <c r="B34" s="21">
        <v>-30</v>
      </c>
      <c r="C34" s="22">
        <v>-6</v>
      </c>
      <c r="D34" s="22">
        <v>-24</v>
      </c>
      <c r="E34" s="21">
        <v>0</v>
      </c>
      <c r="F34" s="22">
        <v>0</v>
      </c>
      <c r="G34" s="23">
        <v>0</v>
      </c>
      <c r="H34" s="22">
        <v>31</v>
      </c>
      <c r="I34" s="22">
        <v>22</v>
      </c>
      <c r="J34" s="22">
        <v>9</v>
      </c>
      <c r="K34" s="21">
        <v>61</v>
      </c>
      <c r="L34" s="53">
        <v>28</v>
      </c>
      <c r="M34" s="54">
        <v>33</v>
      </c>
    </row>
    <row r="35" spans="1:13">
      <c r="A35" s="20" t="s">
        <v>42</v>
      </c>
      <c r="B35" s="21">
        <v>-5</v>
      </c>
      <c r="C35" s="22">
        <v>2</v>
      </c>
      <c r="D35" s="22">
        <v>-7</v>
      </c>
      <c r="E35" s="21">
        <v>0</v>
      </c>
      <c r="F35" s="22">
        <v>0</v>
      </c>
      <c r="G35" s="23">
        <v>0</v>
      </c>
      <c r="H35" s="22">
        <v>30</v>
      </c>
      <c r="I35" s="22">
        <v>22</v>
      </c>
      <c r="J35" s="22">
        <v>8</v>
      </c>
      <c r="K35" s="21">
        <v>35</v>
      </c>
      <c r="L35" s="53">
        <v>20</v>
      </c>
      <c r="M35" s="54">
        <v>15</v>
      </c>
    </row>
    <row r="36" spans="1:13" ht="20.100000000000001" customHeight="1">
      <c r="A36" s="16" t="s">
        <v>43</v>
      </c>
      <c r="B36" s="17">
        <v>-40</v>
      </c>
      <c r="C36" s="18">
        <v>-19</v>
      </c>
      <c r="D36" s="18">
        <v>-21</v>
      </c>
      <c r="E36" s="17">
        <v>1</v>
      </c>
      <c r="F36" s="18">
        <v>1</v>
      </c>
      <c r="G36" s="19">
        <v>0</v>
      </c>
      <c r="H36" s="18">
        <v>153</v>
      </c>
      <c r="I36" s="18">
        <v>90</v>
      </c>
      <c r="J36" s="18">
        <v>63</v>
      </c>
      <c r="K36" s="17">
        <v>192</v>
      </c>
      <c r="L36" s="51">
        <v>108</v>
      </c>
      <c r="M36" s="52">
        <v>84</v>
      </c>
    </row>
    <row r="37" spans="1:13">
      <c r="A37" s="20" t="s">
        <v>44</v>
      </c>
      <c r="B37" s="21">
        <v>-16</v>
      </c>
      <c r="C37" s="22">
        <v>-7</v>
      </c>
      <c r="D37" s="22">
        <v>-9</v>
      </c>
      <c r="E37" s="21">
        <v>1</v>
      </c>
      <c r="F37" s="22">
        <v>1</v>
      </c>
      <c r="G37" s="23">
        <v>0</v>
      </c>
      <c r="H37" s="22">
        <v>29</v>
      </c>
      <c r="I37" s="22">
        <v>23</v>
      </c>
      <c r="J37" s="22">
        <v>6</v>
      </c>
      <c r="K37" s="21">
        <v>44</v>
      </c>
      <c r="L37" s="53">
        <v>29</v>
      </c>
      <c r="M37" s="54">
        <v>15</v>
      </c>
    </row>
    <row r="38" spans="1:13">
      <c r="A38" s="20" t="s">
        <v>45</v>
      </c>
      <c r="B38" s="21">
        <v>-7</v>
      </c>
      <c r="C38" s="22">
        <v>-8</v>
      </c>
      <c r="D38" s="22">
        <v>1</v>
      </c>
      <c r="E38" s="21">
        <v>0</v>
      </c>
      <c r="F38" s="22">
        <v>0</v>
      </c>
      <c r="G38" s="23">
        <v>0</v>
      </c>
      <c r="H38" s="22">
        <v>25</v>
      </c>
      <c r="I38" s="22">
        <v>11</v>
      </c>
      <c r="J38" s="22">
        <v>14</v>
      </c>
      <c r="K38" s="21">
        <v>32</v>
      </c>
      <c r="L38" s="53">
        <v>19</v>
      </c>
      <c r="M38" s="54">
        <v>13</v>
      </c>
    </row>
    <row r="39" spans="1:13">
      <c r="A39" s="20" t="s">
        <v>46</v>
      </c>
      <c r="B39" s="21">
        <v>-5</v>
      </c>
      <c r="C39" s="22">
        <v>-2</v>
      </c>
      <c r="D39" s="22">
        <v>-3</v>
      </c>
      <c r="E39" s="21">
        <v>0</v>
      </c>
      <c r="F39" s="22">
        <v>0</v>
      </c>
      <c r="G39" s="23">
        <v>0</v>
      </c>
      <c r="H39" s="22">
        <v>38</v>
      </c>
      <c r="I39" s="22">
        <v>20</v>
      </c>
      <c r="J39" s="22">
        <v>18</v>
      </c>
      <c r="K39" s="21">
        <v>43</v>
      </c>
      <c r="L39" s="53">
        <v>22</v>
      </c>
      <c r="M39" s="54">
        <v>21</v>
      </c>
    </row>
    <row r="40" spans="1:13">
      <c r="A40" s="20" t="s">
        <v>47</v>
      </c>
      <c r="B40" s="21">
        <v>2</v>
      </c>
      <c r="C40" s="22">
        <v>3</v>
      </c>
      <c r="D40" s="22">
        <v>-1</v>
      </c>
      <c r="E40" s="21">
        <v>0</v>
      </c>
      <c r="F40" s="22">
        <v>0</v>
      </c>
      <c r="G40" s="23">
        <v>0</v>
      </c>
      <c r="H40" s="22">
        <v>35</v>
      </c>
      <c r="I40" s="22">
        <v>21</v>
      </c>
      <c r="J40" s="22">
        <v>14</v>
      </c>
      <c r="K40" s="21">
        <v>33</v>
      </c>
      <c r="L40" s="53">
        <v>18</v>
      </c>
      <c r="M40" s="54">
        <v>15</v>
      </c>
    </row>
    <row r="41" spans="1:13">
      <c r="A41" s="20" t="s">
        <v>48</v>
      </c>
      <c r="B41" s="21">
        <v>-14</v>
      </c>
      <c r="C41" s="22">
        <v>-5</v>
      </c>
      <c r="D41" s="22">
        <v>-9</v>
      </c>
      <c r="E41" s="21">
        <v>0</v>
      </c>
      <c r="F41" s="22">
        <v>0</v>
      </c>
      <c r="G41" s="23">
        <v>0</v>
      </c>
      <c r="H41" s="22">
        <v>26</v>
      </c>
      <c r="I41" s="22">
        <v>15</v>
      </c>
      <c r="J41" s="22">
        <v>11</v>
      </c>
      <c r="K41" s="21">
        <v>40</v>
      </c>
      <c r="L41" s="53">
        <v>20</v>
      </c>
      <c r="M41" s="54">
        <v>20</v>
      </c>
    </row>
    <row r="42" spans="1:13" ht="20.100000000000001" customHeight="1">
      <c r="A42" s="16" t="s">
        <v>49</v>
      </c>
      <c r="B42" s="17">
        <v>4</v>
      </c>
      <c r="C42" s="18">
        <v>2</v>
      </c>
      <c r="D42" s="18">
        <v>2</v>
      </c>
      <c r="E42" s="17">
        <v>1</v>
      </c>
      <c r="F42" s="18">
        <v>1</v>
      </c>
      <c r="G42" s="19">
        <v>0</v>
      </c>
      <c r="H42" s="18">
        <v>130</v>
      </c>
      <c r="I42" s="18">
        <v>61</v>
      </c>
      <c r="J42" s="18">
        <v>69</v>
      </c>
      <c r="K42" s="17">
        <v>125</v>
      </c>
      <c r="L42" s="51">
        <v>58</v>
      </c>
      <c r="M42" s="52">
        <v>67</v>
      </c>
    </row>
    <row r="43" spans="1:13">
      <c r="A43" s="20" t="s">
        <v>50</v>
      </c>
      <c r="B43" s="21">
        <v>-6</v>
      </c>
      <c r="C43" s="22">
        <v>-4</v>
      </c>
      <c r="D43" s="22">
        <v>-2</v>
      </c>
      <c r="E43" s="21">
        <v>0</v>
      </c>
      <c r="F43" s="22">
        <v>0</v>
      </c>
      <c r="G43" s="23">
        <v>0</v>
      </c>
      <c r="H43" s="22">
        <v>23</v>
      </c>
      <c r="I43" s="22">
        <v>11</v>
      </c>
      <c r="J43" s="22">
        <v>12</v>
      </c>
      <c r="K43" s="21">
        <v>29</v>
      </c>
      <c r="L43" s="53">
        <v>15</v>
      </c>
      <c r="M43" s="54">
        <v>14</v>
      </c>
    </row>
    <row r="44" spans="1:13">
      <c r="A44" s="20" t="s">
        <v>51</v>
      </c>
      <c r="B44" s="21">
        <v>1</v>
      </c>
      <c r="C44" s="22">
        <v>1</v>
      </c>
      <c r="D44" s="22">
        <v>0</v>
      </c>
      <c r="E44" s="21">
        <v>0</v>
      </c>
      <c r="F44" s="22">
        <v>0</v>
      </c>
      <c r="G44" s="23">
        <v>0</v>
      </c>
      <c r="H44" s="22">
        <v>21</v>
      </c>
      <c r="I44" s="22">
        <v>10</v>
      </c>
      <c r="J44" s="22">
        <v>11</v>
      </c>
      <c r="K44" s="21">
        <v>20</v>
      </c>
      <c r="L44" s="53">
        <v>9</v>
      </c>
      <c r="M44" s="54">
        <v>11</v>
      </c>
    </row>
    <row r="45" spans="1:13">
      <c r="A45" s="20" t="s">
        <v>52</v>
      </c>
      <c r="B45" s="21">
        <v>3</v>
      </c>
      <c r="C45" s="22">
        <v>6</v>
      </c>
      <c r="D45" s="22">
        <v>-3</v>
      </c>
      <c r="E45" s="21">
        <v>1</v>
      </c>
      <c r="F45" s="22">
        <v>1</v>
      </c>
      <c r="G45" s="23">
        <v>0</v>
      </c>
      <c r="H45" s="22">
        <v>32</v>
      </c>
      <c r="I45" s="22">
        <v>19</v>
      </c>
      <c r="J45" s="22">
        <v>13</v>
      </c>
      <c r="K45" s="21">
        <v>28</v>
      </c>
      <c r="L45" s="53">
        <v>12</v>
      </c>
      <c r="M45" s="54">
        <v>16</v>
      </c>
    </row>
    <row r="46" spans="1:13">
      <c r="A46" s="20" t="s">
        <v>53</v>
      </c>
      <c r="B46" s="21">
        <v>2</v>
      </c>
      <c r="C46" s="22">
        <v>-2</v>
      </c>
      <c r="D46" s="22">
        <v>4</v>
      </c>
      <c r="E46" s="21">
        <v>0</v>
      </c>
      <c r="F46" s="22">
        <v>0</v>
      </c>
      <c r="G46" s="23">
        <v>0</v>
      </c>
      <c r="H46" s="22">
        <v>24</v>
      </c>
      <c r="I46" s="22">
        <v>9</v>
      </c>
      <c r="J46" s="22">
        <v>15</v>
      </c>
      <c r="K46" s="21">
        <v>22</v>
      </c>
      <c r="L46" s="53">
        <v>11</v>
      </c>
      <c r="M46" s="54">
        <v>11</v>
      </c>
    </row>
    <row r="47" spans="1:13">
      <c r="A47" s="20" t="s">
        <v>54</v>
      </c>
      <c r="B47" s="21">
        <v>4</v>
      </c>
      <c r="C47" s="22">
        <v>1</v>
      </c>
      <c r="D47" s="22">
        <v>3</v>
      </c>
      <c r="E47" s="21">
        <v>0</v>
      </c>
      <c r="F47" s="22">
        <v>0</v>
      </c>
      <c r="G47" s="23">
        <v>0</v>
      </c>
      <c r="H47" s="22">
        <v>30</v>
      </c>
      <c r="I47" s="22">
        <v>12</v>
      </c>
      <c r="J47" s="22">
        <v>18</v>
      </c>
      <c r="K47" s="21">
        <v>26</v>
      </c>
      <c r="L47" s="53">
        <v>11</v>
      </c>
      <c r="M47" s="54">
        <v>15</v>
      </c>
    </row>
    <row r="48" spans="1:13" ht="20.100000000000001" customHeight="1">
      <c r="A48" s="16" t="s">
        <v>55</v>
      </c>
      <c r="B48" s="17">
        <v>30</v>
      </c>
      <c r="C48" s="18">
        <v>10</v>
      </c>
      <c r="D48" s="18">
        <v>20</v>
      </c>
      <c r="E48" s="17">
        <v>0</v>
      </c>
      <c r="F48" s="18">
        <v>0</v>
      </c>
      <c r="G48" s="19">
        <v>0</v>
      </c>
      <c r="H48" s="18">
        <v>125</v>
      </c>
      <c r="I48" s="18">
        <v>60</v>
      </c>
      <c r="J48" s="18">
        <v>65</v>
      </c>
      <c r="K48" s="17">
        <v>95</v>
      </c>
      <c r="L48" s="51">
        <v>50</v>
      </c>
      <c r="M48" s="52">
        <v>45</v>
      </c>
    </row>
    <row r="49" spans="1:13">
      <c r="A49" s="20" t="s">
        <v>56</v>
      </c>
      <c r="B49" s="21">
        <v>6</v>
      </c>
      <c r="C49" s="22">
        <v>4</v>
      </c>
      <c r="D49" s="22">
        <v>2</v>
      </c>
      <c r="E49" s="21">
        <v>0</v>
      </c>
      <c r="F49" s="22">
        <v>0</v>
      </c>
      <c r="G49" s="23">
        <v>0</v>
      </c>
      <c r="H49" s="22">
        <v>27</v>
      </c>
      <c r="I49" s="22">
        <v>14</v>
      </c>
      <c r="J49" s="22">
        <v>13</v>
      </c>
      <c r="K49" s="21">
        <v>21</v>
      </c>
      <c r="L49" s="53">
        <v>10</v>
      </c>
      <c r="M49" s="54">
        <v>11</v>
      </c>
    </row>
    <row r="50" spans="1:13">
      <c r="A50" s="20" t="s">
        <v>57</v>
      </c>
      <c r="B50" s="21">
        <v>2</v>
      </c>
      <c r="C50" s="22">
        <v>-4</v>
      </c>
      <c r="D50" s="22">
        <v>6</v>
      </c>
      <c r="E50" s="21">
        <v>0</v>
      </c>
      <c r="F50" s="22">
        <v>0</v>
      </c>
      <c r="G50" s="23">
        <v>0</v>
      </c>
      <c r="H50" s="22">
        <v>27</v>
      </c>
      <c r="I50" s="22">
        <v>11</v>
      </c>
      <c r="J50" s="22">
        <v>16</v>
      </c>
      <c r="K50" s="21">
        <v>25</v>
      </c>
      <c r="L50" s="53">
        <v>15</v>
      </c>
      <c r="M50" s="54">
        <v>10</v>
      </c>
    </row>
    <row r="51" spans="1:13">
      <c r="A51" s="20" t="s">
        <v>58</v>
      </c>
      <c r="B51" s="21">
        <v>9</v>
      </c>
      <c r="C51" s="22">
        <v>4</v>
      </c>
      <c r="D51" s="22">
        <v>5</v>
      </c>
      <c r="E51" s="21">
        <v>0</v>
      </c>
      <c r="F51" s="22">
        <v>0</v>
      </c>
      <c r="G51" s="23">
        <v>0</v>
      </c>
      <c r="H51" s="22">
        <v>26</v>
      </c>
      <c r="I51" s="22">
        <v>13</v>
      </c>
      <c r="J51" s="22">
        <v>13</v>
      </c>
      <c r="K51" s="21">
        <v>17</v>
      </c>
      <c r="L51" s="53">
        <v>9</v>
      </c>
      <c r="M51" s="54">
        <v>8</v>
      </c>
    </row>
    <row r="52" spans="1:13">
      <c r="A52" s="20" t="s">
        <v>59</v>
      </c>
      <c r="B52" s="21">
        <v>5</v>
      </c>
      <c r="C52" s="22">
        <v>-1</v>
      </c>
      <c r="D52" s="22">
        <v>6</v>
      </c>
      <c r="E52" s="21">
        <v>0</v>
      </c>
      <c r="F52" s="22">
        <v>0</v>
      </c>
      <c r="G52" s="23">
        <v>0</v>
      </c>
      <c r="H52" s="22">
        <v>23</v>
      </c>
      <c r="I52" s="22">
        <v>9</v>
      </c>
      <c r="J52" s="22">
        <v>14</v>
      </c>
      <c r="K52" s="21">
        <v>18</v>
      </c>
      <c r="L52" s="53">
        <v>10</v>
      </c>
      <c r="M52" s="54">
        <v>8</v>
      </c>
    </row>
    <row r="53" spans="1:13">
      <c r="A53" s="20" t="s">
        <v>60</v>
      </c>
      <c r="B53" s="21">
        <v>8</v>
      </c>
      <c r="C53" s="22">
        <v>7</v>
      </c>
      <c r="D53" s="22">
        <v>1</v>
      </c>
      <c r="E53" s="21">
        <v>0</v>
      </c>
      <c r="F53" s="22">
        <v>0</v>
      </c>
      <c r="G53" s="23">
        <v>0</v>
      </c>
      <c r="H53" s="22">
        <v>22</v>
      </c>
      <c r="I53" s="22">
        <v>13</v>
      </c>
      <c r="J53" s="22">
        <v>9</v>
      </c>
      <c r="K53" s="21">
        <v>14</v>
      </c>
      <c r="L53" s="53">
        <v>6</v>
      </c>
      <c r="M53" s="54">
        <v>8</v>
      </c>
    </row>
    <row r="54" spans="1:13" ht="20.100000000000001" customHeight="1">
      <c r="A54" s="16" t="s">
        <v>61</v>
      </c>
      <c r="B54" s="17">
        <v>16</v>
      </c>
      <c r="C54" s="18">
        <v>13</v>
      </c>
      <c r="D54" s="18">
        <v>3</v>
      </c>
      <c r="E54" s="17">
        <v>0</v>
      </c>
      <c r="F54" s="18">
        <v>0</v>
      </c>
      <c r="G54" s="19">
        <v>0</v>
      </c>
      <c r="H54" s="18">
        <v>92</v>
      </c>
      <c r="I54" s="18">
        <v>52</v>
      </c>
      <c r="J54" s="18">
        <v>40</v>
      </c>
      <c r="K54" s="17">
        <v>76</v>
      </c>
      <c r="L54" s="51">
        <v>39</v>
      </c>
      <c r="M54" s="52">
        <v>37</v>
      </c>
    </row>
    <row r="55" spans="1:13">
      <c r="A55" s="20" t="s">
        <v>62</v>
      </c>
      <c r="B55" s="21">
        <v>2</v>
      </c>
      <c r="C55" s="22">
        <v>-1</v>
      </c>
      <c r="D55" s="22">
        <v>3</v>
      </c>
      <c r="E55" s="21">
        <v>0</v>
      </c>
      <c r="F55" s="22">
        <v>0</v>
      </c>
      <c r="G55" s="23">
        <v>0</v>
      </c>
      <c r="H55" s="22">
        <v>18</v>
      </c>
      <c r="I55" s="22">
        <v>7</v>
      </c>
      <c r="J55" s="22">
        <v>11</v>
      </c>
      <c r="K55" s="21">
        <v>16</v>
      </c>
      <c r="L55" s="53">
        <v>8</v>
      </c>
      <c r="M55" s="54">
        <v>8</v>
      </c>
    </row>
    <row r="56" spans="1:13">
      <c r="A56" s="20" t="s">
        <v>63</v>
      </c>
      <c r="B56" s="21">
        <v>0</v>
      </c>
      <c r="C56" s="22">
        <v>2</v>
      </c>
      <c r="D56" s="22">
        <v>-2</v>
      </c>
      <c r="E56" s="21">
        <v>0</v>
      </c>
      <c r="F56" s="22">
        <v>0</v>
      </c>
      <c r="G56" s="23">
        <v>0</v>
      </c>
      <c r="H56" s="22">
        <v>25</v>
      </c>
      <c r="I56" s="22">
        <v>16</v>
      </c>
      <c r="J56" s="22">
        <v>9</v>
      </c>
      <c r="K56" s="21">
        <v>25</v>
      </c>
      <c r="L56" s="53">
        <v>14</v>
      </c>
      <c r="M56" s="54">
        <v>11</v>
      </c>
    </row>
    <row r="57" spans="1:13">
      <c r="A57" s="20" t="s">
        <v>64</v>
      </c>
      <c r="B57" s="21">
        <v>-3</v>
      </c>
      <c r="C57" s="22">
        <v>3</v>
      </c>
      <c r="D57" s="22">
        <v>-6</v>
      </c>
      <c r="E57" s="21">
        <v>0</v>
      </c>
      <c r="F57" s="22">
        <v>0</v>
      </c>
      <c r="G57" s="23">
        <v>0</v>
      </c>
      <c r="H57" s="22">
        <v>13</v>
      </c>
      <c r="I57" s="22">
        <v>9</v>
      </c>
      <c r="J57" s="22">
        <v>4</v>
      </c>
      <c r="K57" s="21">
        <v>16</v>
      </c>
      <c r="L57" s="53">
        <v>6</v>
      </c>
      <c r="M57" s="54">
        <v>10</v>
      </c>
    </row>
    <row r="58" spans="1:13">
      <c r="A58" s="20" t="s">
        <v>65</v>
      </c>
      <c r="B58" s="21">
        <v>17</v>
      </c>
      <c r="C58" s="22">
        <v>7</v>
      </c>
      <c r="D58" s="22">
        <v>10</v>
      </c>
      <c r="E58" s="21">
        <v>0</v>
      </c>
      <c r="F58" s="22">
        <v>0</v>
      </c>
      <c r="G58" s="23">
        <v>0</v>
      </c>
      <c r="H58" s="22">
        <v>26</v>
      </c>
      <c r="I58" s="22">
        <v>13</v>
      </c>
      <c r="J58" s="22">
        <v>13</v>
      </c>
      <c r="K58" s="21">
        <v>9</v>
      </c>
      <c r="L58" s="53">
        <v>6</v>
      </c>
      <c r="M58" s="54">
        <v>3</v>
      </c>
    </row>
    <row r="59" spans="1:13">
      <c r="A59" s="20" t="s">
        <v>66</v>
      </c>
      <c r="B59" s="21">
        <v>0</v>
      </c>
      <c r="C59" s="22">
        <v>2</v>
      </c>
      <c r="D59" s="22">
        <v>-2</v>
      </c>
      <c r="E59" s="21">
        <v>0</v>
      </c>
      <c r="F59" s="22">
        <v>0</v>
      </c>
      <c r="G59" s="23">
        <v>0</v>
      </c>
      <c r="H59" s="22">
        <v>10</v>
      </c>
      <c r="I59" s="22">
        <v>7</v>
      </c>
      <c r="J59" s="22">
        <v>3</v>
      </c>
      <c r="K59" s="21">
        <v>10</v>
      </c>
      <c r="L59" s="53">
        <v>5</v>
      </c>
      <c r="M59" s="54">
        <v>5</v>
      </c>
    </row>
    <row r="60" spans="1:13" ht="20.100000000000001" customHeight="1">
      <c r="A60" s="16" t="s">
        <v>67</v>
      </c>
      <c r="B60" s="17">
        <v>-4</v>
      </c>
      <c r="C60" s="18">
        <v>2</v>
      </c>
      <c r="D60" s="18">
        <v>-6</v>
      </c>
      <c r="E60" s="17">
        <v>5</v>
      </c>
      <c r="F60" s="18">
        <v>4</v>
      </c>
      <c r="G60" s="19">
        <v>1</v>
      </c>
      <c r="H60" s="18">
        <v>81</v>
      </c>
      <c r="I60" s="18">
        <v>44</v>
      </c>
      <c r="J60" s="18">
        <v>37</v>
      </c>
      <c r="K60" s="17">
        <v>80</v>
      </c>
      <c r="L60" s="51">
        <v>38</v>
      </c>
      <c r="M60" s="52">
        <v>42</v>
      </c>
    </row>
    <row r="61" spans="1:13">
      <c r="A61" s="20" t="s">
        <v>68</v>
      </c>
      <c r="B61" s="21">
        <v>0</v>
      </c>
      <c r="C61" s="22">
        <v>1</v>
      </c>
      <c r="D61" s="22">
        <v>-1</v>
      </c>
      <c r="E61" s="21">
        <v>1</v>
      </c>
      <c r="F61" s="22">
        <v>1</v>
      </c>
      <c r="G61" s="23">
        <v>0</v>
      </c>
      <c r="H61" s="22">
        <v>14</v>
      </c>
      <c r="I61" s="22">
        <v>6</v>
      </c>
      <c r="J61" s="22">
        <v>8</v>
      </c>
      <c r="K61" s="21">
        <v>13</v>
      </c>
      <c r="L61" s="53">
        <v>4</v>
      </c>
      <c r="M61" s="54">
        <v>9</v>
      </c>
    </row>
    <row r="62" spans="1:13">
      <c r="A62" s="20" t="s">
        <v>69</v>
      </c>
      <c r="B62" s="21">
        <v>1</v>
      </c>
      <c r="C62" s="22">
        <v>4</v>
      </c>
      <c r="D62" s="22">
        <v>-3</v>
      </c>
      <c r="E62" s="21">
        <v>0</v>
      </c>
      <c r="F62" s="22">
        <v>0</v>
      </c>
      <c r="G62" s="23">
        <v>0</v>
      </c>
      <c r="H62" s="22">
        <v>21</v>
      </c>
      <c r="I62" s="22">
        <v>14</v>
      </c>
      <c r="J62" s="22">
        <v>7</v>
      </c>
      <c r="K62" s="21">
        <v>20</v>
      </c>
      <c r="L62" s="53">
        <v>10</v>
      </c>
      <c r="M62" s="54">
        <v>10</v>
      </c>
    </row>
    <row r="63" spans="1:13">
      <c r="A63" s="20" t="s">
        <v>70</v>
      </c>
      <c r="B63" s="21">
        <v>-2</v>
      </c>
      <c r="C63" s="22">
        <v>2</v>
      </c>
      <c r="D63" s="22">
        <v>-4</v>
      </c>
      <c r="E63" s="21">
        <v>0</v>
      </c>
      <c r="F63" s="22">
        <v>0</v>
      </c>
      <c r="G63" s="23">
        <v>0</v>
      </c>
      <c r="H63" s="22">
        <v>17</v>
      </c>
      <c r="I63" s="22">
        <v>10</v>
      </c>
      <c r="J63" s="22">
        <v>7</v>
      </c>
      <c r="K63" s="21">
        <v>19</v>
      </c>
      <c r="L63" s="53">
        <v>8</v>
      </c>
      <c r="M63" s="54">
        <v>11</v>
      </c>
    </row>
    <row r="64" spans="1:13">
      <c r="A64" s="20" t="s">
        <v>71</v>
      </c>
      <c r="B64" s="21">
        <v>-4</v>
      </c>
      <c r="C64" s="22">
        <v>-4</v>
      </c>
      <c r="D64" s="22">
        <v>0</v>
      </c>
      <c r="E64" s="21">
        <v>3</v>
      </c>
      <c r="F64" s="22">
        <v>2</v>
      </c>
      <c r="G64" s="23">
        <v>1</v>
      </c>
      <c r="H64" s="22">
        <v>15</v>
      </c>
      <c r="I64" s="22">
        <v>7</v>
      </c>
      <c r="J64" s="22">
        <v>8</v>
      </c>
      <c r="K64" s="21">
        <v>16</v>
      </c>
      <c r="L64" s="53">
        <v>9</v>
      </c>
      <c r="M64" s="54">
        <v>7</v>
      </c>
    </row>
    <row r="65" spans="1:13">
      <c r="A65" s="24" t="s">
        <v>72</v>
      </c>
      <c r="B65" s="25">
        <v>1</v>
      </c>
      <c r="C65" s="26">
        <v>-1</v>
      </c>
      <c r="D65" s="26">
        <v>2</v>
      </c>
      <c r="E65" s="25">
        <v>1</v>
      </c>
      <c r="F65" s="26">
        <v>1</v>
      </c>
      <c r="G65" s="27">
        <v>0</v>
      </c>
      <c r="H65" s="26">
        <v>14</v>
      </c>
      <c r="I65" s="26">
        <v>7</v>
      </c>
      <c r="J65" s="26">
        <v>7</v>
      </c>
      <c r="K65" s="25">
        <v>12</v>
      </c>
      <c r="L65" s="55">
        <v>7</v>
      </c>
      <c r="M65" s="56">
        <v>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67</v>
      </c>
      <c r="C69" s="58">
        <v>90</v>
      </c>
      <c r="D69" s="59">
        <v>7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67</v>
      </c>
      <c r="C70" s="61">
        <v>90</v>
      </c>
      <c r="D70" s="62">
        <v>77</v>
      </c>
    </row>
    <row r="71" spans="1:13">
      <c r="A71" s="24" t="s">
        <v>14</v>
      </c>
      <c r="B71" s="63">
        <v>167</v>
      </c>
      <c r="C71" s="64">
        <v>90</v>
      </c>
      <c r="D71" s="65">
        <v>77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0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11</v>
      </c>
      <c r="C77" s="18">
        <v>12</v>
      </c>
      <c r="D77" s="18">
        <v>-1</v>
      </c>
      <c r="E77" s="17">
        <v>5</v>
      </c>
      <c r="F77" s="18">
        <v>1</v>
      </c>
      <c r="G77" s="19">
        <v>4</v>
      </c>
      <c r="H77" s="18">
        <v>56</v>
      </c>
      <c r="I77" s="18">
        <v>30</v>
      </c>
      <c r="J77" s="18">
        <v>26</v>
      </c>
      <c r="K77" s="17">
        <v>40</v>
      </c>
      <c r="L77" s="51">
        <v>17</v>
      </c>
      <c r="M77" s="52">
        <v>23</v>
      </c>
    </row>
    <row r="78" spans="1:13">
      <c r="A78" s="40" t="s">
        <v>81</v>
      </c>
      <c r="B78" s="21">
        <v>2</v>
      </c>
      <c r="C78" s="22">
        <v>1</v>
      </c>
      <c r="D78" s="22">
        <v>1</v>
      </c>
      <c r="E78" s="21">
        <v>0</v>
      </c>
      <c r="F78" s="22">
        <v>0</v>
      </c>
      <c r="G78" s="23">
        <v>0</v>
      </c>
      <c r="H78" s="22">
        <v>10</v>
      </c>
      <c r="I78" s="22">
        <v>5</v>
      </c>
      <c r="J78" s="22">
        <v>5</v>
      </c>
      <c r="K78" s="21">
        <v>8</v>
      </c>
      <c r="L78" s="53">
        <v>4</v>
      </c>
      <c r="M78" s="54">
        <v>4</v>
      </c>
    </row>
    <row r="79" spans="1:13">
      <c r="A79" s="40" t="s">
        <v>82</v>
      </c>
      <c r="B79" s="21">
        <v>1</v>
      </c>
      <c r="C79" s="22">
        <v>3</v>
      </c>
      <c r="D79" s="22">
        <v>-2</v>
      </c>
      <c r="E79" s="21">
        <v>4</v>
      </c>
      <c r="F79" s="22">
        <v>1</v>
      </c>
      <c r="G79" s="23">
        <v>3</v>
      </c>
      <c r="H79" s="22">
        <v>15</v>
      </c>
      <c r="I79" s="22">
        <v>8</v>
      </c>
      <c r="J79" s="22">
        <v>7</v>
      </c>
      <c r="K79" s="21">
        <v>10</v>
      </c>
      <c r="L79" s="53">
        <v>4</v>
      </c>
      <c r="M79" s="54">
        <v>6</v>
      </c>
    </row>
    <row r="80" spans="1:13">
      <c r="A80" s="40" t="s">
        <v>83</v>
      </c>
      <c r="B80" s="21">
        <v>2</v>
      </c>
      <c r="C80" s="22">
        <v>3</v>
      </c>
      <c r="D80" s="22">
        <v>-1</v>
      </c>
      <c r="E80" s="21">
        <v>1</v>
      </c>
      <c r="F80" s="22">
        <v>0</v>
      </c>
      <c r="G80" s="23">
        <v>1</v>
      </c>
      <c r="H80" s="22">
        <v>13</v>
      </c>
      <c r="I80" s="22">
        <v>6</v>
      </c>
      <c r="J80" s="22">
        <v>7</v>
      </c>
      <c r="K80" s="21">
        <v>10</v>
      </c>
      <c r="L80" s="53">
        <v>3</v>
      </c>
      <c r="M80" s="54">
        <v>7</v>
      </c>
    </row>
    <row r="81" spans="1:13">
      <c r="A81" s="40" t="s">
        <v>84</v>
      </c>
      <c r="B81" s="21">
        <v>0</v>
      </c>
      <c r="C81" s="22">
        <v>0</v>
      </c>
      <c r="D81" s="22">
        <v>0</v>
      </c>
      <c r="E81" s="21">
        <v>0</v>
      </c>
      <c r="F81" s="22">
        <v>0</v>
      </c>
      <c r="G81" s="23">
        <v>0</v>
      </c>
      <c r="H81" s="22">
        <v>7</v>
      </c>
      <c r="I81" s="22">
        <v>5</v>
      </c>
      <c r="J81" s="22">
        <v>2</v>
      </c>
      <c r="K81" s="21">
        <v>7</v>
      </c>
      <c r="L81" s="53">
        <v>5</v>
      </c>
      <c r="M81" s="54">
        <v>2</v>
      </c>
    </row>
    <row r="82" spans="1:13">
      <c r="A82" s="40" t="s">
        <v>85</v>
      </c>
      <c r="B82" s="21">
        <v>6</v>
      </c>
      <c r="C82" s="22">
        <v>5</v>
      </c>
      <c r="D82" s="22">
        <v>1</v>
      </c>
      <c r="E82" s="21">
        <v>0</v>
      </c>
      <c r="F82" s="22">
        <v>0</v>
      </c>
      <c r="G82" s="23">
        <v>0</v>
      </c>
      <c r="H82" s="22">
        <v>11</v>
      </c>
      <c r="I82" s="22">
        <v>6</v>
      </c>
      <c r="J82" s="22">
        <v>5</v>
      </c>
      <c r="K82" s="21">
        <v>5</v>
      </c>
      <c r="L82" s="53">
        <v>1</v>
      </c>
      <c r="M82" s="54">
        <v>4</v>
      </c>
    </row>
    <row r="83" spans="1:13" ht="19.5" customHeight="1">
      <c r="A83" s="34" t="s">
        <v>86</v>
      </c>
      <c r="B83" s="17">
        <v>-7</v>
      </c>
      <c r="C83" s="18">
        <v>-6</v>
      </c>
      <c r="D83" s="18">
        <v>-1</v>
      </c>
      <c r="E83" s="17">
        <v>3</v>
      </c>
      <c r="F83" s="18">
        <v>1</v>
      </c>
      <c r="G83" s="19">
        <v>2</v>
      </c>
      <c r="H83" s="18">
        <v>45</v>
      </c>
      <c r="I83" s="18">
        <v>24</v>
      </c>
      <c r="J83" s="18">
        <v>21</v>
      </c>
      <c r="K83" s="17">
        <v>49</v>
      </c>
      <c r="L83" s="51">
        <v>29</v>
      </c>
      <c r="M83" s="52">
        <v>20</v>
      </c>
    </row>
    <row r="84" spans="1:13">
      <c r="A84" s="40" t="s">
        <v>87</v>
      </c>
      <c r="B84" s="21">
        <v>2</v>
      </c>
      <c r="C84" s="22">
        <v>1</v>
      </c>
      <c r="D84" s="22">
        <v>1</v>
      </c>
      <c r="E84" s="21">
        <v>0</v>
      </c>
      <c r="F84" s="22">
        <v>0</v>
      </c>
      <c r="G84" s="23">
        <v>0</v>
      </c>
      <c r="H84" s="22">
        <v>9</v>
      </c>
      <c r="I84" s="22">
        <v>3</v>
      </c>
      <c r="J84" s="22">
        <v>6</v>
      </c>
      <c r="K84" s="21">
        <v>7</v>
      </c>
      <c r="L84" s="53">
        <v>2</v>
      </c>
      <c r="M84" s="54">
        <v>5</v>
      </c>
    </row>
    <row r="85" spans="1:13">
      <c r="A85" s="40" t="s">
        <v>88</v>
      </c>
      <c r="B85" s="21">
        <v>-2</v>
      </c>
      <c r="C85" s="22">
        <v>-3</v>
      </c>
      <c r="D85" s="22">
        <v>1</v>
      </c>
      <c r="E85" s="21">
        <v>0</v>
      </c>
      <c r="F85" s="22">
        <v>0</v>
      </c>
      <c r="G85" s="23">
        <v>0</v>
      </c>
      <c r="H85" s="22">
        <v>10</v>
      </c>
      <c r="I85" s="22">
        <v>4</v>
      </c>
      <c r="J85" s="22">
        <v>6</v>
      </c>
      <c r="K85" s="21">
        <v>12</v>
      </c>
      <c r="L85" s="53">
        <v>7</v>
      </c>
      <c r="M85" s="54">
        <v>5</v>
      </c>
    </row>
    <row r="86" spans="1:13">
      <c r="A86" s="40" t="s">
        <v>89</v>
      </c>
      <c r="B86" s="21">
        <v>2</v>
      </c>
      <c r="C86" s="22">
        <v>2</v>
      </c>
      <c r="D86" s="22">
        <v>0</v>
      </c>
      <c r="E86" s="21">
        <v>0</v>
      </c>
      <c r="F86" s="22">
        <v>0</v>
      </c>
      <c r="G86" s="23">
        <v>0</v>
      </c>
      <c r="H86" s="22">
        <v>9</v>
      </c>
      <c r="I86" s="22">
        <v>6</v>
      </c>
      <c r="J86" s="22">
        <v>3</v>
      </c>
      <c r="K86" s="21">
        <v>7</v>
      </c>
      <c r="L86" s="53">
        <v>4</v>
      </c>
      <c r="M86" s="54">
        <v>3</v>
      </c>
    </row>
    <row r="87" spans="1:13">
      <c r="A87" s="40" t="s">
        <v>90</v>
      </c>
      <c r="B87" s="21">
        <v>-7</v>
      </c>
      <c r="C87" s="22">
        <v>-4</v>
      </c>
      <c r="D87" s="22">
        <v>-3</v>
      </c>
      <c r="E87" s="21">
        <v>3</v>
      </c>
      <c r="F87" s="22">
        <v>1</v>
      </c>
      <c r="G87" s="23">
        <v>2</v>
      </c>
      <c r="H87" s="22">
        <v>5</v>
      </c>
      <c r="I87" s="22">
        <v>2</v>
      </c>
      <c r="J87" s="22">
        <v>3</v>
      </c>
      <c r="K87" s="21">
        <v>9</v>
      </c>
      <c r="L87" s="53">
        <v>5</v>
      </c>
      <c r="M87" s="54">
        <v>4</v>
      </c>
    </row>
    <row r="88" spans="1:13">
      <c r="A88" s="40" t="s">
        <v>91</v>
      </c>
      <c r="B88" s="21">
        <v>-2</v>
      </c>
      <c r="C88" s="22">
        <v>-2</v>
      </c>
      <c r="D88" s="22">
        <v>0</v>
      </c>
      <c r="E88" s="21">
        <v>0</v>
      </c>
      <c r="F88" s="22">
        <v>0</v>
      </c>
      <c r="G88" s="23">
        <v>0</v>
      </c>
      <c r="H88" s="22">
        <v>12</v>
      </c>
      <c r="I88" s="22">
        <v>9</v>
      </c>
      <c r="J88" s="22">
        <v>3</v>
      </c>
      <c r="K88" s="21">
        <v>14</v>
      </c>
      <c r="L88" s="53">
        <v>11</v>
      </c>
      <c r="M88" s="54">
        <v>3</v>
      </c>
    </row>
    <row r="89" spans="1:13" ht="19.5" customHeight="1">
      <c r="A89" s="34" t="s">
        <v>92</v>
      </c>
      <c r="B89" s="17">
        <v>-3</v>
      </c>
      <c r="C89" s="18">
        <v>-4</v>
      </c>
      <c r="D89" s="18">
        <v>1</v>
      </c>
      <c r="E89" s="17">
        <v>9</v>
      </c>
      <c r="F89" s="18">
        <v>5</v>
      </c>
      <c r="G89" s="19">
        <v>4</v>
      </c>
      <c r="H89" s="18">
        <v>35</v>
      </c>
      <c r="I89" s="18">
        <v>15</v>
      </c>
      <c r="J89" s="18">
        <v>20</v>
      </c>
      <c r="K89" s="17">
        <v>29</v>
      </c>
      <c r="L89" s="51">
        <v>14</v>
      </c>
      <c r="M89" s="52">
        <v>15</v>
      </c>
    </row>
    <row r="90" spans="1:13">
      <c r="A90" s="40" t="s">
        <v>93</v>
      </c>
      <c r="B90" s="21">
        <v>2</v>
      </c>
      <c r="C90" s="22">
        <v>0</v>
      </c>
      <c r="D90" s="22">
        <v>2</v>
      </c>
      <c r="E90" s="21">
        <v>3</v>
      </c>
      <c r="F90" s="22">
        <v>1</v>
      </c>
      <c r="G90" s="23">
        <v>2</v>
      </c>
      <c r="H90" s="22">
        <v>11</v>
      </c>
      <c r="I90" s="22">
        <v>5</v>
      </c>
      <c r="J90" s="22">
        <v>6</v>
      </c>
      <c r="K90" s="21">
        <v>6</v>
      </c>
      <c r="L90" s="53">
        <v>4</v>
      </c>
      <c r="M90" s="54">
        <v>2</v>
      </c>
    </row>
    <row r="91" spans="1:13">
      <c r="A91" s="40" t="s">
        <v>94</v>
      </c>
      <c r="B91" s="21">
        <v>-1</v>
      </c>
      <c r="C91" s="22">
        <v>-3</v>
      </c>
      <c r="D91" s="22">
        <v>2</v>
      </c>
      <c r="E91" s="21">
        <v>1</v>
      </c>
      <c r="F91" s="22">
        <v>1</v>
      </c>
      <c r="G91" s="23">
        <v>0</v>
      </c>
      <c r="H91" s="22">
        <v>6</v>
      </c>
      <c r="I91" s="22">
        <v>1</v>
      </c>
      <c r="J91" s="22">
        <v>5</v>
      </c>
      <c r="K91" s="21">
        <v>6</v>
      </c>
      <c r="L91" s="53">
        <v>3</v>
      </c>
      <c r="M91" s="54">
        <v>3</v>
      </c>
    </row>
    <row r="92" spans="1:13">
      <c r="A92" s="40" t="s">
        <v>95</v>
      </c>
      <c r="B92" s="21">
        <v>4</v>
      </c>
      <c r="C92" s="22">
        <v>4</v>
      </c>
      <c r="D92" s="22">
        <v>0</v>
      </c>
      <c r="E92" s="21">
        <v>1</v>
      </c>
      <c r="F92" s="22">
        <v>0</v>
      </c>
      <c r="G92" s="23">
        <v>1</v>
      </c>
      <c r="H92" s="22">
        <v>7</v>
      </c>
      <c r="I92" s="22">
        <v>5</v>
      </c>
      <c r="J92" s="22">
        <v>2</v>
      </c>
      <c r="K92" s="21">
        <v>2</v>
      </c>
      <c r="L92" s="53">
        <v>1</v>
      </c>
      <c r="M92" s="54">
        <v>1</v>
      </c>
    </row>
    <row r="93" spans="1:13">
      <c r="A93" s="40" t="s">
        <v>96</v>
      </c>
      <c r="B93" s="21">
        <v>-6</v>
      </c>
      <c r="C93" s="22">
        <v>-3</v>
      </c>
      <c r="D93" s="22">
        <v>-3</v>
      </c>
      <c r="E93" s="21">
        <v>2</v>
      </c>
      <c r="F93" s="22">
        <v>1</v>
      </c>
      <c r="G93" s="23">
        <v>1</v>
      </c>
      <c r="H93" s="22">
        <v>4</v>
      </c>
      <c r="I93" s="22">
        <v>2</v>
      </c>
      <c r="J93" s="22">
        <v>2</v>
      </c>
      <c r="K93" s="21">
        <v>8</v>
      </c>
      <c r="L93" s="53">
        <v>4</v>
      </c>
      <c r="M93" s="54">
        <v>4</v>
      </c>
    </row>
    <row r="94" spans="1:13">
      <c r="A94" s="40" t="s">
        <v>97</v>
      </c>
      <c r="B94" s="21">
        <v>-2</v>
      </c>
      <c r="C94" s="22">
        <v>-2</v>
      </c>
      <c r="D94" s="22">
        <v>0</v>
      </c>
      <c r="E94" s="21">
        <v>2</v>
      </c>
      <c r="F94" s="22">
        <v>2</v>
      </c>
      <c r="G94" s="23">
        <v>0</v>
      </c>
      <c r="H94" s="22">
        <v>7</v>
      </c>
      <c r="I94" s="22">
        <v>2</v>
      </c>
      <c r="J94" s="22">
        <v>5</v>
      </c>
      <c r="K94" s="21">
        <v>7</v>
      </c>
      <c r="L94" s="53">
        <v>2</v>
      </c>
      <c r="M94" s="54">
        <v>5</v>
      </c>
    </row>
    <row r="95" spans="1:13" ht="19.5" customHeight="1">
      <c r="A95" s="34" t="s">
        <v>98</v>
      </c>
      <c r="B95" s="17">
        <v>-4</v>
      </c>
      <c r="C95" s="18">
        <v>-1</v>
      </c>
      <c r="D95" s="18">
        <v>-3</v>
      </c>
      <c r="E95" s="17">
        <v>17</v>
      </c>
      <c r="F95" s="18">
        <v>10</v>
      </c>
      <c r="G95" s="19">
        <v>7</v>
      </c>
      <c r="H95" s="18">
        <v>36</v>
      </c>
      <c r="I95" s="18">
        <v>21</v>
      </c>
      <c r="J95" s="18">
        <v>15</v>
      </c>
      <c r="K95" s="17">
        <v>23</v>
      </c>
      <c r="L95" s="51">
        <v>12</v>
      </c>
      <c r="M95" s="52">
        <v>11</v>
      </c>
    </row>
    <row r="96" spans="1:13">
      <c r="A96" s="40" t="s">
        <v>99</v>
      </c>
      <c r="B96" s="21">
        <v>-1</v>
      </c>
      <c r="C96" s="22">
        <v>-1</v>
      </c>
      <c r="D96" s="22">
        <v>0</v>
      </c>
      <c r="E96" s="21">
        <v>3</v>
      </c>
      <c r="F96" s="22">
        <v>2</v>
      </c>
      <c r="G96" s="23">
        <v>1</v>
      </c>
      <c r="H96" s="22">
        <v>9</v>
      </c>
      <c r="I96" s="22">
        <v>4</v>
      </c>
      <c r="J96" s="22">
        <v>5</v>
      </c>
      <c r="K96" s="21">
        <v>7</v>
      </c>
      <c r="L96" s="53">
        <v>3</v>
      </c>
      <c r="M96" s="54">
        <v>4</v>
      </c>
    </row>
    <row r="97" spans="1:13">
      <c r="A97" s="40" t="s">
        <v>100</v>
      </c>
      <c r="B97" s="21">
        <v>3</v>
      </c>
      <c r="C97" s="22">
        <v>2</v>
      </c>
      <c r="D97" s="22">
        <v>1</v>
      </c>
      <c r="E97" s="21">
        <v>1</v>
      </c>
      <c r="F97" s="22">
        <v>0</v>
      </c>
      <c r="G97" s="23">
        <v>1</v>
      </c>
      <c r="H97" s="22">
        <v>6</v>
      </c>
      <c r="I97" s="22">
        <v>4</v>
      </c>
      <c r="J97" s="22">
        <v>2</v>
      </c>
      <c r="K97" s="21">
        <v>2</v>
      </c>
      <c r="L97" s="53">
        <v>2</v>
      </c>
      <c r="M97" s="54">
        <v>0</v>
      </c>
    </row>
    <row r="98" spans="1:13">
      <c r="A98" s="40" t="s">
        <v>101</v>
      </c>
      <c r="B98" s="21">
        <v>-4</v>
      </c>
      <c r="C98" s="22">
        <v>-2</v>
      </c>
      <c r="D98" s="22">
        <v>-2</v>
      </c>
      <c r="E98" s="21">
        <v>6</v>
      </c>
      <c r="F98" s="22">
        <v>4</v>
      </c>
      <c r="G98" s="23">
        <v>2</v>
      </c>
      <c r="H98" s="22">
        <v>7</v>
      </c>
      <c r="I98" s="22">
        <v>4</v>
      </c>
      <c r="J98" s="22">
        <v>3</v>
      </c>
      <c r="K98" s="21">
        <v>5</v>
      </c>
      <c r="L98" s="53">
        <v>2</v>
      </c>
      <c r="M98" s="54">
        <v>3</v>
      </c>
    </row>
    <row r="99" spans="1:13">
      <c r="A99" s="40" t="s">
        <v>102</v>
      </c>
      <c r="B99" s="21">
        <v>4</v>
      </c>
      <c r="C99" s="22">
        <v>4</v>
      </c>
      <c r="D99" s="22">
        <v>0</v>
      </c>
      <c r="E99" s="21">
        <v>1</v>
      </c>
      <c r="F99" s="22">
        <v>0</v>
      </c>
      <c r="G99" s="23">
        <v>1</v>
      </c>
      <c r="H99" s="22">
        <v>7</v>
      </c>
      <c r="I99" s="22">
        <v>5</v>
      </c>
      <c r="J99" s="22">
        <v>2</v>
      </c>
      <c r="K99" s="21">
        <v>2</v>
      </c>
      <c r="L99" s="53">
        <v>1</v>
      </c>
      <c r="M99" s="54">
        <v>1</v>
      </c>
    </row>
    <row r="100" spans="1:13">
      <c r="A100" s="40" t="s">
        <v>103</v>
      </c>
      <c r="B100" s="21">
        <v>-6</v>
      </c>
      <c r="C100" s="22">
        <v>-4</v>
      </c>
      <c r="D100" s="22">
        <v>-2</v>
      </c>
      <c r="E100" s="21">
        <v>6</v>
      </c>
      <c r="F100" s="22">
        <v>4</v>
      </c>
      <c r="G100" s="23">
        <v>2</v>
      </c>
      <c r="H100" s="22">
        <v>7</v>
      </c>
      <c r="I100" s="22">
        <v>4</v>
      </c>
      <c r="J100" s="22">
        <v>3</v>
      </c>
      <c r="K100" s="21">
        <v>7</v>
      </c>
      <c r="L100" s="53">
        <v>4</v>
      </c>
      <c r="M100" s="54">
        <v>3</v>
      </c>
    </row>
    <row r="101" spans="1:13" ht="19.5" customHeight="1">
      <c r="A101" s="34" t="s">
        <v>104</v>
      </c>
      <c r="B101" s="17">
        <v>-23</v>
      </c>
      <c r="C101" s="18">
        <v>-15</v>
      </c>
      <c r="D101" s="18">
        <v>-8</v>
      </c>
      <c r="E101" s="17">
        <v>30</v>
      </c>
      <c r="F101" s="18">
        <v>20</v>
      </c>
      <c r="G101" s="19">
        <v>10</v>
      </c>
      <c r="H101" s="18">
        <v>31</v>
      </c>
      <c r="I101" s="18">
        <v>18</v>
      </c>
      <c r="J101" s="18">
        <v>13</v>
      </c>
      <c r="K101" s="17">
        <v>24</v>
      </c>
      <c r="L101" s="51">
        <v>13</v>
      </c>
      <c r="M101" s="52">
        <v>11</v>
      </c>
    </row>
    <row r="102" spans="1:13">
      <c r="A102" s="40" t="s">
        <v>105</v>
      </c>
      <c r="B102" s="21">
        <v>3</v>
      </c>
      <c r="C102" s="22">
        <v>3</v>
      </c>
      <c r="D102" s="22">
        <v>0</v>
      </c>
      <c r="E102" s="21">
        <v>4</v>
      </c>
      <c r="F102" s="22">
        <v>2</v>
      </c>
      <c r="G102" s="23">
        <v>2</v>
      </c>
      <c r="H102" s="22">
        <v>10</v>
      </c>
      <c r="I102" s="22">
        <v>6</v>
      </c>
      <c r="J102" s="22">
        <v>4</v>
      </c>
      <c r="K102" s="21">
        <v>3</v>
      </c>
      <c r="L102" s="53">
        <v>1</v>
      </c>
      <c r="M102" s="54">
        <v>2</v>
      </c>
    </row>
    <row r="103" spans="1:13">
      <c r="A103" s="40" t="s">
        <v>106</v>
      </c>
      <c r="B103" s="21">
        <v>-3</v>
      </c>
      <c r="C103" s="22">
        <v>-1</v>
      </c>
      <c r="D103" s="22">
        <v>-2</v>
      </c>
      <c r="E103" s="21">
        <v>8</v>
      </c>
      <c r="F103" s="22">
        <v>4</v>
      </c>
      <c r="G103" s="23">
        <v>4</v>
      </c>
      <c r="H103" s="22">
        <v>9</v>
      </c>
      <c r="I103" s="22">
        <v>5</v>
      </c>
      <c r="J103" s="22">
        <v>4</v>
      </c>
      <c r="K103" s="21">
        <v>4</v>
      </c>
      <c r="L103" s="53">
        <v>2</v>
      </c>
      <c r="M103" s="54">
        <v>2</v>
      </c>
    </row>
    <row r="104" spans="1:13">
      <c r="A104" s="40" t="s">
        <v>107</v>
      </c>
      <c r="B104" s="21">
        <v>-7</v>
      </c>
      <c r="C104" s="22">
        <v>-5</v>
      </c>
      <c r="D104" s="22">
        <v>-2</v>
      </c>
      <c r="E104" s="21">
        <v>5</v>
      </c>
      <c r="F104" s="22">
        <v>5</v>
      </c>
      <c r="G104" s="23">
        <v>0</v>
      </c>
      <c r="H104" s="22">
        <v>6</v>
      </c>
      <c r="I104" s="22">
        <v>4</v>
      </c>
      <c r="J104" s="22">
        <v>2</v>
      </c>
      <c r="K104" s="21">
        <v>8</v>
      </c>
      <c r="L104" s="53">
        <v>4</v>
      </c>
      <c r="M104" s="54">
        <v>4</v>
      </c>
    </row>
    <row r="105" spans="1:13">
      <c r="A105" s="40" t="s">
        <v>108</v>
      </c>
      <c r="B105" s="21">
        <v>-9</v>
      </c>
      <c r="C105" s="22">
        <v>-6</v>
      </c>
      <c r="D105" s="22">
        <v>-3</v>
      </c>
      <c r="E105" s="21">
        <v>6</v>
      </c>
      <c r="F105" s="22">
        <v>3</v>
      </c>
      <c r="G105" s="23">
        <v>3</v>
      </c>
      <c r="H105" s="22">
        <v>3</v>
      </c>
      <c r="I105" s="22">
        <v>2</v>
      </c>
      <c r="J105" s="22">
        <v>1</v>
      </c>
      <c r="K105" s="21">
        <v>6</v>
      </c>
      <c r="L105" s="53">
        <v>5</v>
      </c>
      <c r="M105" s="54">
        <v>1</v>
      </c>
    </row>
    <row r="106" spans="1:13">
      <c r="A106" s="40" t="s">
        <v>109</v>
      </c>
      <c r="B106" s="21">
        <v>-7</v>
      </c>
      <c r="C106" s="22">
        <v>-6</v>
      </c>
      <c r="D106" s="22">
        <v>-1</v>
      </c>
      <c r="E106" s="21">
        <v>7</v>
      </c>
      <c r="F106" s="22">
        <v>6</v>
      </c>
      <c r="G106" s="23">
        <v>1</v>
      </c>
      <c r="H106" s="22">
        <v>3</v>
      </c>
      <c r="I106" s="22">
        <v>1</v>
      </c>
      <c r="J106" s="22">
        <v>2</v>
      </c>
      <c r="K106" s="21">
        <v>3</v>
      </c>
      <c r="L106" s="53">
        <v>1</v>
      </c>
      <c r="M106" s="54">
        <v>2</v>
      </c>
    </row>
    <row r="107" spans="1:13" ht="19.5" customHeight="1">
      <c r="A107" s="34" t="s">
        <v>110</v>
      </c>
      <c r="B107" s="17">
        <v>-42</v>
      </c>
      <c r="C107" s="18">
        <v>-35</v>
      </c>
      <c r="D107" s="18">
        <v>-7</v>
      </c>
      <c r="E107" s="17">
        <v>51</v>
      </c>
      <c r="F107" s="18">
        <v>37</v>
      </c>
      <c r="G107" s="19">
        <v>14</v>
      </c>
      <c r="H107" s="18">
        <v>22</v>
      </c>
      <c r="I107" s="18">
        <v>9</v>
      </c>
      <c r="J107" s="18">
        <v>13</v>
      </c>
      <c r="K107" s="17">
        <v>13</v>
      </c>
      <c r="L107" s="51">
        <v>7</v>
      </c>
      <c r="M107" s="52">
        <v>6</v>
      </c>
    </row>
    <row r="108" spans="1:13">
      <c r="A108" s="40" t="s">
        <v>111</v>
      </c>
      <c r="B108" s="21">
        <v>-11</v>
      </c>
      <c r="C108" s="22">
        <v>-8</v>
      </c>
      <c r="D108" s="22">
        <v>-3</v>
      </c>
      <c r="E108" s="21">
        <v>11</v>
      </c>
      <c r="F108" s="22">
        <v>6</v>
      </c>
      <c r="G108" s="23">
        <v>5</v>
      </c>
      <c r="H108" s="22">
        <v>2</v>
      </c>
      <c r="I108" s="22">
        <v>0</v>
      </c>
      <c r="J108" s="22">
        <v>2</v>
      </c>
      <c r="K108" s="21">
        <v>2</v>
      </c>
      <c r="L108" s="53">
        <v>2</v>
      </c>
      <c r="M108" s="54">
        <v>0</v>
      </c>
    </row>
    <row r="109" spans="1:13">
      <c r="A109" s="40" t="s">
        <v>112</v>
      </c>
      <c r="B109" s="21">
        <v>-6</v>
      </c>
      <c r="C109" s="22">
        <v>-4</v>
      </c>
      <c r="D109" s="22">
        <v>-2</v>
      </c>
      <c r="E109" s="21">
        <v>7</v>
      </c>
      <c r="F109" s="22">
        <v>5</v>
      </c>
      <c r="G109" s="23">
        <v>2</v>
      </c>
      <c r="H109" s="22">
        <v>2</v>
      </c>
      <c r="I109" s="22">
        <v>1</v>
      </c>
      <c r="J109" s="22">
        <v>1</v>
      </c>
      <c r="K109" s="21">
        <v>1</v>
      </c>
      <c r="L109" s="53">
        <v>0</v>
      </c>
      <c r="M109" s="54">
        <v>1</v>
      </c>
    </row>
    <row r="110" spans="1:13">
      <c r="A110" s="40" t="s">
        <v>113</v>
      </c>
      <c r="B110" s="21">
        <v>-5</v>
      </c>
      <c r="C110" s="22">
        <v>-3</v>
      </c>
      <c r="D110" s="22">
        <v>-2</v>
      </c>
      <c r="E110" s="21">
        <v>11</v>
      </c>
      <c r="F110" s="22">
        <v>7</v>
      </c>
      <c r="G110" s="23">
        <v>4</v>
      </c>
      <c r="H110" s="22">
        <v>8</v>
      </c>
      <c r="I110" s="22">
        <v>5</v>
      </c>
      <c r="J110" s="22">
        <v>3</v>
      </c>
      <c r="K110" s="21">
        <v>2</v>
      </c>
      <c r="L110" s="53">
        <v>1</v>
      </c>
      <c r="M110" s="54">
        <v>1</v>
      </c>
    </row>
    <row r="111" spans="1:13">
      <c r="A111" s="40" t="s">
        <v>114</v>
      </c>
      <c r="B111" s="21">
        <v>-8</v>
      </c>
      <c r="C111" s="22">
        <v>-9</v>
      </c>
      <c r="D111" s="22">
        <v>1</v>
      </c>
      <c r="E111" s="21">
        <v>10</v>
      </c>
      <c r="F111" s="22">
        <v>9</v>
      </c>
      <c r="G111" s="23">
        <v>1</v>
      </c>
      <c r="H111" s="22">
        <v>7</v>
      </c>
      <c r="I111" s="22">
        <v>3</v>
      </c>
      <c r="J111" s="22">
        <v>4</v>
      </c>
      <c r="K111" s="21">
        <v>5</v>
      </c>
      <c r="L111" s="53">
        <v>3</v>
      </c>
      <c r="M111" s="54">
        <v>2</v>
      </c>
    </row>
    <row r="112" spans="1:13">
      <c r="A112" s="40" t="s">
        <v>115</v>
      </c>
      <c r="B112" s="21">
        <v>-12</v>
      </c>
      <c r="C112" s="22">
        <v>-11</v>
      </c>
      <c r="D112" s="22">
        <v>-1</v>
      </c>
      <c r="E112" s="21">
        <v>12</v>
      </c>
      <c r="F112" s="22">
        <v>10</v>
      </c>
      <c r="G112" s="23">
        <v>2</v>
      </c>
      <c r="H112" s="22">
        <v>3</v>
      </c>
      <c r="I112" s="22">
        <v>0</v>
      </c>
      <c r="J112" s="22">
        <v>3</v>
      </c>
      <c r="K112" s="21">
        <v>3</v>
      </c>
      <c r="L112" s="53">
        <v>1</v>
      </c>
      <c r="M112" s="54">
        <v>2</v>
      </c>
    </row>
    <row r="113" spans="1:13" ht="19.5" customHeight="1">
      <c r="A113" s="34" t="s">
        <v>116</v>
      </c>
      <c r="B113" s="17">
        <v>-78</v>
      </c>
      <c r="C113" s="18">
        <v>-46</v>
      </c>
      <c r="D113" s="18">
        <v>-32</v>
      </c>
      <c r="E113" s="17">
        <v>70</v>
      </c>
      <c r="F113" s="18">
        <v>44</v>
      </c>
      <c r="G113" s="19">
        <v>26</v>
      </c>
      <c r="H113" s="18">
        <v>11</v>
      </c>
      <c r="I113" s="18">
        <v>5</v>
      </c>
      <c r="J113" s="18">
        <v>6</v>
      </c>
      <c r="K113" s="17">
        <v>19</v>
      </c>
      <c r="L113" s="51">
        <v>7</v>
      </c>
      <c r="M113" s="52">
        <v>12</v>
      </c>
    </row>
    <row r="114" spans="1:13">
      <c r="A114" s="40" t="s">
        <v>117</v>
      </c>
      <c r="B114" s="21">
        <v>-24</v>
      </c>
      <c r="C114" s="22">
        <v>-11</v>
      </c>
      <c r="D114" s="22">
        <v>-13</v>
      </c>
      <c r="E114" s="21">
        <v>20</v>
      </c>
      <c r="F114" s="22">
        <v>11</v>
      </c>
      <c r="G114" s="23">
        <v>9</v>
      </c>
      <c r="H114" s="22">
        <v>2</v>
      </c>
      <c r="I114" s="22">
        <v>1</v>
      </c>
      <c r="J114" s="22">
        <v>1</v>
      </c>
      <c r="K114" s="21">
        <v>6</v>
      </c>
      <c r="L114" s="53">
        <v>1</v>
      </c>
      <c r="M114" s="54">
        <v>5</v>
      </c>
    </row>
    <row r="115" spans="1:13">
      <c r="A115" s="40" t="s">
        <v>118</v>
      </c>
      <c r="B115" s="21">
        <v>-16</v>
      </c>
      <c r="C115" s="22">
        <v>-14</v>
      </c>
      <c r="D115" s="22">
        <v>-2</v>
      </c>
      <c r="E115" s="21">
        <v>16</v>
      </c>
      <c r="F115" s="22">
        <v>14</v>
      </c>
      <c r="G115" s="23">
        <v>2</v>
      </c>
      <c r="H115" s="22">
        <v>2</v>
      </c>
      <c r="I115" s="22">
        <v>1</v>
      </c>
      <c r="J115" s="22">
        <v>1</v>
      </c>
      <c r="K115" s="21">
        <v>2</v>
      </c>
      <c r="L115" s="53">
        <v>1</v>
      </c>
      <c r="M115" s="54">
        <v>1</v>
      </c>
    </row>
    <row r="116" spans="1:13">
      <c r="A116" s="40" t="s">
        <v>119</v>
      </c>
      <c r="B116" s="21">
        <v>-11</v>
      </c>
      <c r="C116" s="22">
        <v>-6</v>
      </c>
      <c r="D116" s="22">
        <v>-5</v>
      </c>
      <c r="E116" s="21">
        <v>8</v>
      </c>
      <c r="F116" s="22">
        <v>5</v>
      </c>
      <c r="G116" s="23">
        <v>3</v>
      </c>
      <c r="H116" s="22">
        <v>2</v>
      </c>
      <c r="I116" s="22">
        <v>1</v>
      </c>
      <c r="J116" s="22">
        <v>1</v>
      </c>
      <c r="K116" s="21">
        <v>5</v>
      </c>
      <c r="L116" s="53">
        <v>2</v>
      </c>
      <c r="M116" s="54">
        <v>3</v>
      </c>
    </row>
    <row r="117" spans="1:13">
      <c r="A117" s="40" t="s">
        <v>120</v>
      </c>
      <c r="B117" s="21">
        <v>-8</v>
      </c>
      <c r="C117" s="22">
        <v>-4</v>
      </c>
      <c r="D117" s="22">
        <v>-4</v>
      </c>
      <c r="E117" s="21">
        <v>8</v>
      </c>
      <c r="F117" s="22">
        <v>4</v>
      </c>
      <c r="G117" s="23">
        <v>4</v>
      </c>
      <c r="H117" s="22">
        <v>2</v>
      </c>
      <c r="I117" s="22">
        <v>1</v>
      </c>
      <c r="J117" s="22">
        <v>1</v>
      </c>
      <c r="K117" s="21">
        <v>2</v>
      </c>
      <c r="L117" s="53">
        <v>1</v>
      </c>
      <c r="M117" s="54">
        <v>1</v>
      </c>
    </row>
    <row r="118" spans="1:13">
      <c r="A118" s="40" t="s">
        <v>121</v>
      </c>
      <c r="B118" s="21">
        <v>-19</v>
      </c>
      <c r="C118" s="22">
        <v>-11</v>
      </c>
      <c r="D118" s="22">
        <v>-8</v>
      </c>
      <c r="E118" s="21">
        <v>18</v>
      </c>
      <c r="F118" s="22">
        <v>10</v>
      </c>
      <c r="G118" s="23">
        <v>8</v>
      </c>
      <c r="H118" s="22">
        <v>3</v>
      </c>
      <c r="I118" s="22">
        <v>1</v>
      </c>
      <c r="J118" s="22">
        <v>2</v>
      </c>
      <c r="K118" s="21">
        <v>4</v>
      </c>
      <c r="L118" s="53">
        <v>2</v>
      </c>
      <c r="M118" s="54">
        <v>2</v>
      </c>
    </row>
    <row r="119" spans="1:13" ht="19.5" customHeight="1">
      <c r="A119" s="34" t="s">
        <v>122</v>
      </c>
      <c r="B119" s="17">
        <v>-84</v>
      </c>
      <c r="C119" s="18">
        <v>-41</v>
      </c>
      <c r="D119" s="18">
        <v>-43</v>
      </c>
      <c r="E119" s="17">
        <v>80</v>
      </c>
      <c r="F119" s="18">
        <v>39</v>
      </c>
      <c r="G119" s="19">
        <v>41</v>
      </c>
      <c r="H119" s="18">
        <v>10</v>
      </c>
      <c r="I119" s="18">
        <v>3</v>
      </c>
      <c r="J119" s="18">
        <v>7</v>
      </c>
      <c r="K119" s="17">
        <v>14</v>
      </c>
      <c r="L119" s="51">
        <v>5</v>
      </c>
      <c r="M119" s="52">
        <v>9</v>
      </c>
    </row>
    <row r="120" spans="1:13">
      <c r="A120" s="40" t="s">
        <v>123</v>
      </c>
      <c r="B120" s="21">
        <v>-17</v>
      </c>
      <c r="C120" s="22">
        <v>-8</v>
      </c>
      <c r="D120" s="22">
        <v>-9</v>
      </c>
      <c r="E120" s="21">
        <v>14</v>
      </c>
      <c r="F120" s="22">
        <v>6</v>
      </c>
      <c r="G120" s="23">
        <v>8</v>
      </c>
      <c r="H120" s="22">
        <v>1</v>
      </c>
      <c r="I120" s="22">
        <v>0</v>
      </c>
      <c r="J120" s="22">
        <v>1</v>
      </c>
      <c r="K120" s="21">
        <v>4</v>
      </c>
      <c r="L120" s="53">
        <v>2</v>
      </c>
      <c r="M120" s="54">
        <v>2</v>
      </c>
    </row>
    <row r="121" spans="1:13">
      <c r="A121" s="40" t="s">
        <v>124</v>
      </c>
      <c r="B121" s="21">
        <v>-21</v>
      </c>
      <c r="C121" s="22">
        <v>-7</v>
      </c>
      <c r="D121" s="22">
        <v>-14</v>
      </c>
      <c r="E121" s="21">
        <v>18</v>
      </c>
      <c r="F121" s="22">
        <v>7</v>
      </c>
      <c r="G121" s="23">
        <v>11</v>
      </c>
      <c r="H121" s="22">
        <v>0</v>
      </c>
      <c r="I121" s="22">
        <v>0</v>
      </c>
      <c r="J121" s="22">
        <v>0</v>
      </c>
      <c r="K121" s="21">
        <v>3</v>
      </c>
      <c r="L121" s="53">
        <v>0</v>
      </c>
      <c r="M121" s="54">
        <v>3</v>
      </c>
    </row>
    <row r="122" spans="1:13">
      <c r="A122" s="40" t="s">
        <v>125</v>
      </c>
      <c r="B122" s="21">
        <v>-24</v>
      </c>
      <c r="C122" s="22">
        <v>-12</v>
      </c>
      <c r="D122" s="22">
        <v>-12</v>
      </c>
      <c r="E122" s="21">
        <v>24</v>
      </c>
      <c r="F122" s="22">
        <v>12</v>
      </c>
      <c r="G122" s="23">
        <v>12</v>
      </c>
      <c r="H122" s="22">
        <v>2</v>
      </c>
      <c r="I122" s="22">
        <v>1</v>
      </c>
      <c r="J122" s="22">
        <v>1</v>
      </c>
      <c r="K122" s="21">
        <v>2</v>
      </c>
      <c r="L122" s="53">
        <v>1</v>
      </c>
      <c r="M122" s="54">
        <v>1</v>
      </c>
    </row>
    <row r="123" spans="1:13">
      <c r="A123" s="40" t="s">
        <v>126</v>
      </c>
      <c r="B123" s="21">
        <v>-7</v>
      </c>
      <c r="C123" s="22">
        <v>-5</v>
      </c>
      <c r="D123" s="22">
        <v>-2</v>
      </c>
      <c r="E123" s="21">
        <v>11</v>
      </c>
      <c r="F123" s="22">
        <v>7</v>
      </c>
      <c r="G123" s="23">
        <v>4</v>
      </c>
      <c r="H123" s="22">
        <v>5</v>
      </c>
      <c r="I123" s="22">
        <v>2</v>
      </c>
      <c r="J123" s="22">
        <v>3</v>
      </c>
      <c r="K123" s="21">
        <v>1</v>
      </c>
      <c r="L123" s="53">
        <v>0</v>
      </c>
      <c r="M123" s="54">
        <v>1</v>
      </c>
    </row>
    <row r="124" spans="1:13">
      <c r="A124" s="40" t="s">
        <v>127</v>
      </c>
      <c r="B124" s="21">
        <v>-15</v>
      </c>
      <c r="C124" s="22">
        <v>-9</v>
      </c>
      <c r="D124" s="22">
        <v>-6</v>
      </c>
      <c r="E124" s="21">
        <v>13</v>
      </c>
      <c r="F124" s="22">
        <v>7</v>
      </c>
      <c r="G124" s="23">
        <v>6</v>
      </c>
      <c r="H124" s="22">
        <v>2</v>
      </c>
      <c r="I124" s="22">
        <v>0</v>
      </c>
      <c r="J124" s="22">
        <v>2</v>
      </c>
      <c r="K124" s="21">
        <v>4</v>
      </c>
      <c r="L124" s="53">
        <v>2</v>
      </c>
      <c r="M124" s="54">
        <v>2</v>
      </c>
    </row>
    <row r="125" spans="1:13" ht="19.5" customHeight="1">
      <c r="A125" s="34" t="s">
        <v>128</v>
      </c>
      <c r="B125" s="17">
        <v>-67</v>
      </c>
      <c r="C125" s="18">
        <v>-30</v>
      </c>
      <c r="D125" s="18">
        <v>-37</v>
      </c>
      <c r="E125" s="17">
        <v>71</v>
      </c>
      <c r="F125" s="18">
        <v>30</v>
      </c>
      <c r="G125" s="19">
        <v>41</v>
      </c>
      <c r="H125" s="18">
        <v>11</v>
      </c>
      <c r="I125" s="18">
        <v>2</v>
      </c>
      <c r="J125" s="18">
        <v>9</v>
      </c>
      <c r="K125" s="17">
        <v>7</v>
      </c>
      <c r="L125" s="51">
        <v>2</v>
      </c>
      <c r="M125" s="52">
        <v>5</v>
      </c>
    </row>
    <row r="126" spans="1:13">
      <c r="A126" s="40" t="s">
        <v>129</v>
      </c>
      <c r="B126" s="21">
        <v>-16</v>
      </c>
      <c r="C126" s="22">
        <v>-13</v>
      </c>
      <c r="D126" s="22">
        <v>-3</v>
      </c>
      <c r="E126" s="21">
        <v>16</v>
      </c>
      <c r="F126" s="22">
        <v>11</v>
      </c>
      <c r="G126" s="23">
        <v>5</v>
      </c>
      <c r="H126" s="22">
        <v>3</v>
      </c>
      <c r="I126" s="22">
        <v>0</v>
      </c>
      <c r="J126" s="22">
        <v>3</v>
      </c>
      <c r="K126" s="21">
        <v>3</v>
      </c>
      <c r="L126" s="53">
        <v>2</v>
      </c>
      <c r="M126" s="54">
        <v>1</v>
      </c>
    </row>
    <row r="127" spans="1:13">
      <c r="A127" s="40" t="s">
        <v>130</v>
      </c>
      <c r="B127" s="21">
        <v>-18</v>
      </c>
      <c r="C127" s="22">
        <v>-7</v>
      </c>
      <c r="D127" s="22">
        <v>-11</v>
      </c>
      <c r="E127" s="21">
        <v>19</v>
      </c>
      <c r="F127" s="22">
        <v>8</v>
      </c>
      <c r="G127" s="23">
        <v>11</v>
      </c>
      <c r="H127" s="22">
        <v>2</v>
      </c>
      <c r="I127" s="22">
        <v>1</v>
      </c>
      <c r="J127" s="22">
        <v>1</v>
      </c>
      <c r="K127" s="21">
        <v>1</v>
      </c>
      <c r="L127" s="53">
        <v>0</v>
      </c>
      <c r="M127" s="54">
        <v>1</v>
      </c>
    </row>
    <row r="128" spans="1:13">
      <c r="A128" s="40" t="s">
        <v>131</v>
      </c>
      <c r="B128" s="21">
        <v>-8</v>
      </c>
      <c r="C128" s="22">
        <v>-3</v>
      </c>
      <c r="D128" s="22">
        <v>-5</v>
      </c>
      <c r="E128" s="21">
        <v>13</v>
      </c>
      <c r="F128" s="22">
        <v>4</v>
      </c>
      <c r="G128" s="23">
        <v>9</v>
      </c>
      <c r="H128" s="22">
        <v>6</v>
      </c>
      <c r="I128" s="22">
        <v>1</v>
      </c>
      <c r="J128" s="22">
        <v>5</v>
      </c>
      <c r="K128" s="21">
        <v>1</v>
      </c>
      <c r="L128" s="53">
        <v>0</v>
      </c>
      <c r="M128" s="54">
        <v>1</v>
      </c>
    </row>
    <row r="129" spans="1:13">
      <c r="A129" s="40" t="s">
        <v>132</v>
      </c>
      <c r="B129" s="21">
        <v>-15</v>
      </c>
      <c r="C129" s="22">
        <v>-5</v>
      </c>
      <c r="D129" s="22">
        <v>-10</v>
      </c>
      <c r="E129" s="21">
        <v>15</v>
      </c>
      <c r="F129" s="22">
        <v>5</v>
      </c>
      <c r="G129" s="23">
        <v>10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10</v>
      </c>
      <c r="C130" s="22">
        <v>-2</v>
      </c>
      <c r="D130" s="22">
        <v>-8</v>
      </c>
      <c r="E130" s="21">
        <v>8</v>
      </c>
      <c r="F130" s="22">
        <v>2</v>
      </c>
      <c r="G130" s="23">
        <v>6</v>
      </c>
      <c r="H130" s="22">
        <v>0</v>
      </c>
      <c r="I130" s="22">
        <v>0</v>
      </c>
      <c r="J130" s="22">
        <v>0</v>
      </c>
      <c r="K130" s="21">
        <v>2</v>
      </c>
      <c r="L130" s="53">
        <v>0</v>
      </c>
      <c r="M130" s="54">
        <v>2</v>
      </c>
    </row>
    <row r="131" spans="1:13" ht="19.5" customHeight="1">
      <c r="A131" s="34" t="s">
        <v>134</v>
      </c>
      <c r="B131" s="17">
        <v>-41</v>
      </c>
      <c r="C131" s="18">
        <v>-4</v>
      </c>
      <c r="D131" s="18">
        <v>-37</v>
      </c>
      <c r="E131" s="17">
        <v>42</v>
      </c>
      <c r="F131" s="18">
        <v>5</v>
      </c>
      <c r="G131" s="19">
        <v>37</v>
      </c>
      <c r="H131" s="18">
        <v>4</v>
      </c>
      <c r="I131" s="18">
        <v>1</v>
      </c>
      <c r="J131" s="18">
        <v>3</v>
      </c>
      <c r="K131" s="17">
        <v>3</v>
      </c>
      <c r="L131" s="51">
        <v>0</v>
      </c>
      <c r="M131" s="52">
        <v>3</v>
      </c>
    </row>
    <row r="132" spans="1:13">
      <c r="A132" s="40" t="s">
        <v>135</v>
      </c>
      <c r="B132" s="21">
        <v>-7</v>
      </c>
      <c r="C132" s="22">
        <v>0</v>
      </c>
      <c r="D132" s="22">
        <v>-7</v>
      </c>
      <c r="E132" s="21">
        <v>8</v>
      </c>
      <c r="F132" s="22">
        <v>1</v>
      </c>
      <c r="G132" s="23">
        <v>7</v>
      </c>
      <c r="H132" s="22">
        <v>1</v>
      </c>
      <c r="I132" s="22">
        <v>1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12</v>
      </c>
      <c r="C133" s="22">
        <v>-2</v>
      </c>
      <c r="D133" s="22">
        <v>-10</v>
      </c>
      <c r="E133" s="21">
        <v>12</v>
      </c>
      <c r="F133" s="22">
        <v>2</v>
      </c>
      <c r="G133" s="23">
        <v>10</v>
      </c>
      <c r="H133" s="22">
        <v>2</v>
      </c>
      <c r="I133" s="22">
        <v>0</v>
      </c>
      <c r="J133" s="22">
        <v>2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8</v>
      </c>
      <c r="C134" s="22">
        <v>-1</v>
      </c>
      <c r="D134" s="22">
        <v>-7</v>
      </c>
      <c r="E134" s="21">
        <v>8</v>
      </c>
      <c r="F134" s="22">
        <v>1</v>
      </c>
      <c r="G134" s="23">
        <v>7</v>
      </c>
      <c r="H134" s="22">
        <v>1</v>
      </c>
      <c r="I134" s="22">
        <v>0</v>
      </c>
      <c r="J134" s="22">
        <v>1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11</v>
      </c>
      <c r="C135" s="22">
        <v>-1</v>
      </c>
      <c r="D135" s="22">
        <v>-10</v>
      </c>
      <c r="E135" s="21">
        <v>11</v>
      </c>
      <c r="F135" s="22">
        <v>1</v>
      </c>
      <c r="G135" s="23">
        <v>10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3</v>
      </c>
      <c r="C136" s="22">
        <v>0</v>
      </c>
      <c r="D136" s="22">
        <v>-3</v>
      </c>
      <c r="E136" s="21">
        <v>3</v>
      </c>
      <c r="F136" s="22">
        <v>0</v>
      </c>
      <c r="G136" s="23">
        <v>3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4</v>
      </c>
      <c r="C137" s="43">
        <v>-3</v>
      </c>
      <c r="D137" s="43">
        <v>-11</v>
      </c>
      <c r="E137" s="42">
        <v>14</v>
      </c>
      <c r="F137" s="43">
        <v>3</v>
      </c>
      <c r="G137" s="44">
        <v>11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3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244</v>
      </c>
      <c r="C5" s="14">
        <v>-126</v>
      </c>
      <c r="D5" s="14">
        <v>-118</v>
      </c>
      <c r="E5" s="13">
        <v>342</v>
      </c>
      <c r="F5" s="14">
        <v>180</v>
      </c>
      <c r="G5" s="15">
        <v>162</v>
      </c>
      <c r="H5" s="14">
        <v>1003</v>
      </c>
      <c r="I5" s="14">
        <v>504</v>
      </c>
      <c r="J5" s="14">
        <v>499</v>
      </c>
      <c r="K5" s="13">
        <v>1025</v>
      </c>
      <c r="L5" s="49">
        <v>510</v>
      </c>
      <c r="M5" s="50">
        <v>515</v>
      </c>
    </row>
    <row r="6" spans="1:13" ht="19.5" customHeight="1">
      <c r="A6" s="16" t="s">
        <v>13</v>
      </c>
      <c r="B6" s="17">
        <v>151</v>
      </c>
      <c r="C6" s="18">
        <v>75</v>
      </c>
      <c r="D6" s="18">
        <v>76</v>
      </c>
      <c r="E6" s="17">
        <v>0</v>
      </c>
      <c r="F6" s="18">
        <v>0</v>
      </c>
      <c r="G6" s="19">
        <v>0</v>
      </c>
      <c r="H6" s="18">
        <v>79</v>
      </c>
      <c r="I6" s="18">
        <v>36</v>
      </c>
      <c r="J6" s="18">
        <v>43</v>
      </c>
      <c r="K6" s="17">
        <v>48</v>
      </c>
      <c r="L6" s="51">
        <v>21</v>
      </c>
      <c r="M6" s="52">
        <v>27</v>
      </c>
    </row>
    <row r="7" spans="1:13">
      <c r="A7" s="20" t="s">
        <v>14</v>
      </c>
      <c r="B7" s="21">
        <v>128</v>
      </c>
      <c r="C7" s="22">
        <v>67</v>
      </c>
      <c r="D7" s="22">
        <v>61</v>
      </c>
      <c r="E7" s="21">
        <v>0</v>
      </c>
      <c r="F7" s="22">
        <v>0</v>
      </c>
      <c r="G7" s="23">
        <v>0</v>
      </c>
      <c r="H7" s="22">
        <v>16</v>
      </c>
      <c r="I7" s="22">
        <v>10</v>
      </c>
      <c r="J7" s="22">
        <v>6</v>
      </c>
      <c r="K7" s="21">
        <v>8</v>
      </c>
      <c r="L7" s="53">
        <v>3</v>
      </c>
      <c r="M7" s="54">
        <v>5</v>
      </c>
    </row>
    <row r="8" spans="1:13">
      <c r="A8" s="20" t="s">
        <v>15</v>
      </c>
      <c r="B8" s="21">
        <v>7</v>
      </c>
      <c r="C8" s="22">
        <v>4</v>
      </c>
      <c r="D8" s="22">
        <v>3</v>
      </c>
      <c r="E8" s="21">
        <v>0</v>
      </c>
      <c r="F8" s="22">
        <v>0</v>
      </c>
      <c r="G8" s="23">
        <v>0</v>
      </c>
      <c r="H8" s="22">
        <v>22</v>
      </c>
      <c r="I8" s="22">
        <v>11</v>
      </c>
      <c r="J8" s="22">
        <v>11</v>
      </c>
      <c r="K8" s="21">
        <v>15</v>
      </c>
      <c r="L8" s="53">
        <v>7</v>
      </c>
      <c r="M8" s="54">
        <v>8</v>
      </c>
    </row>
    <row r="9" spans="1:13">
      <c r="A9" s="20" t="s">
        <v>16</v>
      </c>
      <c r="B9" s="21">
        <v>5</v>
      </c>
      <c r="C9" s="22">
        <v>-2</v>
      </c>
      <c r="D9" s="22">
        <v>7</v>
      </c>
      <c r="E9" s="21">
        <v>0</v>
      </c>
      <c r="F9" s="22">
        <v>0</v>
      </c>
      <c r="G9" s="23">
        <v>0</v>
      </c>
      <c r="H9" s="22">
        <v>15</v>
      </c>
      <c r="I9" s="22">
        <v>5</v>
      </c>
      <c r="J9" s="22">
        <v>10</v>
      </c>
      <c r="K9" s="21">
        <v>10</v>
      </c>
      <c r="L9" s="53">
        <v>7</v>
      </c>
      <c r="M9" s="54">
        <v>3</v>
      </c>
    </row>
    <row r="10" spans="1:13">
      <c r="A10" s="20" t="s">
        <v>17</v>
      </c>
      <c r="B10" s="21">
        <v>6</v>
      </c>
      <c r="C10" s="22">
        <v>2</v>
      </c>
      <c r="D10" s="22">
        <v>4</v>
      </c>
      <c r="E10" s="21">
        <v>0</v>
      </c>
      <c r="F10" s="22">
        <v>0</v>
      </c>
      <c r="G10" s="23">
        <v>0</v>
      </c>
      <c r="H10" s="22">
        <v>16</v>
      </c>
      <c r="I10" s="22">
        <v>6</v>
      </c>
      <c r="J10" s="22">
        <v>10</v>
      </c>
      <c r="K10" s="21">
        <v>10</v>
      </c>
      <c r="L10" s="53">
        <v>4</v>
      </c>
      <c r="M10" s="54">
        <v>6</v>
      </c>
    </row>
    <row r="11" spans="1:13">
      <c r="A11" s="20" t="s">
        <v>18</v>
      </c>
      <c r="B11" s="21">
        <v>5</v>
      </c>
      <c r="C11" s="22">
        <v>4</v>
      </c>
      <c r="D11" s="22">
        <v>1</v>
      </c>
      <c r="E11" s="21">
        <v>0</v>
      </c>
      <c r="F11" s="22">
        <v>0</v>
      </c>
      <c r="G11" s="23">
        <v>0</v>
      </c>
      <c r="H11" s="22">
        <v>10</v>
      </c>
      <c r="I11" s="22">
        <v>4</v>
      </c>
      <c r="J11" s="22">
        <v>6</v>
      </c>
      <c r="K11" s="21">
        <v>5</v>
      </c>
      <c r="L11" s="53">
        <v>0</v>
      </c>
      <c r="M11" s="54">
        <v>5</v>
      </c>
    </row>
    <row r="12" spans="1:13" ht="20.100000000000001" customHeight="1">
      <c r="A12" s="16" t="s">
        <v>19</v>
      </c>
      <c r="B12" s="17">
        <v>20</v>
      </c>
      <c r="C12" s="18">
        <v>10</v>
      </c>
      <c r="D12" s="18">
        <v>10</v>
      </c>
      <c r="E12" s="17">
        <v>0</v>
      </c>
      <c r="F12" s="18">
        <v>0</v>
      </c>
      <c r="G12" s="19">
        <v>0</v>
      </c>
      <c r="H12" s="18">
        <v>43</v>
      </c>
      <c r="I12" s="18">
        <v>21</v>
      </c>
      <c r="J12" s="18">
        <v>22</v>
      </c>
      <c r="K12" s="17">
        <v>23</v>
      </c>
      <c r="L12" s="51">
        <v>11</v>
      </c>
      <c r="M12" s="52">
        <v>12</v>
      </c>
    </row>
    <row r="13" spans="1:13">
      <c r="A13" s="20" t="s">
        <v>20</v>
      </c>
      <c r="B13" s="21">
        <v>1</v>
      </c>
      <c r="C13" s="22">
        <v>1</v>
      </c>
      <c r="D13" s="22">
        <v>0</v>
      </c>
      <c r="E13" s="21">
        <v>0</v>
      </c>
      <c r="F13" s="22">
        <v>0</v>
      </c>
      <c r="G13" s="23">
        <v>0</v>
      </c>
      <c r="H13" s="22">
        <v>10</v>
      </c>
      <c r="I13" s="22">
        <v>5</v>
      </c>
      <c r="J13" s="22">
        <v>5</v>
      </c>
      <c r="K13" s="21">
        <v>9</v>
      </c>
      <c r="L13" s="53">
        <v>4</v>
      </c>
      <c r="M13" s="54">
        <v>5</v>
      </c>
    </row>
    <row r="14" spans="1:13">
      <c r="A14" s="20" t="s">
        <v>21</v>
      </c>
      <c r="B14" s="21">
        <v>7</v>
      </c>
      <c r="C14" s="22">
        <v>3</v>
      </c>
      <c r="D14" s="22">
        <v>4</v>
      </c>
      <c r="E14" s="21">
        <v>0</v>
      </c>
      <c r="F14" s="22">
        <v>0</v>
      </c>
      <c r="G14" s="23">
        <v>0</v>
      </c>
      <c r="H14" s="22">
        <v>12</v>
      </c>
      <c r="I14" s="22">
        <v>5</v>
      </c>
      <c r="J14" s="22">
        <v>7</v>
      </c>
      <c r="K14" s="21">
        <v>5</v>
      </c>
      <c r="L14" s="53">
        <v>2</v>
      </c>
      <c r="M14" s="54">
        <v>3</v>
      </c>
    </row>
    <row r="15" spans="1:13">
      <c r="A15" s="20" t="s">
        <v>22</v>
      </c>
      <c r="B15" s="21">
        <v>5</v>
      </c>
      <c r="C15" s="22">
        <v>3</v>
      </c>
      <c r="D15" s="22">
        <v>2</v>
      </c>
      <c r="E15" s="21">
        <v>0</v>
      </c>
      <c r="F15" s="22">
        <v>0</v>
      </c>
      <c r="G15" s="23">
        <v>0</v>
      </c>
      <c r="H15" s="22">
        <v>6</v>
      </c>
      <c r="I15" s="22">
        <v>3</v>
      </c>
      <c r="J15" s="22">
        <v>3</v>
      </c>
      <c r="K15" s="21">
        <v>1</v>
      </c>
      <c r="L15" s="53">
        <v>0</v>
      </c>
      <c r="M15" s="54">
        <v>1</v>
      </c>
    </row>
    <row r="16" spans="1:13">
      <c r="A16" s="20" t="s">
        <v>23</v>
      </c>
      <c r="B16" s="21">
        <v>1</v>
      </c>
      <c r="C16" s="22">
        <v>0</v>
      </c>
      <c r="D16" s="22">
        <v>1</v>
      </c>
      <c r="E16" s="21">
        <v>0</v>
      </c>
      <c r="F16" s="22">
        <v>0</v>
      </c>
      <c r="G16" s="23">
        <v>0</v>
      </c>
      <c r="H16" s="22">
        <v>7</v>
      </c>
      <c r="I16" s="22">
        <v>4</v>
      </c>
      <c r="J16" s="22">
        <v>3</v>
      </c>
      <c r="K16" s="21">
        <v>6</v>
      </c>
      <c r="L16" s="53">
        <v>4</v>
      </c>
      <c r="M16" s="54">
        <v>2</v>
      </c>
    </row>
    <row r="17" spans="1:13">
      <c r="A17" s="20" t="s">
        <v>24</v>
      </c>
      <c r="B17" s="21">
        <v>6</v>
      </c>
      <c r="C17" s="22">
        <v>3</v>
      </c>
      <c r="D17" s="22">
        <v>3</v>
      </c>
      <c r="E17" s="21">
        <v>0</v>
      </c>
      <c r="F17" s="22">
        <v>0</v>
      </c>
      <c r="G17" s="23">
        <v>0</v>
      </c>
      <c r="H17" s="22">
        <v>8</v>
      </c>
      <c r="I17" s="22">
        <v>4</v>
      </c>
      <c r="J17" s="22">
        <v>4</v>
      </c>
      <c r="K17" s="21">
        <v>2</v>
      </c>
      <c r="L17" s="53">
        <v>1</v>
      </c>
      <c r="M17" s="54">
        <v>1</v>
      </c>
    </row>
    <row r="18" spans="1:13" ht="20.100000000000001" customHeight="1">
      <c r="A18" s="16" t="s">
        <v>25</v>
      </c>
      <c r="B18" s="17">
        <v>-3</v>
      </c>
      <c r="C18" s="18">
        <v>4</v>
      </c>
      <c r="D18" s="18">
        <v>-7</v>
      </c>
      <c r="E18" s="17">
        <v>0</v>
      </c>
      <c r="F18" s="18">
        <v>0</v>
      </c>
      <c r="G18" s="19">
        <v>0</v>
      </c>
      <c r="H18" s="18">
        <v>19</v>
      </c>
      <c r="I18" s="18">
        <v>16</v>
      </c>
      <c r="J18" s="18">
        <v>3</v>
      </c>
      <c r="K18" s="17">
        <v>22</v>
      </c>
      <c r="L18" s="51">
        <v>12</v>
      </c>
      <c r="M18" s="52">
        <v>10</v>
      </c>
    </row>
    <row r="19" spans="1:13">
      <c r="A19" s="20" t="s">
        <v>26</v>
      </c>
      <c r="B19" s="21">
        <v>4</v>
      </c>
      <c r="C19" s="22">
        <v>3</v>
      </c>
      <c r="D19" s="22">
        <v>1</v>
      </c>
      <c r="E19" s="21">
        <v>0</v>
      </c>
      <c r="F19" s="22">
        <v>0</v>
      </c>
      <c r="G19" s="23">
        <v>0</v>
      </c>
      <c r="H19" s="22">
        <v>7</v>
      </c>
      <c r="I19" s="22">
        <v>6</v>
      </c>
      <c r="J19" s="22">
        <v>1</v>
      </c>
      <c r="K19" s="21">
        <v>3</v>
      </c>
      <c r="L19" s="53">
        <v>3</v>
      </c>
      <c r="M19" s="54">
        <v>0</v>
      </c>
    </row>
    <row r="20" spans="1:13">
      <c r="A20" s="20" t="s">
        <v>27</v>
      </c>
      <c r="B20" s="21">
        <v>-2</v>
      </c>
      <c r="C20" s="22">
        <v>0</v>
      </c>
      <c r="D20" s="22">
        <v>-2</v>
      </c>
      <c r="E20" s="21">
        <v>0</v>
      </c>
      <c r="F20" s="22">
        <v>0</v>
      </c>
      <c r="G20" s="23">
        <v>0</v>
      </c>
      <c r="H20" s="22">
        <v>4</v>
      </c>
      <c r="I20" s="22">
        <v>3</v>
      </c>
      <c r="J20" s="22">
        <v>1</v>
      </c>
      <c r="K20" s="21">
        <v>6</v>
      </c>
      <c r="L20" s="53">
        <v>3</v>
      </c>
      <c r="M20" s="54">
        <v>3</v>
      </c>
    </row>
    <row r="21" spans="1:13">
      <c r="A21" s="20" t="s">
        <v>28</v>
      </c>
      <c r="B21" s="21">
        <v>0</v>
      </c>
      <c r="C21" s="22">
        <v>1</v>
      </c>
      <c r="D21" s="22">
        <v>-1</v>
      </c>
      <c r="E21" s="21">
        <v>0</v>
      </c>
      <c r="F21" s="22">
        <v>0</v>
      </c>
      <c r="G21" s="23">
        <v>0</v>
      </c>
      <c r="H21" s="22">
        <v>1</v>
      </c>
      <c r="I21" s="22">
        <v>1</v>
      </c>
      <c r="J21" s="22">
        <v>0</v>
      </c>
      <c r="K21" s="21">
        <v>1</v>
      </c>
      <c r="L21" s="53">
        <v>0</v>
      </c>
      <c r="M21" s="54">
        <v>1</v>
      </c>
    </row>
    <row r="22" spans="1:13">
      <c r="A22" s="20" t="s">
        <v>29</v>
      </c>
      <c r="B22" s="21">
        <v>0</v>
      </c>
      <c r="C22" s="22">
        <v>1</v>
      </c>
      <c r="D22" s="22">
        <v>-1</v>
      </c>
      <c r="E22" s="21">
        <v>0</v>
      </c>
      <c r="F22" s="22">
        <v>0</v>
      </c>
      <c r="G22" s="23">
        <v>0</v>
      </c>
      <c r="H22" s="22">
        <v>4</v>
      </c>
      <c r="I22" s="22">
        <v>3</v>
      </c>
      <c r="J22" s="22">
        <v>1</v>
      </c>
      <c r="K22" s="21">
        <v>4</v>
      </c>
      <c r="L22" s="53">
        <v>2</v>
      </c>
      <c r="M22" s="54">
        <v>2</v>
      </c>
    </row>
    <row r="23" spans="1:13">
      <c r="A23" s="20" t="s">
        <v>30</v>
      </c>
      <c r="B23" s="21">
        <v>-5</v>
      </c>
      <c r="C23" s="22">
        <v>-1</v>
      </c>
      <c r="D23" s="22">
        <v>-4</v>
      </c>
      <c r="E23" s="21">
        <v>0</v>
      </c>
      <c r="F23" s="22">
        <v>0</v>
      </c>
      <c r="G23" s="23">
        <v>0</v>
      </c>
      <c r="H23" s="22">
        <v>3</v>
      </c>
      <c r="I23" s="22">
        <v>3</v>
      </c>
      <c r="J23" s="22">
        <v>0</v>
      </c>
      <c r="K23" s="21">
        <v>8</v>
      </c>
      <c r="L23" s="53">
        <v>4</v>
      </c>
      <c r="M23" s="54">
        <v>4</v>
      </c>
    </row>
    <row r="24" spans="1:13" ht="20.100000000000001" customHeight="1">
      <c r="A24" s="16" t="s">
        <v>31</v>
      </c>
      <c r="B24" s="17">
        <v>3</v>
      </c>
      <c r="C24" s="18">
        <v>2</v>
      </c>
      <c r="D24" s="18">
        <v>1</v>
      </c>
      <c r="E24" s="17">
        <v>0</v>
      </c>
      <c r="F24" s="18">
        <v>0</v>
      </c>
      <c r="G24" s="19">
        <v>0</v>
      </c>
      <c r="H24" s="18">
        <v>45</v>
      </c>
      <c r="I24" s="18">
        <v>30</v>
      </c>
      <c r="J24" s="18">
        <v>15</v>
      </c>
      <c r="K24" s="17">
        <v>42</v>
      </c>
      <c r="L24" s="51">
        <v>28</v>
      </c>
      <c r="M24" s="52">
        <v>14</v>
      </c>
    </row>
    <row r="25" spans="1:13">
      <c r="A25" s="20" t="s">
        <v>32</v>
      </c>
      <c r="B25" s="21">
        <v>-4</v>
      </c>
      <c r="C25" s="22">
        <v>-2</v>
      </c>
      <c r="D25" s="22">
        <v>-2</v>
      </c>
      <c r="E25" s="21">
        <v>0</v>
      </c>
      <c r="F25" s="22">
        <v>0</v>
      </c>
      <c r="G25" s="23">
        <v>0</v>
      </c>
      <c r="H25" s="22">
        <v>3</v>
      </c>
      <c r="I25" s="22">
        <v>2</v>
      </c>
      <c r="J25" s="22">
        <v>1</v>
      </c>
      <c r="K25" s="21">
        <v>7</v>
      </c>
      <c r="L25" s="53">
        <v>4</v>
      </c>
      <c r="M25" s="54">
        <v>3</v>
      </c>
    </row>
    <row r="26" spans="1:13">
      <c r="A26" s="20" t="s">
        <v>33</v>
      </c>
      <c r="B26" s="21">
        <v>2</v>
      </c>
      <c r="C26" s="22">
        <v>1</v>
      </c>
      <c r="D26" s="22">
        <v>1</v>
      </c>
      <c r="E26" s="21">
        <v>0</v>
      </c>
      <c r="F26" s="22">
        <v>0</v>
      </c>
      <c r="G26" s="23">
        <v>0</v>
      </c>
      <c r="H26" s="22">
        <v>5</v>
      </c>
      <c r="I26" s="22">
        <v>3</v>
      </c>
      <c r="J26" s="22">
        <v>2</v>
      </c>
      <c r="K26" s="21">
        <v>3</v>
      </c>
      <c r="L26" s="53">
        <v>2</v>
      </c>
      <c r="M26" s="54">
        <v>1</v>
      </c>
    </row>
    <row r="27" spans="1:13">
      <c r="A27" s="20" t="s">
        <v>34</v>
      </c>
      <c r="B27" s="21">
        <v>0</v>
      </c>
      <c r="C27" s="22">
        <v>0</v>
      </c>
      <c r="D27" s="22">
        <v>0</v>
      </c>
      <c r="E27" s="21">
        <v>0</v>
      </c>
      <c r="F27" s="22">
        <v>0</v>
      </c>
      <c r="G27" s="23">
        <v>0</v>
      </c>
      <c r="H27" s="22">
        <v>4</v>
      </c>
      <c r="I27" s="22">
        <v>2</v>
      </c>
      <c r="J27" s="22">
        <v>2</v>
      </c>
      <c r="K27" s="21">
        <v>4</v>
      </c>
      <c r="L27" s="53">
        <v>2</v>
      </c>
      <c r="M27" s="54">
        <v>2</v>
      </c>
    </row>
    <row r="28" spans="1:13">
      <c r="A28" s="20" t="s">
        <v>35</v>
      </c>
      <c r="B28" s="21">
        <v>-4</v>
      </c>
      <c r="C28" s="22">
        <v>-3</v>
      </c>
      <c r="D28" s="22">
        <v>-1</v>
      </c>
      <c r="E28" s="21">
        <v>0</v>
      </c>
      <c r="F28" s="22">
        <v>0</v>
      </c>
      <c r="G28" s="23">
        <v>0</v>
      </c>
      <c r="H28" s="22">
        <v>18</v>
      </c>
      <c r="I28" s="22">
        <v>14</v>
      </c>
      <c r="J28" s="22">
        <v>4</v>
      </c>
      <c r="K28" s="21">
        <v>22</v>
      </c>
      <c r="L28" s="53">
        <v>17</v>
      </c>
      <c r="M28" s="54">
        <v>5</v>
      </c>
    </row>
    <row r="29" spans="1:13">
      <c r="A29" s="20" t="s">
        <v>36</v>
      </c>
      <c r="B29" s="21">
        <v>9</v>
      </c>
      <c r="C29" s="22">
        <v>6</v>
      </c>
      <c r="D29" s="22">
        <v>3</v>
      </c>
      <c r="E29" s="21">
        <v>0</v>
      </c>
      <c r="F29" s="22">
        <v>0</v>
      </c>
      <c r="G29" s="23">
        <v>0</v>
      </c>
      <c r="H29" s="22">
        <v>15</v>
      </c>
      <c r="I29" s="22">
        <v>9</v>
      </c>
      <c r="J29" s="22">
        <v>6</v>
      </c>
      <c r="K29" s="21">
        <v>6</v>
      </c>
      <c r="L29" s="53">
        <v>3</v>
      </c>
      <c r="M29" s="54">
        <v>3</v>
      </c>
    </row>
    <row r="30" spans="1:13" ht="20.100000000000001" customHeight="1">
      <c r="A30" s="16" t="s">
        <v>37</v>
      </c>
      <c r="B30" s="17">
        <v>-70</v>
      </c>
      <c r="C30" s="18">
        <v>-38</v>
      </c>
      <c r="D30" s="18">
        <v>-32</v>
      </c>
      <c r="E30" s="17">
        <v>0</v>
      </c>
      <c r="F30" s="18">
        <v>0</v>
      </c>
      <c r="G30" s="19">
        <v>0</v>
      </c>
      <c r="H30" s="18">
        <v>87</v>
      </c>
      <c r="I30" s="18">
        <v>44</v>
      </c>
      <c r="J30" s="18">
        <v>43</v>
      </c>
      <c r="K30" s="17">
        <v>157</v>
      </c>
      <c r="L30" s="51">
        <v>82</v>
      </c>
      <c r="M30" s="52">
        <v>75</v>
      </c>
    </row>
    <row r="31" spans="1:13">
      <c r="A31" s="20" t="s">
        <v>38</v>
      </c>
      <c r="B31" s="21">
        <v>-7</v>
      </c>
      <c r="C31" s="22">
        <v>-4</v>
      </c>
      <c r="D31" s="22">
        <v>-3</v>
      </c>
      <c r="E31" s="21">
        <v>0</v>
      </c>
      <c r="F31" s="22">
        <v>0</v>
      </c>
      <c r="G31" s="23">
        <v>0</v>
      </c>
      <c r="H31" s="22">
        <v>11</v>
      </c>
      <c r="I31" s="22">
        <v>6</v>
      </c>
      <c r="J31" s="22">
        <v>5</v>
      </c>
      <c r="K31" s="21">
        <v>18</v>
      </c>
      <c r="L31" s="53">
        <v>10</v>
      </c>
      <c r="M31" s="54">
        <v>8</v>
      </c>
    </row>
    <row r="32" spans="1:13">
      <c r="A32" s="20" t="s">
        <v>39</v>
      </c>
      <c r="B32" s="21">
        <v>-10</v>
      </c>
      <c r="C32" s="22">
        <v>-1</v>
      </c>
      <c r="D32" s="22">
        <v>-9</v>
      </c>
      <c r="E32" s="21">
        <v>0</v>
      </c>
      <c r="F32" s="22">
        <v>0</v>
      </c>
      <c r="G32" s="23">
        <v>0</v>
      </c>
      <c r="H32" s="22">
        <v>6</v>
      </c>
      <c r="I32" s="22">
        <v>4</v>
      </c>
      <c r="J32" s="22">
        <v>2</v>
      </c>
      <c r="K32" s="21">
        <v>16</v>
      </c>
      <c r="L32" s="53">
        <v>5</v>
      </c>
      <c r="M32" s="54">
        <v>11</v>
      </c>
    </row>
    <row r="33" spans="1:13">
      <c r="A33" s="20" t="s">
        <v>40</v>
      </c>
      <c r="B33" s="21">
        <v>-32</v>
      </c>
      <c r="C33" s="22">
        <v>-20</v>
      </c>
      <c r="D33" s="22">
        <v>-12</v>
      </c>
      <c r="E33" s="21">
        <v>0</v>
      </c>
      <c r="F33" s="22">
        <v>0</v>
      </c>
      <c r="G33" s="23">
        <v>0</v>
      </c>
      <c r="H33" s="22">
        <v>21</v>
      </c>
      <c r="I33" s="22">
        <v>7</v>
      </c>
      <c r="J33" s="22">
        <v>14</v>
      </c>
      <c r="K33" s="21">
        <v>53</v>
      </c>
      <c r="L33" s="53">
        <v>27</v>
      </c>
      <c r="M33" s="54">
        <v>26</v>
      </c>
    </row>
    <row r="34" spans="1:13">
      <c r="A34" s="20" t="s">
        <v>41</v>
      </c>
      <c r="B34" s="21">
        <v>-14</v>
      </c>
      <c r="C34" s="22">
        <v>-11</v>
      </c>
      <c r="D34" s="22">
        <v>-3</v>
      </c>
      <c r="E34" s="21">
        <v>0</v>
      </c>
      <c r="F34" s="22">
        <v>0</v>
      </c>
      <c r="G34" s="23">
        <v>0</v>
      </c>
      <c r="H34" s="22">
        <v>25</v>
      </c>
      <c r="I34" s="22">
        <v>11</v>
      </c>
      <c r="J34" s="22">
        <v>14</v>
      </c>
      <c r="K34" s="21">
        <v>39</v>
      </c>
      <c r="L34" s="53">
        <v>22</v>
      </c>
      <c r="M34" s="54">
        <v>17</v>
      </c>
    </row>
    <row r="35" spans="1:13">
      <c r="A35" s="20" t="s">
        <v>42</v>
      </c>
      <c r="B35" s="21">
        <v>-7</v>
      </c>
      <c r="C35" s="22">
        <v>-2</v>
      </c>
      <c r="D35" s="22">
        <v>-5</v>
      </c>
      <c r="E35" s="21">
        <v>0</v>
      </c>
      <c r="F35" s="22">
        <v>0</v>
      </c>
      <c r="G35" s="23">
        <v>0</v>
      </c>
      <c r="H35" s="22">
        <v>24</v>
      </c>
      <c r="I35" s="22">
        <v>16</v>
      </c>
      <c r="J35" s="22">
        <v>8</v>
      </c>
      <c r="K35" s="21">
        <v>31</v>
      </c>
      <c r="L35" s="53">
        <v>18</v>
      </c>
      <c r="M35" s="54">
        <v>13</v>
      </c>
    </row>
    <row r="36" spans="1:13" ht="20.100000000000001" customHeight="1">
      <c r="A36" s="16" t="s">
        <v>43</v>
      </c>
      <c r="B36" s="17">
        <v>-64</v>
      </c>
      <c r="C36" s="18">
        <v>-31</v>
      </c>
      <c r="D36" s="18">
        <v>-33</v>
      </c>
      <c r="E36" s="17">
        <v>0</v>
      </c>
      <c r="F36" s="18">
        <v>0</v>
      </c>
      <c r="G36" s="19">
        <v>0</v>
      </c>
      <c r="H36" s="18">
        <v>126</v>
      </c>
      <c r="I36" s="18">
        <v>62</v>
      </c>
      <c r="J36" s="18">
        <v>64</v>
      </c>
      <c r="K36" s="17">
        <v>190</v>
      </c>
      <c r="L36" s="51">
        <v>93</v>
      </c>
      <c r="M36" s="52">
        <v>97</v>
      </c>
    </row>
    <row r="37" spans="1:13">
      <c r="A37" s="20" t="s">
        <v>44</v>
      </c>
      <c r="B37" s="21">
        <v>-18</v>
      </c>
      <c r="C37" s="22">
        <v>-6</v>
      </c>
      <c r="D37" s="22">
        <v>-12</v>
      </c>
      <c r="E37" s="21">
        <v>0</v>
      </c>
      <c r="F37" s="22">
        <v>0</v>
      </c>
      <c r="G37" s="23">
        <v>0</v>
      </c>
      <c r="H37" s="22">
        <v>22</v>
      </c>
      <c r="I37" s="22">
        <v>11</v>
      </c>
      <c r="J37" s="22">
        <v>11</v>
      </c>
      <c r="K37" s="21">
        <v>40</v>
      </c>
      <c r="L37" s="53">
        <v>17</v>
      </c>
      <c r="M37" s="54">
        <v>23</v>
      </c>
    </row>
    <row r="38" spans="1:13">
      <c r="A38" s="20" t="s">
        <v>45</v>
      </c>
      <c r="B38" s="21">
        <v>-25</v>
      </c>
      <c r="C38" s="22">
        <v>-8</v>
      </c>
      <c r="D38" s="22">
        <v>-17</v>
      </c>
      <c r="E38" s="21">
        <v>0</v>
      </c>
      <c r="F38" s="22">
        <v>0</v>
      </c>
      <c r="G38" s="23">
        <v>0</v>
      </c>
      <c r="H38" s="22">
        <v>23</v>
      </c>
      <c r="I38" s="22">
        <v>14</v>
      </c>
      <c r="J38" s="22">
        <v>9</v>
      </c>
      <c r="K38" s="21">
        <v>48</v>
      </c>
      <c r="L38" s="53">
        <v>22</v>
      </c>
      <c r="M38" s="54">
        <v>26</v>
      </c>
    </row>
    <row r="39" spans="1:13">
      <c r="A39" s="20" t="s">
        <v>46</v>
      </c>
      <c r="B39" s="21">
        <v>-4</v>
      </c>
      <c r="C39" s="22">
        <v>-3</v>
      </c>
      <c r="D39" s="22">
        <v>-1</v>
      </c>
      <c r="E39" s="21">
        <v>0</v>
      </c>
      <c r="F39" s="22">
        <v>0</v>
      </c>
      <c r="G39" s="23">
        <v>0</v>
      </c>
      <c r="H39" s="22">
        <v>36</v>
      </c>
      <c r="I39" s="22">
        <v>19</v>
      </c>
      <c r="J39" s="22">
        <v>17</v>
      </c>
      <c r="K39" s="21">
        <v>40</v>
      </c>
      <c r="L39" s="53">
        <v>22</v>
      </c>
      <c r="M39" s="54">
        <v>18</v>
      </c>
    </row>
    <row r="40" spans="1:13">
      <c r="A40" s="20" t="s">
        <v>47</v>
      </c>
      <c r="B40" s="21">
        <v>-22</v>
      </c>
      <c r="C40" s="22">
        <v>-13</v>
      </c>
      <c r="D40" s="22">
        <v>-9</v>
      </c>
      <c r="E40" s="21">
        <v>0</v>
      </c>
      <c r="F40" s="22">
        <v>0</v>
      </c>
      <c r="G40" s="23">
        <v>0</v>
      </c>
      <c r="H40" s="22">
        <v>16</v>
      </c>
      <c r="I40" s="22">
        <v>7</v>
      </c>
      <c r="J40" s="22">
        <v>9</v>
      </c>
      <c r="K40" s="21">
        <v>38</v>
      </c>
      <c r="L40" s="53">
        <v>20</v>
      </c>
      <c r="M40" s="54">
        <v>18</v>
      </c>
    </row>
    <row r="41" spans="1:13">
      <c r="A41" s="20" t="s">
        <v>48</v>
      </c>
      <c r="B41" s="21">
        <v>5</v>
      </c>
      <c r="C41" s="22">
        <v>-1</v>
      </c>
      <c r="D41" s="22">
        <v>6</v>
      </c>
      <c r="E41" s="21">
        <v>0</v>
      </c>
      <c r="F41" s="22">
        <v>0</v>
      </c>
      <c r="G41" s="23">
        <v>0</v>
      </c>
      <c r="H41" s="22">
        <v>29</v>
      </c>
      <c r="I41" s="22">
        <v>11</v>
      </c>
      <c r="J41" s="22">
        <v>18</v>
      </c>
      <c r="K41" s="21">
        <v>24</v>
      </c>
      <c r="L41" s="53">
        <v>12</v>
      </c>
      <c r="M41" s="54">
        <v>12</v>
      </c>
    </row>
    <row r="42" spans="1:13" ht="20.100000000000001" customHeight="1">
      <c r="A42" s="16" t="s">
        <v>49</v>
      </c>
      <c r="B42" s="17">
        <v>-2</v>
      </c>
      <c r="C42" s="18">
        <v>4</v>
      </c>
      <c r="D42" s="18">
        <v>-6</v>
      </c>
      <c r="E42" s="17">
        <v>1</v>
      </c>
      <c r="F42" s="18">
        <v>0</v>
      </c>
      <c r="G42" s="19">
        <v>1</v>
      </c>
      <c r="H42" s="18">
        <v>117</v>
      </c>
      <c r="I42" s="18">
        <v>61</v>
      </c>
      <c r="J42" s="18">
        <v>56</v>
      </c>
      <c r="K42" s="17">
        <v>118</v>
      </c>
      <c r="L42" s="51">
        <v>57</v>
      </c>
      <c r="M42" s="52">
        <v>61</v>
      </c>
    </row>
    <row r="43" spans="1:13">
      <c r="A43" s="20" t="s">
        <v>50</v>
      </c>
      <c r="B43" s="21">
        <v>-2</v>
      </c>
      <c r="C43" s="22">
        <v>-1</v>
      </c>
      <c r="D43" s="22">
        <v>-1</v>
      </c>
      <c r="E43" s="21">
        <v>0</v>
      </c>
      <c r="F43" s="22">
        <v>0</v>
      </c>
      <c r="G43" s="23">
        <v>0</v>
      </c>
      <c r="H43" s="22">
        <v>25</v>
      </c>
      <c r="I43" s="22">
        <v>15</v>
      </c>
      <c r="J43" s="22">
        <v>10</v>
      </c>
      <c r="K43" s="21">
        <v>27</v>
      </c>
      <c r="L43" s="53">
        <v>16</v>
      </c>
      <c r="M43" s="54">
        <v>11</v>
      </c>
    </row>
    <row r="44" spans="1:13">
      <c r="A44" s="20" t="s">
        <v>51</v>
      </c>
      <c r="B44" s="21">
        <v>6</v>
      </c>
      <c r="C44" s="22">
        <v>3</v>
      </c>
      <c r="D44" s="22">
        <v>3</v>
      </c>
      <c r="E44" s="21">
        <v>0</v>
      </c>
      <c r="F44" s="22">
        <v>0</v>
      </c>
      <c r="G44" s="23">
        <v>0</v>
      </c>
      <c r="H44" s="22">
        <v>26</v>
      </c>
      <c r="I44" s="22">
        <v>11</v>
      </c>
      <c r="J44" s="22">
        <v>15</v>
      </c>
      <c r="K44" s="21">
        <v>20</v>
      </c>
      <c r="L44" s="53">
        <v>8</v>
      </c>
      <c r="M44" s="54">
        <v>12</v>
      </c>
    </row>
    <row r="45" spans="1:13">
      <c r="A45" s="20" t="s">
        <v>52</v>
      </c>
      <c r="B45" s="21">
        <v>3</v>
      </c>
      <c r="C45" s="22">
        <v>5</v>
      </c>
      <c r="D45" s="22">
        <v>-2</v>
      </c>
      <c r="E45" s="21">
        <v>0</v>
      </c>
      <c r="F45" s="22">
        <v>0</v>
      </c>
      <c r="G45" s="23">
        <v>0</v>
      </c>
      <c r="H45" s="22">
        <v>25</v>
      </c>
      <c r="I45" s="22">
        <v>13</v>
      </c>
      <c r="J45" s="22">
        <v>12</v>
      </c>
      <c r="K45" s="21">
        <v>22</v>
      </c>
      <c r="L45" s="53">
        <v>8</v>
      </c>
      <c r="M45" s="54">
        <v>14</v>
      </c>
    </row>
    <row r="46" spans="1:13">
      <c r="A46" s="20" t="s">
        <v>53</v>
      </c>
      <c r="B46" s="21">
        <v>-9</v>
      </c>
      <c r="C46" s="22">
        <v>-2</v>
      </c>
      <c r="D46" s="22">
        <v>-7</v>
      </c>
      <c r="E46" s="21">
        <v>1</v>
      </c>
      <c r="F46" s="22">
        <v>0</v>
      </c>
      <c r="G46" s="23">
        <v>1</v>
      </c>
      <c r="H46" s="22">
        <v>19</v>
      </c>
      <c r="I46" s="22">
        <v>10</v>
      </c>
      <c r="J46" s="22">
        <v>9</v>
      </c>
      <c r="K46" s="21">
        <v>27</v>
      </c>
      <c r="L46" s="53">
        <v>12</v>
      </c>
      <c r="M46" s="54">
        <v>15</v>
      </c>
    </row>
    <row r="47" spans="1:13">
      <c r="A47" s="20" t="s">
        <v>54</v>
      </c>
      <c r="B47" s="21">
        <v>0</v>
      </c>
      <c r="C47" s="22">
        <v>-1</v>
      </c>
      <c r="D47" s="22">
        <v>1</v>
      </c>
      <c r="E47" s="21">
        <v>0</v>
      </c>
      <c r="F47" s="22">
        <v>0</v>
      </c>
      <c r="G47" s="23">
        <v>0</v>
      </c>
      <c r="H47" s="22">
        <v>22</v>
      </c>
      <c r="I47" s="22">
        <v>12</v>
      </c>
      <c r="J47" s="22">
        <v>10</v>
      </c>
      <c r="K47" s="21">
        <v>22</v>
      </c>
      <c r="L47" s="53">
        <v>13</v>
      </c>
      <c r="M47" s="54">
        <v>9</v>
      </c>
    </row>
    <row r="48" spans="1:13" ht="20.100000000000001" customHeight="1">
      <c r="A48" s="16" t="s">
        <v>55</v>
      </c>
      <c r="B48" s="17">
        <v>32</v>
      </c>
      <c r="C48" s="18">
        <v>16</v>
      </c>
      <c r="D48" s="18">
        <v>16</v>
      </c>
      <c r="E48" s="17">
        <v>0</v>
      </c>
      <c r="F48" s="18">
        <v>0</v>
      </c>
      <c r="G48" s="19">
        <v>0</v>
      </c>
      <c r="H48" s="18">
        <v>110</v>
      </c>
      <c r="I48" s="18">
        <v>60</v>
      </c>
      <c r="J48" s="18">
        <v>50</v>
      </c>
      <c r="K48" s="17">
        <v>78</v>
      </c>
      <c r="L48" s="51">
        <v>44</v>
      </c>
      <c r="M48" s="52">
        <v>34</v>
      </c>
    </row>
    <row r="49" spans="1:13">
      <c r="A49" s="20" t="s">
        <v>56</v>
      </c>
      <c r="B49" s="21">
        <v>7</v>
      </c>
      <c r="C49" s="22">
        <v>4</v>
      </c>
      <c r="D49" s="22">
        <v>3</v>
      </c>
      <c r="E49" s="21">
        <v>0</v>
      </c>
      <c r="F49" s="22">
        <v>0</v>
      </c>
      <c r="G49" s="23">
        <v>0</v>
      </c>
      <c r="H49" s="22">
        <v>25</v>
      </c>
      <c r="I49" s="22">
        <v>14</v>
      </c>
      <c r="J49" s="22">
        <v>11</v>
      </c>
      <c r="K49" s="21">
        <v>18</v>
      </c>
      <c r="L49" s="53">
        <v>10</v>
      </c>
      <c r="M49" s="54">
        <v>8</v>
      </c>
    </row>
    <row r="50" spans="1:13">
      <c r="A50" s="20" t="s">
        <v>57</v>
      </c>
      <c r="B50" s="21">
        <v>10</v>
      </c>
      <c r="C50" s="22">
        <v>-1</v>
      </c>
      <c r="D50" s="22">
        <v>11</v>
      </c>
      <c r="E50" s="21">
        <v>0</v>
      </c>
      <c r="F50" s="22">
        <v>0</v>
      </c>
      <c r="G50" s="23">
        <v>0</v>
      </c>
      <c r="H50" s="22">
        <v>23</v>
      </c>
      <c r="I50" s="22">
        <v>9</v>
      </c>
      <c r="J50" s="22">
        <v>14</v>
      </c>
      <c r="K50" s="21">
        <v>13</v>
      </c>
      <c r="L50" s="53">
        <v>10</v>
      </c>
      <c r="M50" s="54">
        <v>3</v>
      </c>
    </row>
    <row r="51" spans="1:13">
      <c r="A51" s="20" t="s">
        <v>58</v>
      </c>
      <c r="B51" s="21">
        <v>8</v>
      </c>
      <c r="C51" s="22">
        <v>8</v>
      </c>
      <c r="D51" s="22">
        <v>0</v>
      </c>
      <c r="E51" s="21">
        <v>0</v>
      </c>
      <c r="F51" s="22">
        <v>0</v>
      </c>
      <c r="G51" s="23">
        <v>0</v>
      </c>
      <c r="H51" s="22">
        <v>28</v>
      </c>
      <c r="I51" s="22">
        <v>18</v>
      </c>
      <c r="J51" s="22">
        <v>10</v>
      </c>
      <c r="K51" s="21">
        <v>20</v>
      </c>
      <c r="L51" s="53">
        <v>10</v>
      </c>
      <c r="M51" s="54">
        <v>10</v>
      </c>
    </row>
    <row r="52" spans="1:13">
      <c r="A52" s="20" t="s">
        <v>59</v>
      </c>
      <c r="B52" s="21">
        <v>-3</v>
      </c>
      <c r="C52" s="22">
        <v>1</v>
      </c>
      <c r="D52" s="22">
        <v>-4</v>
      </c>
      <c r="E52" s="21">
        <v>0</v>
      </c>
      <c r="F52" s="22">
        <v>0</v>
      </c>
      <c r="G52" s="23">
        <v>0</v>
      </c>
      <c r="H52" s="22">
        <v>14</v>
      </c>
      <c r="I52" s="22">
        <v>11</v>
      </c>
      <c r="J52" s="22">
        <v>3</v>
      </c>
      <c r="K52" s="21">
        <v>17</v>
      </c>
      <c r="L52" s="53">
        <v>10</v>
      </c>
      <c r="M52" s="54">
        <v>7</v>
      </c>
    </row>
    <row r="53" spans="1:13">
      <c r="A53" s="20" t="s">
        <v>60</v>
      </c>
      <c r="B53" s="21">
        <v>10</v>
      </c>
      <c r="C53" s="22">
        <v>4</v>
      </c>
      <c r="D53" s="22">
        <v>6</v>
      </c>
      <c r="E53" s="21">
        <v>0</v>
      </c>
      <c r="F53" s="22">
        <v>0</v>
      </c>
      <c r="G53" s="23">
        <v>0</v>
      </c>
      <c r="H53" s="22">
        <v>20</v>
      </c>
      <c r="I53" s="22">
        <v>8</v>
      </c>
      <c r="J53" s="22">
        <v>12</v>
      </c>
      <c r="K53" s="21">
        <v>10</v>
      </c>
      <c r="L53" s="53">
        <v>4</v>
      </c>
      <c r="M53" s="54">
        <v>6</v>
      </c>
    </row>
    <row r="54" spans="1:13" ht="20.100000000000001" customHeight="1">
      <c r="A54" s="16" t="s">
        <v>61</v>
      </c>
      <c r="B54" s="17">
        <v>9</v>
      </c>
      <c r="C54" s="18">
        <v>-6</v>
      </c>
      <c r="D54" s="18">
        <v>15</v>
      </c>
      <c r="E54" s="17">
        <v>0</v>
      </c>
      <c r="F54" s="18">
        <v>0</v>
      </c>
      <c r="G54" s="19">
        <v>0</v>
      </c>
      <c r="H54" s="18">
        <v>79</v>
      </c>
      <c r="I54" s="18">
        <v>35</v>
      </c>
      <c r="J54" s="18">
        <v>44</v>
      </c>
      <c r="K54" s="17">
        <v>70</v>
      </c>
      <c r="L54" s="51">
        <v>41</v>
      </c>
      <c r="M54" s="52">
        <v>29</v>
      </c>
    </row>
    <row r="55" spans="1:13">
      <c r="A55" s="20" t="s">
        <v>62</v>
      </c>
      <c r="B55" s="21">
        <v>3</v>
      </c>
      <c r="C55" s="22">
        <v>2</v>
      </c>
      <c r="D55" s="22">
        <v>1</v>
      </c>
      <c r="E55" s="21">
        <v>0</v>
      </c>
      <c r="F55" s="22">
        <v>0</v>
      </c>
      <c r="G55" s="23">
        <v>0</v>
      </c>
      <c r="H55" s="22">
        <v>18</v>
      </c>
      <c r="I55" s="22">
        <v>9</v>
      </c>
      <c r="J55" s="22">
        <v>9</v>
      </c>
      <c r="K55" s="21">
        <v>15</v>
      </c>
      <c r="L55" s="53">
        <v>7</v>
      </c>
      <c r="M55" s="54">
        <v>8</v>
      </c>
    </row>
    <row r="56" spans="1:13">
      <c r="A56" s="20" t="s">
        <v>63</v>
      </c>
      <c r="B56" s="21">
        <v>2</v>
      </c>
      <c r="C56" s="22">
        <v>-5</v>
      </c>
      <c r="D56" s="22">
        <v>7</v>
      </c>
      <c r="E56" s="21">
        <v>0</v>
      </c>
      <c r="F56" s="22">
        <v>0</v>
      </c>
      <c r="G56" s="23">
        <v>0</v>
      </c>
      <c r="H56" s="22">
        <v>16</v>
      </c>
      <c r="I56" s="22">
        <v>5</v>
      </c>
      <c r="J56" s="22">
        <v>11</v>
      </c>
      <c r="K56" s="21">
        <v>14</v>
      </c>
      <c r="L56" s="53">
        <v>10</v>
      </c>
      <c r="M56" s="54">
        <v>4</v>
      </c>
    </row>
    <row r="57" spans="1:13">
      <c r="A57" s="20" t="s">
        <v>64</v>
      </c>
      <c r="B57" s="21">
        <v>3</v>
      </c>
      <c r="C57" s="22">
        <v>-4</v>
      </c>
      <c r="D57" s="22">
        <v>7</v>
      </c>
      <c r="E57" s="21">
        <v>0</v>
      </c>
      <c r="F57" s="22">
        <v>0</v>
      </c>
      <c r="G57" s="23">
        <v>0</v>
      </c>
      <c r="H57" s="22">
        <v>19</v>
      </c>
      <c r="I57" s="22">
        <v>8</v>
      </c>
      <c r="J57" s="22">
        <v>11</v>
      </c>
      <c r="K57" s="21">
        <v>16</v>
      </c>
      <c r="L57" s="53">
        <v>12</v>
      </c>
      <c r="M57" s="54">
        <v>4</v>
      </c>
    </row>
    <row r="58" spans="1:13">
      <c r="A58" s="20" t="s">
        <v>65</v>
      </c>
      <c r="B58" s="21">
        <v>1</v>
      </c>
      <c r="C58" s="22">
        <v>0</v>
      </c>
      <c r="D58" s="22">
        <v>1</v>
      </c>
      <c r="E58" s="21">
        <v>0</v>
      </c>
      <c r="F58" s="22">
        <v>0</v>
      </c>
      <c r="G58" s="23">
        <v>0</v>
      </c>
      <c r="H58" s="22">
        <v>13</v>
      </c>
      <c r="I58" s="22">
        <v>7</v>
      </c>
      <c r="J58" s="22">
        <v>6</v>
      </c>
      <c r="K58" s="21">
        <v>12</v>
      </c>
      <c r="L58" s="53">
        <v>7</v>
      </c>
      <c r="M58" s="54">
        <v>5</v>
      </c>
    </row>
    <row r="59" spans="1:13">
      <c r="A59" s="20" t="s">
        <v>66</v>
      </c>
      <c r="B59" s="21">
        <v>0</v>
      </c>
      <c r="C59" s="22">
        <v>1</v>
      </c>
      <c r="D59" s="22">
        <v>-1</v>
      </c>
      <c r="E59" s="21">
        <v>0</v>
      </c>
      <c r="F59" s="22">
        <v>0</v>
      </c>
      <c r="G59" s="23">
        <v>0</v>
      </c>
      <c r="H59" s="22">
        <v>13</v>
      </c>
      <c r="I59" s="22">
        <v>6</v>
      </c>
      <c r="J59" s="22">
        <v>7</v>
      </c>
      <c r="K59" s="21">
        <v>13</v>
      </c>
      <c r="L59" s="53">
        <v>5</v>
      </c>
      <c r="M59" s="54">
        <v>8</v>
      </c>
    </row>
    <row r="60" spans="1:13" ht="20.100000000000001" customHeight="1">
      <c r="A60" s="16" t="s">
        <v>67</v>
      </c>
      <c r="B60" s="17">
        <v>14</v>
      </c>
      <c r="C60" s="18">
        <v>10</v>
      </c>
      <c r="D60" s="18">
        <v>4</v>
      </c>
      <c r="E60" s="17">
        <v>4</v>
      </c>
      <c r="F60" s="18">
        <v>4</v>
      </c>
      <c r="G60" s="19">
        <v>0</v>
      </c>
      <c r="H60" s="18">
        <v>66</v>
      </c>
      <c r="I60" s="18">
        <v>35</v>
      </c>
      <c r="J60" s="18">
        <v>31</v>
      </c>
      <c r="K60" s="17">
        <v>48</v>
      </c>
      <c r="L60" s="51">
        <v>21</v>
      </c>
      <c r="M60" s="52">
        <v>27</v>
      </c>
    </row>
    <row r="61" spans="1:13">
      <c r="A61" s="20" t="s">
        <v>68</v>
      </c>
      <c r="B61" s="21">
        <v>5</v>
      </c>
      <c r="C61" s="22">
        <v>2</v>
      </c>
      <c r="D61" s="22">
        <v>3</v>
      </c>
      <c r="E61" s="21">
        <v>0</v>
      </c>
      <c r="F61" s="22">
        <v>0</v>
      </c>
      <c r="G61" s="23">
        <v>0</v>
      </c>
      <c r="H61" s="22">
        <v>23</v>
      </c>
      <c r="I61" s="22">
        <v>11</v>
      </c>
      <c r="J61" s="22">
        <v>12</v>
      </c>
      <c r="K61" s="21">
        <v>18</v>
      </c>
      <c r="L61" s="53">
        <v>9</v>
      </c>
      <c r="M61" s="54">
        <v>9</v>
      </c>
    </row>
    <row r="62" spans="1:13">
      <c r="A62" s="20" t="s">
        <v>69</v>
      </c>
      <c r="B62" s="21">
        <v>-3</v>
      </c>
      <c r="C62" s="22">
        <v>3</v>
      </c>
      <c r="D62" s="22">
        <v>-6</v>
      </c>
      <c r="E62" s="21">
        <v>0</v>
      </c>
      <c r="F62" s="22">
        <v>0</v>
      </c>
      <c r="G62" s="23">
        <v>0</v>
      </c>
      <c r="H62" s="22">
        <v>12</v>
      </c>
      <c r="I62" s="22">
        <v>7</v>
      </c>
      <c r="J62" s="22">
        <v>5</v>
      </c>
      <c r="K62" s="21">
        <v>15</v>
      </c>
      <c r="L62" s="53">
        <v>4</v>
      </c>
      <c r="M62" s="54">
        <v>11</v>
      </c>
    </row>
    <row r="63" spans="1:13">
      <c r="A63" s="20" t="s">
        <v>70</v>
      </c>
      <c r="B63" s="21">
        <v>9</v>
      </c>
      <c r="C63" s="22">
        <v>6</v>
      </c>
      <c r="D63" s="22">
        <v>3</v>
      </c>
      <c r="E63" s="21">
        <v>0</v>
      </c>
      <c r="F63" s="22">
        <v>0</v>
      </c>
      <c r="G63" s="23">
        <v>0</v>
      </c>
      <c r="H63" s="22">
        <v>14</v>
      </c>
      <c r="I63" s="22">
        <v>8</v>
      </c>
      <c r="J63" s="22">
        <v>6</v>
      </c>
      <c r="K63" s="21">
        <v>5</v>
      </c>
      <c r="L63" s="53">
        <v>2</v>
      </c>
      <c r="M63" s="54">
        <v>3</v>
      </c>
    </row>
    <row r="64" spans="1:13">
      <c r="A64" s="20" t="s">
        <v>71</v>
      </c>
      <c r="B64" s="21">
        <v>3</v>
      </c>
      <c r="C64" s="22">
        <v>1</v>
      </c>
      <c r="D64" s="22">
        <v>2</v>
      </c>
      <c r="E64" s="21">
        <v>2</v>
      </c>
      <c r="F64" s="22">
        <v>2</v>
      </c>
      <c r="G64" s="23">
        <v>0</v>
      </c>
      <c r="H64" s="22">
        <v>11</v>
      </c>
      <c r="I64" s="22">
        <v>7</v>
      </c>
      <c r="J64" s="22">
        <v>4</v>
      </c>
      <c r="K64" s="21">
        <v>6</v>
      </c>
      <c r="L64" s="53">
        <v>4</v>
      </c>
      <c r="M64" s="54">
        <v>2</v>
      </c>
    </row>
    <row r="65" spans="1:13">
      <c r="A65" s="24" t="s">
        <v>72</v>
      </c>
      <c r="B65" s="25">
        <v>0</v>
      </c>
      <c r="C65" s="26">
        <v>-2</v>
      </c>
      <c r="D65" s="26">
        <v>2</v>
      </c>
      <c r="E65" s="25">
        <v>2</v>
      </c>
      <c r="F65" s="26">
        <v>2</v>
      </c>
      <c r="G65" s="27">
        <v>0</v>
      </c>
      <c r="H65" s="26">
        <v>6</v>
      </c>
      <c r="I65" s="26">
        <v>2</v>
      </c>
      <c r="J65" s="26">
        <v>4</v>
      </c>
      <c r="K65" s="25">
        <v>4</v>
      </c>
      <c r="L65" s="55">
        <v>2</v>
      </c>
      <c r="M65" s="56">
        <v>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20</v>
      </c>
      <c r="C69" s="58">
        <v>60</v>
      </c>
      <c r="D69" s="59">
        <v>6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20</v>
      </c>
      <c r="C70" s="61">
        <v>60</v>
      </c>
      <c r="D70" s="62">
        <v>60</v>
      </c>
    </row>
    <row r="71" spans="1:13">
      <c r="A71" s="24" t="s">
        <v>14</v>
      </c>
      <c r="B71" s="63">
        <v>120</v>
      </c>
      <c r="C71" s="64">
        <v>60</v>
      </c>
      <c r="D71" s="65">
        <v>60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0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6</v>
      </c>
      <c r="C77" s="18">
        <v>-9</v>
      </c>
      <c r="D77" s="18">
        <v>-7</v>
      </c>
      <c r="E77" s="17">
        <v>12</v>
      </c>
      <c r="F77" s="18">
        <v>10</v>
      </c>
      <c r="G77" s="19">
        <v>2</v>
      </c>
      <c r="H77" s="18">
        <v>52</v>
      </c>
      <c r="I77" s="18">
        <v>27</v>
      </c>
      <c r="J77" s="18">
        <v>25</v>
      </c>
      <c r="K77" s="17">
        <v>56</v>
      </c>
      <c r="L77" s="51">
        <v>26</v>
      </c>
      <c r="M77" s="52">
        <v>30</v>
      </c>
    </row>
    <row r="78" spans="1:13">
      <c r="A78" s="40" t="s">
        <v>81</v>
      </c>
      <c r="B78" s="21">
        <v>-6</v>
      </c>
      <c r="C78" s="22">
        <v>-8</v>
      </c>
      <c r="D78" s="22">
        <v>2</v>
      </c>
      <c r="E78" s="21">
        <v>4</v>
      </c>
      <c r="F78" s="22">
        <v>4</v>
      </c>
      <c r="G78" s="23">
        <v>0</v>
      </c>
      <c r="H78" s="22">
        <v>12</v>
      </c>
      <c r="I78" s="22">
        <v>2</v>
      </c>
      <c r="J78" s="22">
        <v>10</v>
      </c>
      <c r="K78" s="21">
        <v>14</v>
      </c>
      <c r="L78" s="53">
        <v>6</v>
      </c>
      <c r="M78" s="54">
        <v>8</v>
      </c>
    </row>
    <row r="79" spans="1:13">
      <c r="A79" s="40" t="s">
        <v>82</v>
      </c>
      <c r="B79" s="21">
        <v>-7</v>
      </c>
      <c r="C79" s="22">
        <v>-3</v>
      </c>
      <c r="D79" s="22">
        <v>-4</v>
      </c>
      <c r="E79" s="21">
        <v>2</v>
      </c>
      <c r="F79" s="22">
        <v>2</v>
      </c>
      <c r="G79" s="23">
        <v>0</v>
      </c>
      <c r="H79" s="22">
        <v>9</v>
      </c>
      <c r="I79" s="22">
        <v>5</v>
      </c>
      <c r="J79" s="22">
        <v>4</v>
      </c>
      <c r="K79" s="21">
        <v>14</v>
      </c>
      <c r="L79" s="53">
        <v>6</v>
      </c>
      <c r="M79" s="54">
        <v>8</v>
      </c>
    </row>
    <row r="80" spans="1:13">
      <c r="A80" s="40" t="s">
        <v>83</v>
      </c>
      <c r="B80" s="21">
        <v>2</v>
      </c>
      <c r="C80" s="22">
        <v>0</v>
      </c>
      <c r="D80" s="22">
        <v>2</v>
      </c>
      <c r="E80" s="21">
        <v>0</v>
      </c>
      <c r="F80" s="22">
        <v>0</v>
      </c>
      <c r="G80" s="23">
        <v>0</v>
      </c>
      <c r="H80" s="22">
        <v>12</v>
      </c>
      <c r="I80" s="22">
        <v>7</v>
      </c>
      <c r="J80" s="22">
        <v>5</v>
      </c>
      <c r="K80" s="21">
        <v>10</v>
      </c>
      <c r="L80" s="53">
        <v>7</v>
      </c>
      <c r="M80" s="54">
        <v>3</v>
      </c>
    </row>
    <row r="81" spans="1:13">
      <c r="A81" s="40" t="s">
        <v>84</v>
      </c>
      <c r="B81" s="21">
        <v>-2</v>
      </c>
      <c r="C81" s="22">
        <v>0</v>
      </c>
      <c r="D81" s="22">
        <v>-2</v>
      </c>
      <c r="E81" s="21">
        <v>4</v>
      </c>
      <c r="F81" s="22">
        <v>4</v>
      </c>
      <c r="G81" s="23">
        <v>0</v>
      </c>
      <c r="H81" s="22">
        <v>13</v>
      </c>
      <c r="I81" s="22">
        <v>9</v>
      </c>
      <c r="J81" s="22">
        <v>4</v>
      </c>
      <c r="K81" s="21">
        <v>11</v>
      </c>
      <c r="L81" s="53">
        <v>5</v>
      </c>
      <c r="M81" s="54">
        <v>6</v>
      </c>
    </row>
    <row r="82" spans="1:13">
      <c r="A82" s="40" t="s">
        <v>85</v>
      </c>
      <c r="B82" s="21">
        <v>-3</v>
      </c>
      <c r="C82" s="22">
        <v>2</v>
      </c>
      <c r="D82" s="22">
        <v>-5</v>
      </c>
      <c r="E82" s="21">
        <v>2</v>
      </c>
      <c r="F82" s="22">
        <v>0</v>
      </c>
      <c r="G82" s="23">
        <v>2</v>
      </c>
      <c r="H82" s="22">
        <v>6</v>
      </c>
      <c r="I82" s="22">
        <v>4</v>
      </c>
      <c r="J82" s="22">
        <v>2</v>
      </c>
      <c r="K82" s="21">
        <v>7</v>
      </c>
      <c r="L82" s="53">
        <v>2</v>
      </c>
      <c r="M82" s="54">
        <v>5</v>
      </c>
    </row>
    <row r="83" spans="1:13" ht="19.5" customHeight="1">
      <c r="A83" s="34" t="s">
        <v>86</v>
      </c>
      <c r="B83" s="17">
        <v>-2</v>
      </c>
      <c r="C83" s="18">
        <v>2</v>
      </c>
      <c r="D83" s="18">
        <v>-4</v>
      </c>
      <c r="E83" s="17">
        <v>6</v>
      </c>
      <c r="F83" s="18">
        <v>3</v>
      </c>
      <c r="G83" s="19">
        <v>3</v>
      </c>
      <c r="H83" s="18">
        <v>37</v>
      </c>
      <c r="I83" s="18">
        <v>18</v>
      </c>
      <c r="J83" s="18">
        <v>19</v>
      </c>
      <c r="K83" s="17">
        <v>33</v>
      </c>
      <c r="L83" s="51">
        <v>13</v>
      </c>
      <c r="M83" s="52">
        <v>20</v>
      </c>
    </row>
    <row r="84" spans="1:13">
      <c r="A84" s="40" t="s">
        <v>87</v>
      </c>
      <c r="B84" s="21">
        <v>-3</v>
      </c>
      <c r="C84" s="22">
        <v>-3</v>
      </c>
      <c r="D84" s="22">
        <v>0</v>
      </c>
      <c r="E84" s="21">
        <v>1</v>
      </c>
      <c r="F84" s="22">
        <v>1</v>
      </c>
      <c r="G84" s="23">
        <v>0</v>
      </c>
      <c r="H84" s="22">
        <v>6</v>
      </c>
      <c r="I84" s="22">
        <v>0</v>
      </c>
      <c r="J84" s="22">
        <v>6</v>
      </c>
      <c r="K84" s="21">
        <v>8</v>
      </c>
      <c r="L84" s="53">
        <v>2</v>
      </c>
      <c r="M84" s="54">
        <v>6</v>
      </c>
    </row>
    <row r="85" spans="1:13">
      <c r="A85" s="40" t="s">
        <v>88</v>
      </c>
      <c r="B85" s="21">
        <v>2</v>
      </c>
      <c r="C85" s="22">
        <v>4</v>
      </c>
      <c r="D85" s="22">
        <v>-2</v>
      </c>
      <c r="E85" s="21">
        <v>1</v>
      </c>
      <c r="F85" s="22">
        <v>0</v>
      </c>
      <c r="G85" s="23">
        <v>1</v>
      </c>
      <c r="H85" s="22">
        <v>9</v>
      </c>
      <c r="I85" s="22">
        <v>6</v>
      </c>
      <c r="J85" s="22">
        <v>3</v>
      </c>
      <c r="K85" s="21">
        <v>6</v>
      </c>
      <c r="L85" s="53">
        <v>2</v>
      </c>
      <c r="M85" s="54">
        <v>4</v>
      </c>
    </row>
    <row r="86" spans="1:13">
      <c r="A86" s="40" t="s">
        <v>89</v>
      </c>
      <c r="B86" s="21">
        <v>6</v>
      </c>
      <c r="C86" s="22">
        <v>4</v>
      </c>
      <c r="D86" s="22">
        <v>2</v>
      </c>
      <c r="E86" s="21">
        <v>0</v>
      </c>
      <c r="F86" s="22">
        <v>0</v>
      </c>
      <c r="G86" s="23">
        <v>0</v>
      </c>
      <c r="H86" s="22">
        <v>11</v>
      </c>
      <c r="I86" s="22">
        <v>5</v>
      </c>
      <c r="J86" s="22">
        <v>6</v>
      </c>
      <c r="K86" s="21">
        <v>5</v>
      </c>
      <c r="L86" s="53">
        <v>1</v>
      </c>
      <c r="M86" s="54">
        <v>4</v>
      </c>
    </row>
    <row r="87" spans="1:13">
      <c r="A87" s="40" t="s">
        <v>90</v>
      </c>
      <c r="B87" s="21">
        <v>0</v>
      </c>
      <c r="C87" s="22">
        <v>2</v>
      </c>
      <c r="D87" s="22">
        <v>-2</v>
      </c>
      <c r="E87" s="21">
        <v>0</v>
      </c>
      <c r="F87" s="22">
        <v>0</v>
      </c>
      <c r="G87" s="23">
        <v>0</v>
      </c>
      <c r="H87" s="22">
        <v>6</v>
      </c>
      <c r="I87" s="22">
        <v>4</v>
      </c>
      <c r="J87" s="22">
        <v>2</v>
      </c>
      <c r="K87" s="21">
        <v>6</v>
      </c>
      <c r="L87" s="53">
        <v>2</v>
      </c>
      <c r="M87" s="54">
        <v>4</v>
      </c>
    </row>
    <row r="88" spans="1:13">
      <c r="A88" s="40" t="s">
        <v>91</v>
      </c>
      <c r="B88" s="21">
        <v>-7</v>
      </c>
      <c r="C88" s="22">
        <v>-5</v>
      </c>
      <c r="D88" s="22">
        <v>-2</v>
      </c>
      <c r="E88" s="21">
        <v>4</v>
      </c>
      <c r="F88" s="22">
        <v>2</v>
      </c>
      <c r="G88" s="23">
        <v>2</v>
      </c>
      <c r="H88" s="22">
        <v>5</v>
      </c>
      <c r="I88" s="22">
        <v>3</v>
      </c>
      <c r="J88" s="22">
        <v>2</v>
      </c>
      <c r="K88" s="21">
        <v>8</v>
      </c>
      <c r="L88" s="53">
        <v>6</v>
      </c>
      <c r="M88" s="54">
        <v>2</v>
      </c>
    </row>
    <row r="89" spans="1:13" ht="19.5" customHeight="1">
      <c r="A89" s="34" t="s">
        <v>92</v>
      </c>
      <c r="B89" s="17">
        <v>4</v>
      </c>
      <c r="C89" s="18">
        <v>1</v>
      </c>
      <c r="D89" s="18">
        <v>3</v>
      </c>
      <c r="E89" s="17">
        <v>8</v>
      </c>
      <c r="F89" s="18">
        <v>5</v>
      </c>
      <c r="G89" s="19">
        <v>3</v>
      </c>
      <c r="H89" s="18">
        <v>38</v>
      </c>
      <c r="I89" s="18">
        <v>19</v>
      </c>
      <c r="J89" s="18">
        <v>19</v>
      </c>
      <c r="K89" s="17">
        <v>26</v>
      </c>
      <c r="L89" s="51">
        <v>13</v>
      </c>
      <c r="M89" s="52">
        <v>13</v>
      </c>
    </row>
    <row r="90" spans="1:13">
      <c r="A90" s="40" t="s">
        <v>93</v>
      </c>
      <c r="B90" s="21">
        <v>0</v>
      </c>
      <c r="C90" s="22">
        <v>1</v>
      </c>
      <c r="D90" s="22">
        <v>-1</v>
      </c>
      <c r="E90" s="21">
        <v>0</v>
      </c>
      <c r="F90" s="22">
        <v>0</v>
      </c>
      <c r="G90" s="23">
        <v>0</v>
      </c>
      <c r="H90" s="22">
        <v>6</v>
      </c>
      <c r="I90" s="22">
        <v>3</v>
      </c>
      <c r="J90" s="22">
        <v>3</v>
      </c>
      <c r="K90" s="21">
        <v>6</v>
      </c>
      <c r="L90" s="53">
        <v>2</v>
      </c>
      <c r="M90" s="54">
        <v>4</v>
      </c>
    </row>
    <row r="91" spans="1:13">
      <c r="A91" s="40" t="s">
        <v>94</v>
      </c>
      <c r="B91" s="21">
        <v>3</v>
      </c>
      <c r="C91" s="22">
        <v>3</v>
      </c>
      <c r="D91" s="22">
        <v>0</v>
      </c>
      <c r="E91" s="21">
        <v>4</v>
      </c>
      <c r="F91" s="22">
        <v>2</v>
      </c>
      <c r="G91" s="23">
        <v>2</v>
      </c>
      <c r="H91" s="22">
        <v>11</v>
      </c>
      <c r="I91" s="22">
        <v>7</v>
      </c>
      <c r="J91" s="22">
        <v>4</v>
      </c>
      <c r="K91" s="21">
        <v>4</v>
      </c>
      <c r="L91" s="53">
        <v>2</v>
      </c>
      <c r="M91" s="54">
        <v>2</v>
      </c>
    </row>
    <row r="92" spans="1:13">
      <c r="A92" s="40" t="s">
        <v>95</v>
      </c>
      <c r="B92" s="21">
        <v>-5</v>
      </c>
      <c r="C92" s="22">
        <v>-4</v>
      </c>
      <c r="D92" s="22">
        <v>-1</v>
      </c>
      <c r="E92" s="21">
        <v>3</v>
      </c>
      <c r="F92" s="22">
        <v>2</v>
      </c>
      <c r="G92" s="23">
        <v>1</v>
      </c>
      <c r="H92" s="22">
        <v>3</v>
      </c>
      <c r="I92" s="22">
        <v>2</v>
      </c>
      <c r="J92" s="22">
        <v>1</v>
      </c>
      <c r="K92" s="21">
        <v>5</v>
      </c>
      <c r="L92" s="53">
        <v>4</v>
      </c>
      <c r="M92" s="54">
        <v>1</v>
      </c>
    </row>
    <row r="93" spans="1:13">
      <c r="A93" s="40" t="s">
        <v>96</v>
      </c>
      <c r="B93" s="21">
        <v>2</v>
      </c>
      <c r="C93" s="22">
        <v>-2</v>
      </c>
      <c r="D93" s="22">
        <v>4</v>
      </c>
      <c r="E93" s="21">
        <v>1</v>
      </c>
      <c r="F93" s="22">
        <v>1</v>
      </c>
      <c r="G93" s="23">
        <v>0</v>
      </c>
      <c r="H93" s="22">
        <v>9</v>
      </c>
      <c r="I93" s="22">
        <v>2</v>
      </c>
      <c r="J93" s="22">
        <v>7</v>
      </c>
      <c r="K93" s="21">
        <v>6</v>
      </c>
      <c r="L93" s="53">
        <v>3</v>
      </c>
      <c r="M93" s="54">
        <v>3</v>
      </c>
    </row>
    <row r="94" spans="1:13">
      <c r="A94" s="40" t="s">
        <v>97</v>
      </c>
      <c r="B94" s="21">
        <v>4</v>
      </c>
      <c r="C94" s="22">
        <v>3</v>
      </c>
      <c r="D94" s="22">
        <v>1</v>
      </c>
      <c r="E94" s="21">
        <v>0</v>
      </c>
      <c r="F94" s="22">
        <v>0</v>
      </c>
      <c r="G94" s="23">
        <v>0</v>
      </c>
      <c r="H94" s="22">
        <v>9</v>
      </c>
      <c r="I94" s="22">
        <v>5</v>
      </c>
      <c r="J94" s="22">
        <v>4</v>
      </c>
      <c r="K94" s="21">
        <v>5</v>
      </c>
      <c r="L94" s="53">
        <v>2</v>
      </c>
      <c r="M94" s="54">
        <v>3</v>
      </c>
    </row>
    <row r="95" spans="1:13" ht="19.5" customHeight="1">
      <c r="A95" s="34" t="s">
        <v>98</v>
      </c>
      <c r="B95" s="17">
        <v>-8</v>
      </c>
      <c r="C95" s="18">
        <v>-11</v>
      </c>
      <c r="D95" s="18">
        <v>3</v>
      </c>
      <c r="E95" s="17">
        <v>18</v>
      </c>
      <c r="F95" s="18">
        <v>14</v>
      </c>
      <c r="G95" s="19">
        <v>4</v>
      </c>
      <c r="H95" s="18">
        <v>29</v>
      </c>
      <c r="I95" s="18">
        <v>15</v>
      </c>
      <c r="J95" s="18">
        <v>14</v>
      </c>
      <c r="K95" s="17">
        <v>19</v>
      </c>
      <c r="L95" s="51">
        <v>12</v>
      </c>
      <c r="M95" s="52">
        <v>7</v>
      </c>
    </row>
    <row r="96" spans="1:13">
      <c r="A96" s="40" t="s">
        <v>99</v>
      </c>
      <c r="B96" s="21">
        <v>3</v>
      </c>
      <c r="C96" s="22">
        <v>2</v>
      </c>
      <c r="D96" s="22">
        <v>1</v>
      </c>
      <c r="E96" s="21">
        <v>0</v>
      </c>
      <c r="F96" s="22">
        <v>0</v>
      </c>
      <c r="G96" s="23">
        <v>0</v>
      </c>
      <c r="H96" s="22">
        <v>7</v>
      </c>
      <c r="I96" s="22">
        <v>5</v>
      </c>
      <c r="J96" s="22">
        <v>2</v>
      </c>
      <c r="K96" s="21">
        <v>4</v>
      </c>
      <c r="L96" s="53">
        <v>3</v>
      </c>
      <c r="M96" s="54">
        <v>1</v>
      </c>
    </row>
    <row r="97" spans="1:13">
      <c r="A97" s="40" t="s">
        <v>100</v>
      </c>
      <c r="B97" s="21">
        <v>-2</v>
      </c>
      <c r="C97" s="22">
        <v>-1</v>
      </c>
      <c r="D97" s="22">
        <v>-1</v>
      </c>
      <c r="E97" s="21">
        <v>3</v>
      </c>
      <c r="F97" s="22">
        <v>2</v>
      </c>
      <c r="G97" s="23">
        <v>1</v>
      </c>
      <c r="H97" s="22">
        <v>3</v>
      </c>
      <c r="I97" s="22">
        <v>2</v>
      </c>
      <c r="J97" s="22">
        <v>1</v>
      </c>
      <c r="K97" s="21">
        <v>2</v>
      </c>
      <c r="L97" s="53">
        <v>1</v>
      </c>
      <c r="M97" s="54">
        <v>1</v>
      </c>
    </row>
    <row r="98" spans="1:13">
      <c r="A98" s="40" t="s">
        <v>101</v>
      </c>
      <c r="B98" s="21">
        <v>0</v>
      </c>
      <c r="C98" s="22">
        <v>-2</v>
      </c>
      <c r="D98" s="22">
        <v>2</v>
      </c>
      <c r="E98" s="21">
        <v>3</v>
      </c>
      <c r="F98" s="22">
        <v>3</v>
      </c>
      <c r="G98" s="23">
        <v>0</v>
      </c>
      <c r="H98" s="22">
        <v>8</v>
      </c>
      <c r="I98" s="22">
        <v>5</v>
      </c>
      <c r="J98" s="22">
        <v>3</v>
      </c>
      <c r="K98" s="21">
        <v>5</v>
      </c>
      <c r="L98" s="53">
        <v>4</v>
      </c>
      <c r="M98" s="54">
        <v>1</v>
      </c>
    </row>
    <row r="99" spans="1:13">
      <c r="A99" s="40" t="s">
        <v>102</v>
      </c>
      <c r="B99" s="21">
        <v>0</v>
      </c>
      <c r="C99" s="22">
        <v>-1</v>
      </c>
      <c r="D99" s="22">
        <v>1</v>
      </c>
      <c r="E99" s="21">
        <v>2</v>
      </c>
      <c r="F99" s="22">
        <v>1</v>
      </c>
      <c r="G99" s="23">
        <v>1</v>
      </c>
      <c r="H99" s="22">
        <v>7</v>
      </c>
      <c r="I99" s="22">
        <v>2</v>
      </c>
      <c r="J99" s="22">
        <v>5</v>
      </c>
      <c r="K99" s="21">
        <v>5</v>
      </c>
      <c r="L99" s="53">
        <v>2</v>
      </c>
      <c r="M99" s="54">
        <v>3</v>
      </c>
    </row>
    <row r="100" spans="1:13">
      <c r="A100" s="40" t="s">
        <v>103</v>
      </c>
      <c r="B100" s="21">
        <v>-9</v>
      </c>
      <c r="C100" s="22">
        <v>-9</v>
      </c>
      <c r="D100" s="22">
        <v>0</v>
      </c>
      <c r="E100" s="21">
        <v>10</v>
      </c>
      <c r="F100" s="22">
        <v>8</v>
      </c>
      <c r="G100" s="23">
        <v>2</v>
      </c>
      <c r="H100" s="22">
        <v>4</v>
      </c>
      <c r="I100" s="22">
        <v>1</v>
      </c>
      <c r="J100" s="22">
        <v>3</v>
      </c>
      <c r="K100" s="21">
        <v>3</v>
      </c>
      <c r="L100" s="53">
        <v>2</v>
      </c>
      <c r="M100" s="54">
        <v>1</v>
      </c>
    </row>
    <row r="101" spans="1:13" ht="19.5" customHeight="1">
      <c r="A101" s="34" t="s">
        <v>104</v>
      </c>
      <c r="B101" s="17">
        <v>-21</v>
      </c>
      <c r="C101" s="18">
        <v>-8</v>
      </c>
      <c r="D101" s="18">
        <v>-13</v>
      </c>
      <c r="E101" s="17">
        <v>24</v>
      </c>
      <c r="F101" s="18">
        <v>14</v>
      </c>
      <c r="G101" s="19">
        <v>10</v>
      </c>
      <c r="H101" s="18">
        <v>22</v>
      </c>
      <c r="I101" s="18">
        <v>12</v>
      </c>
      <c r="J101" s="18">
        <v>10</v>
      </c>
      <c r="K101" s="17">
        <v>19</v>
      </c>
      <c r="L101" s="51">
        <v>6</v>
      </c>
      <c r="M101" s="52">
        <v>13</v>
      </c>
    </row>
    <row r="102" spans="1:13">
      <c r="A102" s="40" t="s">
        <v>105</v>
      </c>
      <c r="B102" s="21">
        <v>-2</v>
      </c>
      <c r="C102" s="22">
        <v>-1</v>
      </c>
      <c r="D102" s="22">
        <v>-1</v>
      </c>
      <c r="E102" s="21">
        <v>4</v>
      </c>
      <c r="F102" s="22">
        <v>3</v>
      </c>
      <c r="G102" s="23">
        <v>1</v>
      </c>
      <c r="H102" s="22">
        <v>8</v>
      </c>
      <c r="I102" s="22">
        <v>5</v>
      </c>
      <c r="J102" s="22">
        <v>3</v>
      </c>
      <c r="K102" s="21">
        <v>6</v>
      </c>
      <c r="L102" s="53">
        <v>3</v>
      </c>
      <c r="M102" s="54">
        <v>3</v>
      </c>
    </row>
    <row r="103" spans="1:13">
      <c r="A103" s="40" t="s">
        <v>106</v>
      </c>
      <c r="B103" s="21">
        <v>-6</v>
      </c>
      <c r="C103" s="22">
        <v>-1</v>
      </c>
      <c r="D103" s="22">
        <v>-5</v>
      </c>
      <c r="E103" s="21">
        <v>4</v>
      </c>
      <c r="F103" s="22">
        <v>2</v>
      </c>
      <c r="G103" s="23">
        <v>2</v>
      </c>
      <c r="H103" s="22">
        <v>3</v>
      </c>
      <c r="I103" s="22">
        <v>2</v>
      </c>
      <c r="J103" s="22">
        <v>1</v>
      </c>
      <c r="K103" s="21">
        <v>5</v>
      </c>
      <c r="L103" s="53">
        <v>1</v>
      </c>
      <c r="M103" s="54">
        <v>4</v>
      </c>
    </row>
    <row r="104" spans="1:13">
      <c r="A104" s="40" t="s">
        <v>107</v>
      </c>
      <c r="B104" s="21">
        <v>-6</v>
      </c>
      <c r="C104" s="22">
        <v>-1</v>
      </c>
      <c r="D104" s="22">
        <v>-5</v>
      </c>
      <c r="E104" s="21">
        <v>5</v>
      </c>
      <c r="F104" s="22">
        <v>2</v>
      </c>
      <c r="G104" s="23">
        <v>3</v>
      </c>
      <c r="H104" s="22">
        <v>3</v>
      </c>
      <c r="I104" s="22">
        <v>1</v>
      </c>
      <c r="J104" s="22">
        <v>2</v>
      </c>
      <c r="K104" s="21">
        <v>4</v>
      </c>
      <c r="L104" s="53">
        <v>0</v>
      </c>
      <c r="M104" s="54">
        <v>4</v>
      </c>
    </row>
    <row r="105" spans="1:13">
      <c r="A105" s="40" t="s">
        <v>108</v>
      </c>
      <c r="B105" s="21">
        <v>-3</v>
      </c>
      <c r="C105" s="22">
        <v>0</v>
      </c>
      <c r="D105" s="22">
        <v>-3</v>
      </c>
      <c r="E105" s="21">
        <v>7</v>
      </c>
      <c r="F105" s="22">
        <v>3</v>
      </c>
      <c r="G105" s="23">
        <v>4</v>
      </c>
      <c r="H105" s="22">
        <v>5</v>
      </c>
      <c r="I105" s="22">
        <v>3</v>
      </c>
      <c r="J105" s="22">
        <v>2</v>
      </c>
      <c r="K105" s="21">
        <v>1</v>
      </c>
      <c r="L105" s="53">
        <v>0</v>
      </c>
      <c r="M105" s="54">
        <v>1</v>
      </c>
    </row>
    <row r="106" spans="1:13">
      <c r="A106" s="40" t="s">
        <v>109</v>
      </c>
      <c r="B106" s="21">
        <v>-4</v>
      </c>
      <c r="C106" s="22">
        <v>-5</v>
      </c>
      <c r="D106" s="22">
        <v>1</v>
      </c>
      <c r="E106" s="21">
        <v>4</v>
      </c>
      <c r="F106" s="22">
        <v>4</v>
      </c>
      <c r="G106" s="23">
        <v>0</v>
      </c>
      <c r="H106" s="22">
        <v>3</v>
      </c>
      <c r="I106" s="22">
        <v>1</v>
      </c>
      <c r="J106" s="22">
        <v>2</v>
      </c>
      <c r="K106" s="21">
        <v>3</v>
      </c>
      <c r="L106" s="53">
        <v>2</v>
      </c>
      <c r="M106" s="54">
        <v>1</v>
      </c>
    </row>
    <row r="107" spans="1:13" ht="19.5" customHeight="1">
      <c r="A107" s="34" t="s">
        <v>110</v>
      </c>
      <c r="B107" s="17">
        <v>-51</v>
      </c>
      <c r="C107" s="18">
        <v>-30</v>
      </c>
      <c r="D107" s="18">
        <v>-21</v>
      </c>
      <c r="E107" s="17">
        <v>36</v>
      </c>
      <c r="F107" s="18">
        <v>26</v>
      </c>
      <c r="G107" s="19">
        <v>10</v>
      </c>
      <c r="H107" s="18">
        <v>16</v>
      </c>
      <c r="I107" s="18">
        <v>7</v>
      </c>
      <c r="J107" s="18">
        <v>9</v>
      </c>
      <c r="K107" s="17">
        <v>31</v>
      </c>
      <c r="L107" s="51">
        <v>11</v>
      </c>
      <c r="M107" s="52">
        <v>20</v>
      </c>
    </row>
    <row r="108" spans="1:13">
      <c r="A108" s="40" t="s">
        <v>111</v>
      </c>
      <c r="B108" s="21">
        <v>-5</v>
      </c>
      <c r="C108" s="22">
        <v>-1</v>
      </c>
      <c r="D108" s="22">
        <v>-4</v>
      </c>
      <c r="E108" s="21">
        <v>3</v>
      </c>
      <c r="F108" s="22">
        <v>2</v>
      </c>
      <c r="G108" s="23">
        <v>1</v>
      </c>
      <c r="H108" s="22">
        <v>5</v>
      </c>
      <c r="I108" s="22">
        <v>2</v>
      </c>
      <c r="J108" s="22">
        <v>3</v>
      </c>
      <c r="K108" s="21">
        <v>7</v>
      </c>
      <c r="L108" s="53">
        <v>1</v>
      </c>
      <c r="M108" s="54">
        <v>6</v>
      </c>
    </row>
    <row r="109" spans="1:13">
      <c r="A109" s="40" t="s">
        <v>112</v>
      </c>
      <c r="B109" s="21">
        <v>-8</v>
      </c>
      <c r="C109" s="22">
        <v>-6</v>
      </c>
      <c r="D109" s="22">
        <v>-2</v>
      </c>
      <c r="E109" s="21">
        <v>5</v>
      </c>
      <c r="F109" s="22">
        <v>4</v>
      </c>
      <c r="G109" s="23">
        <v>1</v>
      </c>
      <c r="H109" s="22">
        <v>2</v>
      </c>
      <c r="I109" s="22">
        <v>1</v>
      </c>
      <c r="J109" s="22">
        <v>1</v>
      </c>
      <c r="K109" s="21">
        <v>5</v>
      </c>
      <c r="L109" s="53">
        <v>3</v>
      </c>
      <c r="M109" s="54">
        <v>2</v>
      </c>
    </row>
    <row r="110" spans="1:13">
      <c r="A110" s="40" t="s">
        <v>113</v>
      </c>
      <c r="B110" s="21">
        <v>-10</v>
      </c>
      <c r="C110" s="22">
        <v>-5</v>
      </c>
      <c r="D110" s="22">
        <v>-5</v>
      </c>
      <c r="E110" s="21">
        <v>8</v>
      </c>
      <c r="F110" s="22">
        <v>6</v>
      </c>
      <c r="G110" s="23">
        <v>2</v>
      </c>
      <c r="H110" s="22">
        <v>3</v>
      </c>
      <c r="I110" s="22">
        <v>3</v>
      </c>
      <c r="J110" s="22">
        <v>0</v>
      </c>
      <c r="K110" s="21">
        <v>5</v>
      </c>
      <c r="L110" s="53">
        <v>2</v>
      </c>
      <c r="M110" s="54">
        <v>3</v>
      </c>
    </row>
    <row r="111" spans="1:13">
      <c r="A111" s="40" t="s">
        <v>114</v>
      </c>
      <c r="B111" s="21">
        <v>-18</v>
      </c>
      <c r="C111" s="22">
        <v>-13</v>
      </c>
      <c r="D111" s="22">
        <v>-5</v>
      </c>
      <c r="E111" s="21">
        <v>11</v>
      </c>
      <c r="F111" s="22">
        <v>9</v>
      </c>
      <c r="G111" s="23">
        <v>2</v>
      </c>
      <c r="H111" s="22">
        <v>3</v>
      </c>
      <c r="I111" s="22">
        <v>0</v>
      </c>
      <c r="J111" s="22">
        <v>3</v>
      </c>
      <c r="K111" s="21">
        <v>10</v>
      </c>
      <c r="L111" s="53">
        <v>4</v>
      </c>
      <c r="M111" s="54">
        <v>6</v>
      </c>
    </row>
    <row r="112" spans="1:13">
      <c r="A112" s="40" t="s">
        <v>115</v>
      </c>
      <c r="B112" s="21">
        <v>-10</v>
      </c>
      <c r="C112" s="22">
        <v>-5</v>
      </c>
      <c r="D112" s="22">
        <v>-5</v>
      </c>
      <c r="E112" s="21">
        <v>9</v>
      </c>
      <c r="F112" s="22">
        <v>5</v>
      </c>
      <c r="G112" s="23">
        <v>4</v>
      </c>
      <c r="H112" s="22">
        <v>3</v>
      </c>
      <c r="I112" s="22">
        <v>1</v>
      </c>
      <c r="J112" s="22">
        <v>2</v>
      </c>
      <c r="K112" s="21">
        <v>4</v>
      </c>
      <c r="L112" s="53">
        <v>1</v>
      </c>
      <c r="M112" s="54">
        <v>3</v>
      </c>
    </row>
    <row r="113" spans="1:13" ht="19.5" customHeight="1">
      <c r="A113" s="34" t="s">
        <v>116</v>
      </c>
      <c r="B113" s="17">
        <v>-63</v>
      </c>
      <c r="C113" s="18">
        <v>-50</v>
      </c>
      <c r="D113" s="18">
        <v>-13</v>
      </c>
      <c r="E113" s="17">
        <v>66</v>
      </c>
      <c r="F113" s="18">
        <v>46</v>
      </c>
      <c r="G113" s="19">
        <v>20</v>
      </c>
      <c r="H113" s="18">
        <v>19</v>
      </c>
      <c r="I113" s="18">
        <v>3</v>
      </c>
      <c r="J113" s="18">
        <v>16</v>
      </c>
      <c r="K113" s="17">
        <v>16</v>
      </c>
      <c r="L113" s="51">
        <v>7</v>
      </c>
      <c r="M113" s="52">
        <v>9</v>
      </c>
    </row>
    <row r="114" spans="1:13">
      <c r="A114" s="40" t="s">
        <v>117</v>
      </c>
      <c r="B114" s="21">
        <v>-10</v>
      </c>
      <c r="C114" s="22">
        <v>-9</v>
      </c>
      <c r="D114" s="22">
        <v>-1</v>
      </c>
      <c r="E114" s="21">
        <v>12</v>
      </c>
      <c r="F114" s="22">
        <v>9</v>
      </c>
      <c r="G114" s="23">
        <v>3</v>
      </c>
      <c r="H114" s="22">
        <v>5</v>
      </c>
      <c r="I114" s="22">
        <v>1</v>
      </c>
      <c r="J114" s="22">
        <v>4</v>
      </c>
      <c r="K114" s="21">
        <v>3</v>
      </c>
      <c r="L114" s="53">
        <v>1</v>
      </c>
      <c r="M114" s="54">
        <v>2</v>
      </c>
    </row>
    <row r="115" spans="1:13">
      <c r="A115" s="40" t="s">
        <v>118</v>
      </c>
      <c r="B115" s="21">
        <v>-12</v>
      </c>
      <c r="C115" s="22">
        <v>-10</v>
      </c>
      <c r="D115" s="22">
        <v>-2</v>
      </c>
      <c r="E115" s="21">
        <v>11</v>
      </c>
      <c r="F115" s="22">
        <v>9</v>
      </c>
      <c r="G115" s="23">
        <v>2</v>
      </c>
      <c r="H115" s="22">
        <v>5</v>
      </c>
      <c r="I115" s="22">
        <v>1</v>
      </c>
      <c r="J115" s="22">
        <v>4</v>
      </c>
      <c r="K115" s="21">
        <v>6</v>
      </c>
      <c r="L115" s="53">
        <v>2</v>
      </c>
      <c r="M115" s="54">
        <v>4</v>
      </c>
    </row>
    <row r="116" spans="1:13">
      <c r="A116" s="40" t="s">
        <v>119</v>
      </c>
      <c r="B116" s="21">
        <v>-14</v>
      </c>
      <c r="C116" s="22">
        <v>-10</v>
      </c>
      <c r="D116" s="22">
        <v>-4</v>
      </c>
      <c r="E116" s="21">
        <v>16</v>
      </c>
      <c r="F116" s="22">
        <v>10</v>
      </c>
      <c r="G116" s="23">
        <v>6</v>
      </c>
      <c r="H116" s="22">
        <v>2</v>
      </c>
      <c r="I116" s="22">
        <v>0</v>
      </c>
      <c r="J116" s="22">
        <v>2</v>
      </c>
      <c r="K116" s="21">
        <v>0</v>
      </c>
      <c r="L116" s="53">
        <v>0</v>
      </c>
      <c r="M116" s="54">
        <v>0</v>
      </c>
    </row>
    <row r="117" spans="1:13">
      <c r="A117" s="40" t="s">
        <v>120</v>
      </c>
      <c r="B117" s="21">
        <v>-14</v>
      </c>
      <c r="C117" s="22">
        <v>-15</v>
      </c>
      <c r="D117" s="22">
        <v>1</v>
      </c>
      <c r="E117" s="21">
        <v>16</v>
      </c>
      <c r="F117" s="22">
        <v>13</v>
      </c>
      <c r="G117" s="23">
        <v>3</v>
      </c>
      <c r="H117" s="22">
        <v>5</v>
      </c>
      <c r="I117" s="22">
        <v>1</v>
      </c>
      <c r="J117" s="22">
        <v>4</v>
      </c>
      <c r="K117" s="21">
        <v>3</v>
      </c>
      <c r="L117" s="53">
        <v>3</v>
      </c>
      <c r="M117" s="54">
        <v>0</v>
      </c>
    </row>
    <row r="118" spans="1:13">
      <c r="A118" s="40" t="s">
        <v>121</v>
      </c>
      <c r="B118" s="21">
        <v>-13</v>
      </c>
      <c r="C118" s="22">
        <v>-6</v>
      </c>
      <c r="D118" s="22">
        <v>-7</v>
      </c>
      <c r="E118" s="21">
        <v>11</v>
      </c>
      <c r="F118" s="22">
        <v>5</v>
      </c>
      <c r="G118" s="23">
        <v>6</v>
      </c>
      <c r="H118" s="22">
        <v>2</v>
      </c>
      <c r="I118" s="22">
        <v>0</v>
      </c>
      <c r="J118" s="22">
        <v>2</v>
      </c>
      <c r="K118" s="21">
        <v>4</v>
      </c>
      <c r="L118" s="53">
        <v>1</v>
      </c>
      <c r="M118" s="54">
        <v>3</v>
      </c>
    </row>
    <row r="119" spans="1:13" ht="19.5" customHeight="1">
      <c r="A119" s="34" t="s">
        <v>122</v>
      </c>
      <c r="B119" s="17">
        <v>-72</v>
      </c>
      <c r="C119" s="18">
        <v>-35</v>
      </c>
      <c r="D119" s="18">
        <v>-37</v>
      </c>
      <c r="E119" s="17">
        <v>67</v>
      </c>
      <c r="F119" s="18">
        <v>31</v>
      </c>
      <c r="G119" s="19">
        <v>36</v>
      </c>
      <c r="H119" s="18">
        <v>9</v>
      </c>
      <c r="I119" s="18">
        <v>2</v>
      </c>
      <c r="J119" s="18">
        <v>7</v>
      </c>
      <c r="K119" s="17">
        <v>14</v>
      </c>
      <c r="L119" s="51">
        <v>6</v>
      </c>
      <c r="M119" s="52">
        <v>8</v>
      </c>
    </row>
    <row r="120" spans="1:13">
      <c r="A120" s="40" t="s">
        <v>123</v>
      </c>
      <c r="B120" s="21">
        <v>-9</v>
      </c>
      <c r="C120" s="22">
        <v>-7</v>
      </c>
      <c r="D120" s="22">
        <v>-2</v>
      </c>
      <c r="E120" s="21">
        <v>10</v>
      </c>
      <c r="F120" s="22">
        <v>7</v>
      </c>
      <c r="G120" s="23">
        <v>3</v>
      </c>
      <c r="H120" s="22">
        <v>2</v>
      </c>
      <c r="I120" s="22">
        <v>1</v>
      </c>
      <c r="J120" s="22">
        <v>1</v>
      </c>
      <c r="K120" s="21">
        <v>1</v>
      </c>
      <c r="L120" s="53">
        <v>1</v>
      </c>
      <c r="M120" s="54">
        <v>0</v>
      </c>
    </row>
    <row r="121" spans="1:13">
      <c r="A121" s="40" t="s">
        <v>124</v>
      </c>
      <c r="B121" s="21">
        <v>-12</v>
      </c>
      <c r="C121" s="22">
        <v>-7</v>
      </c>
      <c r="D121" s="22">
        <v>-5</v>
      </c>
      <c r="E121" s="21">
        <v>10</v>
      </c>
      <c r="F121" s="22">
        <v>6</v>
      </c>
      <c r="G121" s="23">
        <v>4</v>
      </c>
      <c r="H121" s="22">
        <v>3</v>
      </c>
      <c r="I121" s="22">
        <v>1</v>
      </c>
      <c r="J121" s="22">
        <v>2</v>
      </c>
      <c r="K121" s="21">
        <v>5</v>
      </c>
      <c r="L121" s="53">
        <v>2</v>
      </c>
      <c r="M121" s="54">
        <v>3</v>
      </c>
    </row>
    <row r="122" spans="1:13">
      <c r="A122" s="40" t="s">
        <v>125</v>
      </c>
      <c r="B122" s="21">
        <v>-14</v>
      </c>
      <c r="C122" s="22">
        <v>-8</v>
      </c>
      <c r="D122" s="22">
        <v>-6</v>
      </c>
      <c r="E122" s="21">
        <v>15</v>
      </c>
      <c r="F122" s="22">
        <v>6</v>
      </c>
      <c r="G122" s="23">
        <v>9</v>
      </c>
      <c r="H122" s="22">
        <v>3</v>
      </c>
      <c r="I122" s="22">
        <v>0</v>
      </c>
      <c r="J122" s="22">
        <v>3</v>
      </c>
      <c r="K122" s="21">
        <v>2</v>
      </c>
      <c r="L122" s="53">
        <v>2</v>
      </c>
      <c r="M122" s="54">
        <v>0</v>
      </c>
    </row>
    <row r="123" spans="1:13">
      <c r="A123" s="40" t="s">
        <v>126</v>
      </c>
      <c r="B123" s="21">
        <v>-18</v>
      </c>
      <c r="C123" s="22">
        <v>-5</v>
      </c>
      <c r="D123" s="22">
        <v>-13</v>
      </c>
      <c r="E123" s="21">
        <v>17</v>
      </c>
      <c r="F123" s="22">
        <v>5</v>
      </c>
      <c r="G123" s="23">
        <v>12</v>
      </c>
      <c r="H123" s="22">
        <v>0</v>
      </c>
      <c r="I123" s="22">
        <v>0</v>
      </c>
      <c r="J123" s="22">
        <v>0</v>
      </c>
      <c r="K123" s="21">
        <v>1</v>
      </c>
      <c r="L123" s="53">
        <v>0</v>
      </c>
      <c r="M123" s="54">
        <v>1</v>
      </c>
    </row>
    <row r="124" spans="1:13">
      <c r="A124" s="40" t="s">
        <v>127</v>
      </c>
      <c r="B124" s="21">
        <v>-19</v>
      </c>
      <c r="C124" s="22">
        <v>-8</v>
      </c>
      <c r="D124" s="22">
        <v>-11</v>
      </c>
      <c r="E124" s="21">
        <v>15</v>
      </c>
      <c r="F124" s="22">
        <v>7</v>
      </c>
      <c r="G124" s="23">
        <v>8</v>
      </c>
      <c r="H124" s="22">
        <v>1</v>
      </c>
      <c r="I124" s="22">
        <v>0</v>
      </c>
      <c r="J124" s="22">
        <v>1</v>
      </c>
      <c r="K124" s="21">
        <v>5</v>
      </c>
      <c r="L124" s="53">
        <v>1</v>
      </c>
      <c r="M124" s="54">
        <v>4</v>
      </c>
    </row>
    <row r="125" spans="1:13" ht="19.5" customHeight="1">
      <c r="A125" s="34" t="s">
        <v>128</v>
      </c>
      <c r="B125" s="17">
        <v>-66</v>
      </c>
      <c r="C125" s="18">
        <v>-23</v>
      </c>
      <c r="D125" s="18">
        <v>-43</v>
      </c>
      <c r="E125" s="17">
        <v>65</v>
      </c>
      <c r="F125" s="18">
        <v>21</v>
      </c>
      <c r="G125" s="19">
        <v>44</v>
      </c>
      <c r="H125" s="18">
        <v>9</v>
      </c>
      <c r="I125" s="18">
        <v>1</v>
      </c>
      <c r="J125" s="18">
        <v>8</v>
      </c>
      <c r="K125" s="17">
        <v>10</v>
      </c>
      <c r="L125" s="51">
        <v>3</v>
      </c>
      <c r="M125" s="52">
        <v>7</v>
      </c>
    </row>
    <row r="126" spans="1:13">
      <c r="A126" s="40" t="s">
        <v>129</v>
      </c>
      <c r="B126" s="21">
        <v>-12</v>
      </c>
      <c r="C126" s="22">
        <v>-4</v>
      </c>
      <c r="D126" s="22">
        <v>-8</v>
      </c>
      <c r="E126" s="21">
        <v>12</v>
      </c>
      <c r="F126" s="22">
        <v>3</v>
      </c>
      <c r="G126" s="23">
        <v>9</v>
      </c>
      <c r="H126" s="22">
        <v>2</v>
      </c>
      <c r="I126" s="22">
        <v>0</v>
      </c>
      <c r="J126" s="22">
        <v>2</v>
      </c>
      <c r="K126" s="21">
        <v>2</v>
      </c>
      <c r="L126" s="53">
        <v>1</v>
      </c>
      <c r="M126" s="54">
        <v>1</v>
      </c>
    </row>
    <row r="127" spans="1:13">
      <c r="A127" s="40" t="s">
        <v>130</v>
      </c>
      <c r="B127" s="21">
        <v>-13</v>
      </c>
      <c r="C127" s="22">
        <v>-2</v>
      </c>
      <c r="D127" s="22">
        <v>-11</v>
      </c>
      <c r="E127" s="21">
        <v>11</v>
      </c>
      <c r="F127" s="22">
        <v>2</v>
      </c>
      <c r="G127" s="23">
        <v>9</v>
      </c>
      <c r="H127" s="22">
        <v>2</v>
      </c>
      <c r="I127" s="22">
        <v>1</v>
      </c>
      <c r="J127" s="22">
        <v>1</v>
      </c>
      <c r="K127" s="21">
        <v>4</v>
      </c>
      <c r="L127" s="53">
        <v>1</v>
      </c>
      <c r="M127" s="54">
        <v>3</v>
      </c>
    </row>
    <row r="128" spans="1:13">
      <c r="A128" s="40" t="s">
        <v>131</v>
      </c>
      <c r="B128" s="21">
        <v>-13</v>
      </c>
      <c r="C128" s="22">
        <v>-6</v>
      </c>
      <c r="D128" s="22">
        <v>-7</v>
      </c>
      <c r="E128" s="21">
        <v>14</v>
      </c>
      <c r="F128" s="22">
        <v>6</v>
      </c>
      <c r="G128" s="23">
        <v>8</v>
      </c>
      <c r="H128" s="22">
        <v>2</v>
      </c>
      <c r="I128" s="22">
        <v>0</v>
      </c>
      <c r="J128" s="22">
        <v>2</v>
      </c>
      <c r="K128" s="21">
        <v>1</v>
      </c>
      <c r="L128" s="53">
        <v>0</v>
      </c>
      <c r="M128" s="54">
        <v>1</v>
      </c>
    </row>
    <row r="129" spans="1:13">
      <c r="A129" s="40" t="s">
        <v>132</v>
      </c>
      <c r="B129" s="21">
        <v>-13</v>
      </c>
      <c r="C129" s="22">
        <v>-4</v>
      </c>
      <c r="D129" s="22">
        <v>-9</v>
      </c>
      <c r="E129" s="21">
        <v>15</v>
      </c>
      <c r="F129" s="22">
        <v>4</v>
      </c>
      <c r="G129" s="23">
        <v>11</v>
      </c>
      <c r="H129" s="22">
        <v>2</v>
      </c>
      <c r="I129" s="22">
        <v>0</v>
      </c>
      <c r="J129" s="22">
        <v>2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15</v>
      </c>
      <c r="C130" s="22">
        <v>-7</v>
      </c>
      <c r="D130" s="22">
        <v>-8</v>
      </c>
      <c r="E130" s="21">
        <v>13</v>
      </c>
      <c r="F130" s="22">
        <v>6</v>
      </c>
      <c r="G130" s="23">
        <v>7</v>
      </c>
      <c r="H130" s="22">
        <v>1</v>
      </c>
      <c r="I130" s="22">
        <v>0</v>
      </c>
      <c r="J130" s="22">
        <v>1</v>
      </c>
      <c r="K130" s="21">
        <v>3</v>
      </c>
      <c r="L130" s="53">
        <v>1</v>
      </c>
      <c r="M130" s="54">
        <v>2</v>
      </c>
    </row>
    <row r="131" spans="1:13" ht="19.5" customHeight="1">
      <c r="A131" s="34" t="s">
        <v>134</v>
      </c>
      <c r="B131" s="17">
        <v>-32</v>
      </c>
      <c r="C131" s="18">
        <v>-7</v>
      </c>
      <c r="D131" s="18">
        <v>-25</v>
      </c>
      <c r="E131" s="17">
        <v>29</v>
      </c>
      <c r="F131" s="18">
        <v>5</v>
      </c>
      <c r="G131" s="19">
        <v>24</v>
      </c>
      <c r="H131" s="18">
        <v>1</v>
      </c>
      <c r="I131" s="18">
        <v>0</v>
      </c>
      <c r="J131" s="18">
        <v>1</v>
      </c>
      <c r="K131" s="17">
        <v>4</v>
      </c>
      <c r="L131" s="51">
        <v>2</v>
      </c>
      <c r="M131" s="52">
        <v>2</v>
      </c>
    </row>
    <row r="132" spans="1:13">
      <c r="A132" s="40" t="s">
        <v>135</v>
      </c>
      <c r="B132" s="21">
        <v>-6</v>
      </c>
      <c r="C132" s="22">
        <v>-5</v>
      </c>
      <c r="D132" s="22">
        <v>-1</v>
      </c>
      <c r="E132" s="21">
        <v>5</v>
      </c>
      <c r="F132" s="22">
        <v>3</v>
      </c>
      <c r="G132" s="23">
        <v>2</v>
      </c>
      <c r="H132" s="22">
        <v>1</v>
      </c>
      <c r="I132" s="22">
        <v>0</v>
      </c>
      <c r="J132" s="22">
        <v>1</v>
      </c>
      <c r="K132" s="21">
        <v>2</v>
      </c>
      <c r="L132" s="53">
        <v>2</v>
      </c>
      <c r="M132" s="54">
        <v>0</v>
      </c>
    </row>
    <row r="133" spans="1:13">
      <c r="A133" s="40" t="s">
        <v>136</v>
      </c>
      <c r="B133" s="21">
        <v>-10</v>
      </c>
      <c r="C133" s="22">
        <v>0</v>
      </c>
      <c r="D133" s="22">
        <v>-10</v>
      </c>
      <c r="E133" s="21">
        <v>9</v>
      </c>
      <c r="F133" s="22">
        <v>0</v>
      </c>
      <c r="G133" s="23">
        <v>9</v>
      </c>
      <c r="H133" s="22">
        <v>0</v>
      </c>
      <c r="I133" s="22">
        <v>0</v>
      </c>
      <c r="J133" s="22">
        <v>0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5</v>
      </c>
      <c r="C134" s="22">
        <v>-2</v>
      </c>
      <c r="D134" s="22">
        <v>-3</v>
      </c>
      <c r="E134" s="21">
        <v>4</v>
      </c>
      <c r="F134" s="22">
        <v>2</v>
      </c>
      <c r="G134" s="23">
        <v>2</v>
      </c>
      <c r="H134" s="22">
        <v>0</v>
      </c>
      <c r="I134" s="22">
        <v>0</v>
      </c>
      <c r="J134" s="22">
        <v>0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6</v>
      </c>
      <c r="C135" s="22">
        <v>0</v>
      </c>
      <c r="D135" s="22">
        <v>-6</v>
      </c>
      <c r="E135" s="21">
        <v>6</v>
      </c>
      <c r="F135" s="22">
        <v>0</v>
      </c>
      <c r="G135" s="23">
        <v>6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5</v>
      </c>
      <c r="C136" s="22">
        <v>0</v>
      </c>
      <c r="D136" s="22">
        <v>-5</v>
      </c>
      <c r="E136" s="21">
        <v>5</v>
      </c>
      <c r="F136" s="22">
        <v>0</v>
      </c>
      <c r="G136" s="23">
        <v>5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7</v>
      </c>
      <c r="C137" s="43">
        <v>-2</v>
      </c>
      <c r="D137" s="43">
        <v>-5</v>
      </c>
      <c r="E137" s="42">
        <v>6</v>
      </c>
      <c r="F137" s="43">
        <v>1</v>
      </c>
      <c r="G137" s="44">
        <v>5</v>
      </c>
      <c r="H137" s="43">
        <v>0</v>
      </c>
      <c r="I137" s="43">
        <v>0</v>
      </c>
      <c r="J137" s="43">
        <v>0</v>
      </c>
      <c r="K137" s="42">
        <v>1</v>
      </c>
      <c r="L137" s="67">
        <v>1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3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4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2311</v>
      </c>
      <c r="C5" s="14">
        <v>-1178</v>
      </c>
      <c r="D5" s="15">
        <v>-1133</v>
      </c>
      <c r="E5" s="13">
        <v>4237</v>
      </c>
      <c r="F5" s="14">
        <v>2231</v>
      </c>
      <c r="G5" s="15">
        <v>2006</v>
      </c>
      <c r="H5" s="13">
        <v>14593</v>
      </c>
      <c r="I5" s="14">
        <v>7227</v>
      </c>
      <c r="J5" s="15">
        <v>7366</v>
      </c>
      <c r="K5" s="13">
        <v>14593</v>
      </c>
      <c r="L5" s="14">
        <v>7147</v>
      </c>
      <c r="M5" s="15">
        <v>7446</v>
      </c>
    </row>
    <row r="6" spans="1:13" ht="19.5" customHeight="1">
      <c r="A6" s="16" t="s">
        <v>13</v>
      </c>
      <c r="B6" s="17">
        <v>2036</v>
      </c>
      <c r="C6" s="18">
        <v>1059</v>
      </c>
      <c r="D6" s="19">
        <v>977</v>
      </c>
      <c r="E6" s="17">
        <v>2</v>
      </c>
      <c r="F6" s="18">
        <v>2</v>
      </c>
      <c r="G6" s="19">
        <v>0</v>
      </c>
      <c r="H6" s="17">
        <v>769</v>
      </c>
      <c r="I6" s="18">
        <v>412</v>
      </c>
      <c r="J6" s="19">
        <v>357</v>
      </c>
      <c r="K6" s="17">
        <v>657</v>
      </c>
      <c r="L6" s="18">
        <v>324</v>
      </c>
      <c r="M6" s="19">
        <v>333</v>
      </c>
    </row>
    <row r="7" spans="1:13">
      <c r="A7" s="20" t="s">
        <v>14</v>
      </c>
      <c r="B7" s="21">
        <v>1940</v>
      </c>
      <c r="C7" s="22">
        <v>989</v>
      </c>
      <c r="D7" s="23">
        <v>951</v>
      </c>
      <c r="E7" s="21">
        <v>2</v>
      </c>
      <c r="F7" s="22">
        <v>2</v>
      </c>
      <c r="G7" s="23">
        <v>0</v>
      </c>
      <c r="H7" s="21">
        <v>99</v>
      </c>
      <c r="I7" s="22">
        <v>62</v>
      </c>
      <c r="J7" s="23">
        <v>37</v>
      </c>
      <c r="K7" s="21">
        <v>83</v>
      </c>
      <c r="L7" s="22">
        <v>44</v>
      </c>
      <c r="M7" s="23">
        <v>39</v>
      </c>
    </row>
    <row r="8" spans="1:13">
      <c r="A8" s="20" t="s">
        <v>15</v>
      </c>
      <c r="B8" s="21">
        <v>26</v>
      </c>
      <c r="C8" s="22">
        <v>27</v>
      </c>
      <c r="D8" s="23">
        <v>-1</v>
      </c>
      <c r="E8" s="21">
        <v>0</v>
      </c>
      <c r="F8" s="22">
        <v>0</v>
      </c>
      <c r="G8" s="23">
        <v>0</v>
      </c>
      <c r="H8" s="21">
        <v>215</v>
      </c>
      <c r="I8" s="22">
        <v>119</v>
      </c>
      <c r="J8" s="23">
        <v>96</v>
      </c>
      <c r="K8" s="21">
        <v>189</v>
      </c>
      <c r="L8" s="22">
        <v>92</v>
      </c>
      <c r="M8" s="23">
        <v>97</v>
      </c>
    </row>
    <row r="9" spans="1:13">
      <c r="A9" s="20" t="s">
        <v>16</v>
      </c>
      <c r="B9" s="21">
        <v>32</v>
      </c>
      <c r="C9" s="22">
        <v>15</v>
      </c>
      <c r="D9" s="23">
        <v>17</v>
      </c>
      <c r="E9" s="21">
        <v>0</v>
      </c>
      <c r="F9" s="22">
        <v>0</v>
      </c>
      <c r="G9" s="23">
        <v>0</v>
      </c>
      <c r="H9" s="21">
        <v>182</v>
      </c>
      <c r="I9" s="22">
        <v>91</v>
      </c>
      <c r="J9" s="23">
        <v>91</v>
      </c>
      <c r="K9" s="21">
        <v>150</v>
      </c>
      <c r="L9" s="22">
        <v>76</v>
      </c>
      <c r="M9" s="23">
        <v>74</v>
      </c>
    </row>
    <row r="10" spans="1:13">
      <c r="A10" s="20" t="s">
        <v>17</v>
      </c>
      <c r="B10" s="21">
        <v>14</v>
      </c>
      <c r="C10" s="22">
        <v>25</v>
      </c>
      <c r="D10" s="23">
        <v>-11</v>
      </c>
      <c r="E10" s="21">
        <v>0</v>
      </c>
      <c r="F10" s="22">
        <v>0</v>
      </c>
      <c r="G10" s="23">
        <v>0</v>
      </c>
      <c r="H10" s="21">
        <v>145</v>
      </c>
      <c r="I10" s="22">
        <v>79</v>
      </c>
      <c r="J10" s="23">
        <v>66</v>
      </c>
      <c r="K10" s="21">
        <v>131</v>
      </c>
      <c r="L10" s="22">
        <v>54</v>
      </c>
      <c r="M10" s="23">
        <v>77</v>
      </c>
    </row>
    <row r="11" spans="1:13">
      <c r="A11" s="20" t="s">
        <v>18</v>
      </c>
      <c r="B11" s="21">
        <v>24</v>
      </c>
      <c r="C11" s="22">
        <v>3</v>
      </c>
      <c r="D11" s="23">
        <v>21</v>
      </c>
      <c r="E11" s="21">
        <v>0</v>
      </c>
      <c r="F11" s="22">
        <v>0</v>
      </c>
      <c r="G11" s="23">
        <v>0</v>
      </c>
      <c r="H11" s="21">
        <v>128</v>
      </c>
      <c r="I11" s="22">
        <v>61</v>
      </c>
      <c r="J11" s="23">
        <v>67</v>
      </c>
      <c r="K11" s="21">
        <v>104</v>
      </c>
      <c r="L11" s="22">
        <v>58</v>
      </c>
      <c r="M11" s="23">
        <v>46</v>
      </c>
    </row>
    <row r="12" spans="1:13" ht="20.100000000000001" customHeight="1">
      <c r="A12" s="16" t="s">
        <v>19</v>
      </c>
      <c r="B12" s="17">
        <v>30</v>
      </c>
      <c r="C12" s="18">
        <v>22</v>
      </c>
      <c r="D12" s="19">
        <v>8</v>
      </c>
      <c r="E12" s="17">
        <v>1</v>
      </c>
      <c r="F12" s="18">
        <v>1</v>
      </c>
      <c r="G12" s="19">
        <v>0</v>
      </c>
      <c r="H12" s="17">
        <v>381</v>
      </c>
      <c r="I12" s="18">
        <v>186</v>
      </c>
      <c r="J12" s="19">
        <v>195</v>
      </c>
      <c r="K12" s="17">
        <v>350</v>
      </c>
      <c r="L12" s="18">
        <v>163</v>
      </c>
      <c r="M12" s="19">
        <v>187</v>
      </c>
    </row>
    <row r="13" spans="1:13">
      <c r="A13" s="20" t="s">
        <v>20</v>
      </c>
      <c r="B13" s="21">
        <v>10</v>
      </c>
      <c r="C13" s="22">
        <v>1</v>
      </c>
      <c r="D13" s="23">
        <v>9</v>
      </c>
      <c r="E13" s="21">
        <v>0</v>
      </c>
      <c r="F13" s="22">
        <v>0</v>
      </c>
      <c r="G13" s="23">
        <v>0</v>
      </c>
      <c r="H13" s="21">
        <v>98</v>
      </c>
      <c r="I13" s="22">
        <v>46</v>
      </c>
      <c r="J13" s="23">
        <v>52</v>
      </c>
      <c r="K13" s="21">
        <v>88</v>
      </c>
      <c r="L13" s="22">
        <v>45</v>
      </c>
      <c r="M13" s="23">
        <v>43</v>
      </c>
    </row>
    <row r="14" spans="1:13">
      <c r="A14" s="20" t="s">
        <v>21</v>
      </c>
      <c r="B14" s="21">
        <v>-1</v>
      </c>
      <c r="C14" s="22">
        <v>5</v>
      </c>
      <c r="D14" s="23">
        <v>-6</v>
      </c>
      <c r="E14" s="21">
        <v>1</v>
      </c>
      <c r="F14" s="22">
        <v>1</v>
      </c>
      <c r="G14" s="23">
        <v>0</v>
      </c>
      <c r="H14" s="21">
        <v>87</v>
      </c>
      <c r="I14" s="22">
        <v>44</v>
      </c>
      <c r="J14" s="23">
        <v>43</v>
      </c>
      <c r="K14" s="21">
        <v>87</v>
      </c>
      <c r="L14" s="22">
        <v>38</v>
      </c>
      <c r="M14" s="23">
        <v>49</v>
      </c>
    </row>
    <row r="15" spans="1:13">
      <c r="A15" s="20" t="s">
        <v>22</v>
      </c>
      <c r="B15" s="21">
        <v>16</v>
      </c>
      <c r="C15" s="22">
        <v>9</v>
      </c>
      <c r="D15" s="23">
        <v>7</v>
      </c>
      <c r="E15" s="21">
        <v>0</v>
      </c>
      <c r="F15" s="22">
        <v>0</v>
      </c>
      <c r="G15" s="23">
        <v>0</v>
      </c>
      <c r="H15" s="21">
        <v>94</v>
      </c>
      <c r="I15" s="22">
        <v>46</v>
      </c>
      <c r="J15" s="23">
        <v>48</v>
      </c>
      <c r="K15" s="21">
        <v>78</v>
      </c>
      <c r="L15" s="22">
        <v>37</v>
      </c>
      <c r="M15" s="23">
        <v>41</v>
      </c>
    </row>
    <row r="16" spans="1:13">
      <c r="A16" s="20" t="s">
        <v>23</v>
      </c>
      <c r="B16" s="21">
        <v>6</v>
      </c>
      <c r="C16" s="22">
        <v>8</v>
      </c>
      <c r="D16" s="23">
        <v>-2</v>
      </c>
      <c r="E16" s="21">
        <v>0</v>
      </c>
      <c r="F16" s="22">
        <v>0</v>
      </c>
      <c r="G16" s="23">
        <v>0</v>
      </c>
      <c r="H16" s="21">
        <v>52</v>
      </c>
      <c r="I16" s="22">
        <v>26</v>
      </c>
      <c r="J16" s="23">
        <v>26</v>
      </c>
      <c r="K16" s="21">
        <v>46</v>
      </c>
      <c r="L16" s="22">
        <v>18</v>
      </c>
      <c r="M16" s="23">
        <v>28</v>
      </c>
    </row>
    <row r="17" spans="1:13">
      <c r="A17" s="20" t="s">
        <v>24</v>
      </c>
      <c r="B17" s="21">
        <v>-1</v>
      </c>
      <c r="C17" s="22">
        <v>-1</v>
      </c>
      <c r="D17" s="23">
        <v>0</v>
      </c>
      <c r="E17" s="21">
        <v>0</v>
      </c>
      <c r="F17" s="22">
        <v>0</v>
      </c>
      <c r="G17" s="23">
        <v>0</v>
      </c>
      <c r="H17" s="21">
        <v>50</v>
      </c>
      <c r="I17" s="22">
        <v>24</v>
      </c>
      <c r="J17" s="23">
        <v>26</v>
      </c>
      <c r="K17" s="21">
        <v>51</v>
      </c>
      <c r="L17" s="22">
        <v>25</v>
      </c>
      <c r="M17" s="23">
        <v>26</v>
      </c>
    </row>
    <row r="18" spans="1:13" ht="20.100000000000001" customHeight="1">
      <c r="A18" s="16" t="s">
        <v>25</v>
      </c>
      <c r="B18" s="17">
        <v>5</v>
      </c>
      <c r="C18" s="18">
        <v>2</v>
      </c>
      <c r="D18" s="19">
        <v>3</v>
      </c>
      <c r="E18" s="17">
        <v>1</v>
      </c>
      <c r="F18" s="18">
        <v>1</v>
      </c>
      <c r="G18" s="19">
        <v>0</v>
      </c>
      <c r="H18" s="17">
        <v>186</v>
      </c>
      <c r="I18" s="18">
        <v>93</v>
      </c>
      <c r="J18" s="19">
        <v>93</v>
      </c>
      <c r="K18" s="17">
        <v>180</v>
      </c>
      <c r="L18" s="18">
        <v>90</v>
      </c>
      <c r="M18" s="19">
        <v>90</v>
      </c>
    </row>
    <row r="19" spans="1:13">
      <c r="A19" s="20" t="s">
        <v>26</v>
      </c>
      <c r="B19" s="21">
        <v>3</v>
      </c>
      <c r="C19" s="22">
        <v>4</v>
      </c>
      <c r="D19" s="23">
        <v>-1</v>
      </c>
      <c r="E19" s="21">
        <v>0</v>
      </c>
      <c r="F19" s="22">
        <v>0</v>
      </c>
      <c r="G19" s="23">
        <v>0</v>
      </c>
      <c r="H19" s="21">
        <v>45</v>
      </c>
      <c r="I19" s="22">
        <v>23</v>
      </c>
      <c r="J19" s="23">
        <v>22</v>
      </c>
      <c r="K19" s="21">
        <v>42</v>
      </c>
      <c r="L19" s="22">
        <v>19</v>
      </c>
      <c r="M19" s="23">
        <v>23</v>
      </c>
    </row>
    <row r="20" spans="1:13">
      <c r="A20" s="20" t="s">
        <v>27</v>
      </c>
      <c r="B20" s="21">
        <v>14</v>
      </c>
      <c r="C20" s="22">
        <v>11</v>
      </c>
      <c r="D20" s="23">
        <v>3</v>
      </c>
      <c r="E20" s="21">
        <v>0</v>
      </c>
      <c r="F20" s="22">
        <v>0</v>
      </c>
      <c r="G20" s="23">
        <v>0</v>
      </c>
      <c r="H20" s="21">
        <v>47</v>
      </c>
      <c r="I20" s="22">
        <v>23</v>
      </c>
      <c r="J20" s="23">
        <v>24</v>
      </c>
      <c r="K20" s="21">
        <v>33</v>
      </c>
      <c r="L20" s="22">
        <v>12</v>
      </c>
      <c r="M20" s="23">
        <v>21</v>
      </c>
    </row>
    <row r="21" spans="1:13">
      <c r="A21" s="20" t="s">
        <v>28</v>
      </c>
      <c r="B21" s="21">
        <v>-12</v>
      </c>
      <c r="C21" s="22">
        <v>-11</v>
      </c>
      <c r="D21" s="23">
        <v>-1</v>
      </c>
      <c r="E21" s="21">
        <v>1</v>
      </c>
      <c r="F21" s="22">
        <v>1</v>
      </c>
      <c r="G21" s="23">
        <v>0</v>
      </c>
      <c r="H21" s="21">
        <v>34</v>
      </c>
      <c r="I21" s="22">
        <v>13</v>
      </c>
      <c r="J21" s="23">
        <v>21</v>
      </c>
      <c r="K21" s="21">
        <v>45</v>
      </c>
      <c r="L21" s="22">
        <v>23</v>
      </c>
      <c r="M21" s="23">
        <v>22</v>
      </c>
    </row>
    <row r="22" spans="1:13">
      <c r="A22" s="20" t="s">
        <v>29</v>
      </c>
      <c r="B22" s="21">
        <v>-7</v>
      </c>
      <c r="C22" s="22">
        <v>-7</v>
      </c>
      <c r="D22" s="23">
        <v>0</v>
      </c>
      <c r="E22" s="21">
        <v>0</v>
      </c>
      <c r="F22" s="22">
        <v>0</v>
      </c>
      <c r="G22" s="23">
        <v>0</v>
      </c>
      <c r="H22" s="21">
        <v>39</v>
      </c>
      <c r="I22" s="22">
        <v>22</v>
      </c>
      <c r="J22" s="23">
        <v>17</v>
      </c>
      <c r="K22" s="21">
        <v>46</v>
      </c>
      <c r="L22" s="22">
        <v>29</v>
      </c>
      <c r="M22" s="23">
        <v>17</v>
      </c>
    </row>
    <row r="23" spans="1:13">
      <c r="A23" s="20" t="s">
        <v>30</v>
      </c>
      <c r="B23" s="21">
        <v>7</v>
      </c>
      <c r="C23" s="22">
        <v>5</v>
      </c>
      <c r="D23" s="23">
        <v>2</v>
      </c>
      <c r="E23" s="21">
        <v>0</v>
      </c>
      <c r="F23" s="22">
        <v>0</v>
      </c>
      <c r="G23" s="23">
        <v>0</v>
      </c>
      <c r="H23" s="21">
        <v>21</v>
      </c>
      <c r="I23" s="22">
        <v>12</v>
      </c>
      <c r="J23" s="23">
        <v>9</v>
      </c>
      <c r="K23" s="21">
        <v>14</v>
      </c>
      <c r="L23" s="22">
        <v>7</v>
      </c>
      <c r="M23" s="23">
        <v>7</v>
      </c>
    </row>
    <row r="24" spans="1:13" ht="20.100000000000001" customHeight="1">
      <c r="A24" s="16" t="s">
        <v>31</v>
      </c>
      <c r="B24" s="17">
        <v>-2</v>
      </c>
      <c r="C24" s="18">
        <v>-23</v>
      </c>
      <c r="D24" s="19">
        <v>21</v>
      </c>
      <c r="E24" s="17">
        <v>3</v>
      </c>
      <c r="F24" s="18">
        <v>2</v>
      </c>
      <c r="G24" s="19">
        <v>1</v>
      </c>
      <c r="H24" s="17">
        <v>625</v>
      </c>
      <c r="I24" s="18">
        <v>270</v>
      </c>
      <c r="J24" s="19">
        <v>355</v>
      </c>
      <c r="K24" s="17">
        <v>624</v>
      </c>
      <c r="L24" s="18">
        <v>291</v>
      </c>
      <c r="M24" s="19">
        <v>333</v>
      </c>
    </row>
    <row r="25" spans="1:13">
      <c r="A25" s="20" t="s">
        <v>32</v>
      </c>
      <c r="B25" s="21">
        <v>-1</v>
      </c>
      <c r="C25" s="22">
        <v>-2</v>
      </c>
      <c r="D25" s="23">
        <v>1</v>
      </c>
      <c r="E25" s="21">
        <v>0</v>
      </c>
      <c r="F25" s="22">
        <v>0</v>
      </c>
      <c r="G25" s="23">
        <v>0</v>
      </c>
      <c r="H25" s="21">
        <v>42</v>
      </c>
      <c r="I25" s="22">
        <v>19</v>
      </c>
      <c r="J25" s="23">
        <v>23</v>
      </c>
      <c r="K25" s="21">
        <v>43</v>
      </c>
      <c r="L25" s="22">
        <v>21</v>
      </c>
      <c r="M25" s="23">
        <v>22</v>
      </c>
    </row>
    <row r="26" spans="1:13">
      <c r="A26" s="20" t="s">
        <v>33</v>
      </c>
      <c r="B26" s="21">
        <v>-13</v>
      </c>
      <c r="C26" s="22">
        <v>-7</v>
      </c>
      <c r="D26" s="23">
        <v>-6</v>
      </c>
      <c r="E26" s="21">
        <v>1</v>
      </c>
      <c r="F26" s="22">
        <v>1</v>
      </c>
      <c r="G26" s="23">
        <v>0</v>
      </c>
      <c r="H26" s="21">
        <v>46</v>
      </c>
      <c r="I26" s="22">
        <v>24</v>
      </c>
      <c r="J26" s="23">
        <v>22</v>
      </c>
      <c r="K26" s="21">
        <v>58</v>
      </c>
      <c r="L26" s="22">
        <v>30</v>
      </c>
      <c r="M26" s="23">
        <v>28</v>
      </c>
    </row>
    <row r="27" spans="1:13">
      <c r="A27" s="20" t="s">
        <v>34</v>
      </c>
      <c r="B27" s="21">
        <v>4</v>
      </c>
      <c r="C27" s="22">
        <v>1</v>
      </c>
      <c r="D27" s="23">
        <v>3</v>
      </c>
      <c r="E27" s="21">
        <v>0</v>
      </c>
      <c r="F27" s="22">
        <v>0</v>
      </c>
      <c r="G27" s="23">
        <v>0</v>
      </c>
      <c r="H27" s="21">
        <v>41</v>
      </c>
      <c r="I27" s="22">
        <v>15</v>
      </c>
      <c r="J27" s="23">
        <v>26</v>
      </c>
      <c r="K27" s="21">
        <v>37</v>
      </c>
      <c r="L27" s="22">
        <v>14</v>
      </c>
      <c r="M27" s="23">
        <v>23</v>
      </c>
    </row>
    <row r="28" spans="1:13">
      <c r="A28" s="20" t="s">
        <v>35</v>
      </c>
      <c r="B28" s="21">
        <v>79</v>
      </c>
      <c r="C28" s="22">
        <v>17</v>
      </c>
      <c r="D28" s="23">
        <v>62</v>
      </c>
      <c r="E28" s="21">
        <v>1</v>
      </c>
      <c r="F28" s="22">
        <v>0</v>
      </c>
      <c r="G28" s="23">
        <v>1</v>
      </c>
      <c r="H28" s="21">
        <v>200</v>
      </c>
      <c r="I28" s="22">
        <v>78</v>
      </c>
      <c r="J28" s="23">
        <v>122</v>
      </c>
      <c r="K28" s="21">
        <v>120</v>
      </c>
      <c r="L28" s="22">
        <v>61</v>
      </c>
      <c r="M28" s="23">
        <v>59</v>
      </c>
    </row>
    <row r="29" spans="1:13">
      <c r="A29" s="20" t="s">
        <v>36</v>
      </c>
      <c r="B29" s="21">
        <v>-71</v>
      </c>
      <c r="C29" s="22">
        <v>-32</v>
      </c>
      <c r="D29" s="23">
        <v>-39</v>
      </c>
      <c r="E29" s="21">
        <v>1</v>
      </c>
      <c r="F29" s="22">
        <v>1</v>
      </c>
      <c r="G29" s="23">
        <v>0</v>
      </c>
      <c r="H29" s="21">
        <v>296</v>
      </c>
      <c r="I29" s="22">
        <v>134</v>
      </c>
      <c r="J29" s="23">
        <v>162</v>
      </c>
      <c r="K29" s="21">
        <v>366</v>
      </c>
      <c r="L29" s="22">
        <v>165</v>
      </c>
      <c r="M29" s="23">
        <v>201</v>
      </c>
    </row>
    <row r="30" spans="1:13" ht="20.100000000000001" customHeight="1">
      <c r="A30" s="16" t="s">
        <v>37</v>
      </c>
      <c r="B30" s="17">
        <v>-495</v>
      </c>
      <c r="C30" s="18">
        <v>-273</v>
      </c>
      <c r="D30" s="19">
        <v>-222</v>
      </c>
      <c r="E30" s="17">
        <v>3</v>
      </c>
      <c r="F30" s="18">
        <v>2</v>
      </c>
      <c r="G30" s="19">
        <v>1</v>
      </c>
      <c r="H30" s="17">
        <v>2390</v>
      </c>
      <c r="I30" s="18">
        <v>1049</v>
      </c>
      <c r="J30" s="19">
        <v>1341</v>
      </c>
      <c r="K30" s="17">
        <v>2882</v>
      </c>
      <c r="L30" s="18">
        <v>1320</v>
      </c>
      <c r="M30" s="19">
        <v>1562</v>
      </c>
    </row>
    <row r="31" spans="1:13">
      <c r="A31" s="20" t="s">
        <v>38</v>
      </c>
      <c r="B31" s="21">
        <v>12</v>
      </c>
      <c r="C31" s="22">
        <v>-1</v>
      </c>
      <c r="D31" s="23">
        <v>13</v>
      </c>
      <c r="E31" s="21">
        <v>2</v>
      </c>
      <c r="F31" s="22">
        <v>2</v>
      </c>
      <c r="G31" s="23">
        <v>0</v>
      </c>
      <c r="H31" s="21">
        <v>368</v>
      </c>
      <c r="I31" s="22">
        <v>136</v>
      </c>
      <c r="J31" s="23">
        <v>232</v>
      </c>
      <c r="K31" s="21">
        <v>354</v>
      </c>
      <c r="L31" s="22">
        <v>135</v>
      </c>
      <c r="M31" s="23">
        <v>219</v>
      </c>
    </row>
    <row r="32" spans="1:13">
      <c r="A32" s="20" t="s">
        <v>39</v>
      </c>
      <c r="B32" s="21">
        <v>-129</v>
      </c>
      <c r="C32" s="22">
        <v>-49</v>
      </c>
      <c r="D32" s="23">
        <v>-80</v>
      </c>
      <c r="E32" s="21">
        <v>0</v>
      </c>
      <c r="F32" s="22">
        <v>0</v>
      </c>
      <c r="G32" s="23">
        <v>0</v>
      </c>
      <c r="H32" s="21">
        <v>375</v>
      </c>
      <c r="I32" s="22">
        <v>151</v>
      </c>
      <c r="J32" s="23">
        <v>224</v>
      </c>
      <c r="K32" s="21">
        <v>504</v>
      </c>
      <c r="L32" s="22">
        <v>200</v>
      </c>
      <c r="M32" s="23">
        <v>304</v>
      </c>
    </row>
    <row r="33" spans="1:13">
      <c r="A33" s="20" t="s">
        <v>40</v>
      </c>
      <c r="B33" s="21">
        <v>-150</v>
      </c>
      <c r="C33" s="22">
        <v>-71</v>
      </c>
      <c r="D33" s="23">
        <v>-79</v>
      </c>
      <c r="E33" s="21">
        <v>0</v>
      </c>
      <c r="F33" s="22">
        <v>0</v>
      </c>
      <c r="G33" s="23">
        <v>0</v>
      </c>
      <c r="H33" s="21">
        <v>464</v>
      </c>
      <c r="I33" s="22">
        <v>196</v>
      </c>
      <c r="J33" s="23">
        <v>268</v>
      </c>
      <c r="K33" s="21">
        <v>614</v>
      </c>
      <c r="L33" s="22">
        <v>267</v>
      </c>
      <c r="M33" s="23">
        <v>347</v>
      </c>
    </row>
    <row r="34" spans="1:13">
      <c r="A34" s="20" t="s">
        <v>41</v>
      </c>
      <c r="B34" s="21">
        <v>-154</v>
      </c>
      <c r="C34" s="22">
        <v>-87</v>
      </c>
      <c r="D34" s="23">
        <v>-67</v>
      </c>
      <c r="E34" s="21">
        <v>0</v>
      </c>
      <c r="F34" s="22">
        <v>0</v>
      </c>
      <c r="G34" s="23">
        <v>0</v>
      </c>
      <c r="H34" s="21">
        <v>631</v>
      </c>
      <c r="I34" s="22">
        <v>305</v>
      </c>
      <c r="J34" s="23">
        <v>326</v>
      </c>
      <c r="K34" s="21">
        <v>785</v>
      </c>
      <c r="L34" s="22">
        <v>392</v>
      </c>
      <c r="M34" s="23">
        <v>393</v>
      </c>
    </row>
    <row r="35" spans="1:13">
      <c r="A35" s="20" t="s">
        <v>42</v>
      </c>
      <c r="B35" s="21">
        <v>-74</v>
      </c>
      <c r="C35" s="22">
        <v>-65</v>
      </c>
      <c r="D35" s="23">
        <v>-9</v>
      </c>
      <c r="E35" s="21">
        <v>1</v>
      </c>
      <c r="F35" s="22">
        <v>0</v>
      </c>
      <c r="G35" s="23">
        <v>1</v>
      </c>
      <c r="H35" s="21">
        <v>552</v>
      </c>
      <c r="I35" s="22">
        <v>261</v>
      </c>
      <c r="J35" s="23">
        <v>291</v>
      </c>
      <c r="K35" s="21">
        <v>625</v>
      </c>
      <c r="L35" s="22">
        <v>326</v>
      </c>
      <c r="M35" s="23">
        <v>299</v>
      </c>
    </row>
    <row r="36" spans="1:13" ht="20.100000000000001" customHeight="1">
      <c r="A36" s="16" t="s">
        <v>43</v>
      </c>
      <c r="B36" s="17">
        <v>-237</v>
      </c>
      <c r="C36" s="18">
        <v>-58</v>
      </c>
      <c r="D36" s="19">
        <v>-179</v>
      </c>
      <c r="E36" s="17">
        <v>4</v>
      </c>
      <c r="F36" s="18">
        <v>2</v>
      </c>
      <c r="G36" s="19">
        <v>2</v>
      </c>
      <c r="H36" s="17">
        <v>2521</v>
      </c>
      <c r="I36" s="18">
        <v>1258</v>
      </c>
      <c r="J36" s="19">
        <v>1263</v>
      </c>
      <c r="K36" s="17">
        <v>2754</v>
      </c>
      <c r="L36" s="18">
        <v>1314</v>
      </c>
      <c r="M36" s="19">
        <v>1440</v>
      </c>
    </row>
    <row r="37" spans="1:13">
      <c r="A37" s="20" t="s">
        <v>44</v>
      </c>
      <c r="B37" s="21">
        <v>-94</v>
      </c>
      <c r="C37" s="22">
        <v>-58</v>
      </c>
      <c r="D37" s="23">
        <v>-36</v>
      </c>
      <c r="E37" s="21">
        <v>0</v>
      </c>
      <c r="F37" s="22">
        <v>0</v>
      </c>
      <c r="G37" s="23">
        <v>0</v>
      </c>
      <c r="H37" s="21">
        <v>580</v>
      </c>
      <c r="I37" s="22">
        <v>269</v>
      </c>
      <c r="J37" s="23">
        <v>311</v>
      </c>
      <c r="K37" s="21">
        <v>674</v>
      </c>
      <c r="L37" s="22">
        <v>327</v>
      </c>
      <c r="M37" s="23">
        <v>347</v>
      </c>
    </row>
    <row r="38" spans="1:13">
      <c r="A38" s="20" t="s">
        <v>45</v>
      </c>
      <c r="B38" s="21">
        <v>-33</v>
      </c>
      <c r="C38" s="22">
        <v>-2</v>
      </c>
      <c r="D38" s="23">
        <v>-31</v>
      </c>
      <c r="E38" s="21">
        <v>1</v>
      </c>
      <c r="F38" s="22">
        <v>1</v>
      </c>
      <c r="G38" s="23">
        <v>0</v>
      </c>
      <c r="H38" s="21">
        <v>543</v>
      </c>
      <c r="I38" s="22">
        <v>278</v>
      </c>
      <c r="J38" s="23">
        <v>265</v>
      </c>
      <c r="K38" s="21">
        <v>575</v>
      </c>
      <c r="L38" s="22">
        <v>279</v>
      </c>
      <c r="M38" s="23">
        <v>296</v>
      </c>
    </row>
    <row r="39" spans="1:13">
      <c r="A39" s="20" t="s">
        <v>46</v>
      </c>
      <c r="B39" s="21">
        <v>-71</v>
      </c>
      <c r="C39" s="22">
        <v>-17</v>
      </c>
      <c r="D39" s="23">
        <v>-54</v>
      </c>
      <c r="E39" s="21">
        <v>0</v>
      </c>
      <c r="F39" s="22">
        <v>0</v>
      </c>
      <c r="G39" s="23">
        <v>0</v>
      </c>
      <c r="H39" s="21">
        <v>469</v>
      </c>
      <c r="I39" s="22">
        <v>227</v>
      </c>
      <c r="J39" s="23">
        <v>242</v>
      </c>
      <c r="K39" s="21">
        <v>540</v>
      </c>
      <c r="L39" s="22">
        <v>244</v>
      </c>
      <c r="M39" s="23">
        <v>296</v>
      </c>
    </row>
    <row r="40" spans="1:13">
      <c r="A40" s="20" t="s">
        <v>47</v>
      </c>
      <c r="B40" s="21">
        <v>-36</v>
      </c>
      <c r="C40" s="22">
        <v>-8</v>
      </c>
      <c r="D40" s="23">
        <v>-28</v>
      </c>
      <c r="E40" s="21">
        <v>2</v>
      </c>
      <c r="F40" s="22">
        <v>1</v>
      </c>
      <c r="G40" s="23">
        <v>1</v>
      </c>
      <c r="H40" s="21">
        <v>486</v>
      </c>
      <c r="I40" s="22">
        <v>245</v>
      </c>
      <c r="J40" s="23">
        <v>241</v>
      </c>
      <c r="K40" s="21">
        <v>520</v>
      </c>
      <c r="L40" s="22">
        <v>252</v>
      </c>
      <c r="M40" s="23">
        <v>268</v>
      </c>
    </row>
    <row r="41" spans="1:13">
      <c r="A41" s="20" t="s">
        <v>48</v>
      </c>
      <c r="B41" s="21">
        <v>-3</v>
      </c>
      <c r="C41" s="22">
        <v>27</v>
      </c>
      <c r="D41" s="23">
        <v>-30</v>
      </c>
      <c r="E41" s="21">
        <v>1</v>
      </c>
      <c r="F41" s="22">
        <v>0</v>
      </c>
      <c r="G41" s="23">
        <v>1</v>
      </c>
      <c r="H41" s="21">
        <v>443</v>
      </c>
      <c r="I41" s="22">
        <v>239</v>
      </c>
      <c r="J41" s="23">
        <v>204</v>
      </c>
      <c r="K41" s="21">
        <v>445</v>
      </c>
      <c r="L41" s="22">
        <v>212</v>
      </c>
      <c r="M41" s="23">
        <v>233</v>
      </c>
    </row>
    <row r="42" spans="1:13" ht="20.100000000000001" customHeight="1">
      <c r="A42" s="16" t="s">
        <v>49</v>
      </c>
      <c r="B42" s="17">
        <v>-110</v>
      </c>
      <c r="C42" s="18">
        <v>-42</v>
      </c>
      <c r="D42" s="19">
        <v>-68</v>
      </c>
      <c r="E42" s="17">
        <v>4</v>
      </c>
      <c r="F42" s="18">
        <v>2</v>
      </c>
      <c r="G42" s="19">
        <v>2</v>
      </c>
      <c r="H42" s="17">
        <v>1725</v>
      </c>
      <c r="I42" s="18">
        <v>868</v>
      </c>
      <c r="J42" s="19">
        <v>857</v>
      </c>
      <c r="K42" s="17">
        <v>1831</v>
      </c>
      <c r="L42" s="18">
        <v>908</v>
      </c>
      <c r="M42" s="19">
        <v>923</v>
      </c>
    </row>
    <row r="43" spans="1:13">
      <c r="A43" s="20" t="s">
        <v>50</v>
      </c>
      <c r="B43" s="21">
        <v>-9</v>
      </c>
      <c r="C43" s="22">
        <v>11</v>
      </c>
      <c r="D43" s="23">
        <v>-20</v>
      </c>
      <c r="E43" s="21">
        <v>1</v>
      </c>
      <c r="F43" s="22">
        <v>1</v>
      </c>
      <c r="G43" s="23">
        <v>0</v>
      </c>
      <c r="H43" s="21">
        <v>430</v>
      </c>
      <c r="I43" s="22">
        <v>217</v>
      </c>
      <c r="J43" s="23">
        <v>213</v>
      </c>
      <c r="K43" s="21">
        <v>438</v>
      </c>
      <c r="L43" s="22">
        <v>205</v>
      </c>
      <c r="M43" s="23">
        <v>233</v>
      </c>
    </row>
    <row r="44" spans="1:13">
      <c r="A44" s="20" t="s">
        <v>51</v>
      </c>
      <c r="B44" s="21">
        <v>-62</v>
      </c>
      <c r="C44" s="22">
        <v>-25</v>
      </c>
      <c r="D44" s="23">
        <v>-37</v>
      </c>
      <c r="E44" s="21">
        <v>1</v>
      </c>
      <c r="F44" s="22">
        <v>0</v>
      </c>
      <c r="G44" s="23">
        <v>1</v>
      </c>
      <c r="H44" s="21">
        <v>342</v>
      </c>
      <c r="I44" s="22">
        <v>173</v>
      </c>
      <c r="J44" s="23">
        <v>169</v>
      </c>
      <c r="K44" s="21">
        <v>403</v>
      </c>
      <c r="L44" s="22">
        <v>198</v>
      </c>
      <c r="M44" s="23">
        <v>205</v>
      </c>
    </row>
    <row r="45" spans="1:13">
      <c r="A45" s="20" t="s">
        <v>52</v>
      </c>
      <c r="B45" s="21">
        <v>-3</v>
      </c>
      <c r="C45" s="22">
        <v>-10</v>
      </c>
      <c r="D45" s="23">
        <v>7</v>
      </c>
      <c r="E45" s="21">
        <v>1</v>
      </c>
      <c r="F45" s="22">
        <v>1</v>
      </c>
      <c r="G45" s="23">
        <v>0</v>
      </c>
      <c r="H45" s="21">
        <v>366</v>
      </c>
      <c r="I45" s="22">
        <v>194</v>
      </c>
      <c r="J45" s="23">
        <v>172</v>
      </c>
      <c r="K45" s="21">
        <v>368</v>
      </c>
      <c r="L45" s="22">
        <v>203</v>
      </c>
      <c r="M45" s="23">
        <v>165</v>
      </c>
    </row>
    <row r="46" spans="1:13">
      <c r="A46" s="20" t="s">
        <v>53</v>
      </c>
      <c r="B46" s="21">
        <v>0</v>
      </c>
      <c r="C46" s="22">
        <v>0</v>
      </c>
      <c r="D46" s="23">
        <v>0</v>
      </c>
      <c r="E46" s="21">
        <v>1</v>
      </c>
      <c r="F46" s="22">
        <v>0</v>
      </c>
      <c r="G46" s="23">
        <v>1</v>
      </c>
      <c r="H46" s="21">
        <v>324</v>
      </c>
      <c r="I46" s="22">
        <v>149</v>
      </c>
      <c r="J46" s="23">
        <v>175</v>
      </c>
      <c r="K46" s="21">
        <v>323</v>
      </c>
      <c r="L46" s="22">
        <v>149</v>
      </c>
      <c r="M46" s="23">
        <v>174</v>
      </c>
    </row>
    <row r="47" spans="1:13">
      <c r="A47" s="20" t="s">
        <v>54</v>
      </c>
      <c r="B47" s="21">
        <v>-36</v>
      </c>
      <c r="C47" s="22">
        <v>-18</v>
      </c>
      <c r="D47" s="23">
        <v>-18</v>
      </c>
      <c r="E47" s="21">
        <v>0</v>
      </c>
      <c r="F47" s="22">
        <v>0</v>
      </c>
      <c r="G47" s="23">
        <v>0</v>
      </c>
      <c r="H47" s="21">
        <v>263</v>
      </c>
      <c r="I47" s="22">
        <v>135</v>
      </c>
      <c r="J47" s="23">
        <v>128</v>
      </c>
      <c r="K47" s="21">
        <v>299</v>
      </c>
      <c r="L47" s="22">
        <v>153</v>
      </c>
      <c r="M47" s="23">
        <v>146</v>
      </c>
    </row>
    <row r="48" spans="1:13" ht="20.100000000000001" customHeight="1">
      <c r="A48" s="16" t="s">
        <v>55</v>
      </c>
      <c r="B48" s="17">
        <v>15</v>
      </c>
      <c r="C48" s="18">
        <v>6</v>
      </c>
      <c r="D48" s="19">
        <v>9</v>
      </c>
      <c r="E48" s="17">
        <v>12</v>
      </c>
      <c r="F48" s="18">
        <v>7</v>
      </c>
      <c r="G48" s="19">
        <v>5</v>
      </c>
      <c r="H48" s="17">
        <v>1299</v>
      </c>
      <c r="I48" s="18">
        <v>658</v>
      </c>
      <c r="J48" s="19">
        <v>641</v>
      </c>
      <c r="K48" s="17">
        <v>1272</v>
      </c>
      <c r="L48" s="18">
        <v>645</v>
      </c>
      <c r="M48" s="19">
        <v>627</v>
      </c>
    </row>
    <row r="49" spans="1:13">
      <c r="A49" s="20" t="s">
        <v>56</v>
      </c>
      <c r="B49" s="21">
        <v>-10</v>
      </c>
      <c r="C49" s="22">
        <v>-7</v>
      </c>
      <c r="D49" s="23">
        <v>-3</v>
      </c>
      <c r="E49" s="21">
        <v>2</v>
      </c>
      <c r="F49" s="22">
        <v>0</v>
      </c>
      <c r="G49" s="23">
        <v>2</v>
      </c>
      <c r="H49" s="21">
        <v>251</v>
      </c>
      <c r="I49" s="22">
        <v>137</v>
      </c>
      <c r="J49" s="23">
        <v>114</v>
      </c>
      <c r="K49" s="21">
        <v>259</v>
      </c>
      <c r="L49" s="22">
        <v>144</v>
      </c>
      <c r="M49" s="23">
        <v>115</v>
      </c>
    </row>
    <row r="50" spans="1:13">
      <c r="A50" s="20" t="s">
        <v>57</v>
      </c>
      <c r="B50" s="21">
        <v>16</v>
      </c>
      <c r="C50" s="22">
        <v>9</v>
      </c>
      <c r="D50" s="23">
        <v>7</v>
      </c>
      <c r="E50" s="21">
        <v>3</v>
      </c>
      <c r="F50" s="22">
        <v>2</v>
      </c>
      <c r="G50" s="23">
        <v>1</v>
      </c>
      <c r="H50" s="21">
        <v>292</v>
      </c>
      <c r="I50" s="22">
        <v>153</v>
      </c>
      <c r="J50" s="23">
        <v>139</v>
      </c>
      <c r="K50" s="21">
        <v>273</v>
      </c>
      <c r="L50" s="22">
        <v>142</v>
      </c>
      <c r="M50" s="23">
        <v>131</v>
      </c>
    </row>
    <row r="51" spans="1:13">
      <c r="A51" s="20" t="s">
        <v>58</v>
      </c>
      <c r="B51" s="21">
        <v>-6</v>
      </c>
      <c r="C51" s="22">
        <v>-15</v>
      </c>
      <c r="D51" s="23">
        <v>9</v>
      </c>
      <c r="E51" s="21">
        <v>3</v>
      </c>
      <c r="F51" s="22">
        <v>1</v>
      </c>
      <c r="G51" s="23">
        <v>2</v>
      </c>
      <c r="H51" s="21">
        <v>266</v>
      </c>
      <c r="I51" s="22">
        <v>127</v>
      </c>
      <c r="J51" s="23">
        <v>139</v>
      </c>
      <c r="K51" s="21">
        <v>269</v>
      </c>
      <c r="L51" s="22">
        <v>141</v>
      </c>
      <c r="M51" s="23">
        <v>128</v>
      </c>
    </row>
    <row r="52" spans="1:13">
      <c r="A52" s="20" t="s">
        <v>59</v>
      </c>
      <c r="B52" s="21">
        <v>-2</v>
      </c>
      <c r="C52" s="22">
        <v>4</v>
      </c>
      <c r="D52" s="23">
        <v>-6</v>
      </c>
      <c r="E52" s="21">
        <v>1</v>
      </c>
      <c r="F52" s="22">
        <v>1</v>
      </c>
      <c r="G52" s="23">
        <v>0</v>
      </c>
      <c r="H52" s="21">
        <v>241</v>
      </c>
      <c r="I52" s="22">
        <v>126</v>
      </c>
      <c r="J52" s="23">
        <v>115</v>
      </c>
      <c r="K52" s="21">
        <v>242</v>
      </c>
      <c r="L52" s="22">
        <v>121</v>
      </c>
      <c r="M52" s="23">
        <v>121</v>
      </c>
    </row>
    <row r="53" spans="1:13">
      <c r="A53" s="20" t="s">
        <v>60</v>
      </c>
      <c r="B53" s="21">
        <v>17</v>
      </c>
      <c r="C53" s="22">
        <v>15</v>
      </c>
      <c r="D53" s="23">
        <v>2</v>
      </c>
      <c r="E53" s="21">
        <v>3</v>
      </c>
      <c r="F53" s="22">
        <v>3</v>
      </c>
      <c r="G53" s="23">
        <v>0</v>
      </c>
      <c r="H53" s="21">
        <v>249</v>
      </c>
      <c r="I53" s="22">
        <v>115</v>
      </c>
      <c r="J53" s="23">
        <v>134</v>
      </c>
      <c r="K53" s="21">
        <v>229</v>
      </c>
      <c r="L53" s="22">
        <v>97</v>
      </c>
      <c r="M53" s="23">
        <v>132</v>
      </c>
    </row>
    <row r="54" spans="1:13" ht="20.100000000000001" customHeight="1">
      <c r="A54" s="16" t="s">
        <v>61</v>
      </c>
      <c r="B54" s="17">
        <v>36</v>
      </c>
      <c r="C54" s="18">
        <v>22</v>
      </c>
      <c r="D54" s="19">
        <v>14</v>
      </c>
      <c r="E54" s="17">
        <v>9</v>
      </c>
      <c r="F54" s="18">
        <v>6</v>
      </c>
      <c r="G54" s="19">
        <v>3</v>
      </c>
      <c r="H54" s="17">
        <v>1035</v>
      </c>
      <c r="I54" s="18">
        <v>505</v>
      </c>
      <c r="J54" s="19">
        <v>530</v>
      </c>
      <c r="K54" s="17">
        <v>990</v>
      </c>
      <c r="L54" s="18">
        <v>477</v>
      </c>
      <c r="M54" s="19">
        <v>513</v>
      </c>
    </row>
    <row r="55" spans="1:13">
      <c r="A55" s="20" t="s">
        <v>62</v>
      </c>
      <c r="B55" s="21">
        <v>-16</v>
      </c>
      <c r="C55" s="22">
        <v>-21</v>
      </c>
      <c r="D55" s="23">
        <v>5</v>
      </c>
      <c r="E55" s="21">
        <v>2</v>
      </c>
      <c r="F55" s="22">
        <v>1</v>
      </c>
      <c r="G55" s="23">
        <v>1</v>
      </c>
      <c r="H55" s="21">
        <v>217</v>
      </c>
      <c r="I55" s="22">
        <v>99</v>
      </c>
      <c r="J55" s="23">
        <v>118</v>
      </c>
      <c r="K55" s="21">
        <v>231</v>
      </c>
      <c r="L55" s="22">
        <v>119</v>
      </c>
      <c r="M55" s="23">
        <v>112</v>
      </c>
    </row>
    <row r="56" spans="1:13">
      <c r="A56" s="20" t="s">
        <v>63</v>
      </c>
      <c r="B56" s="21">
        <v>6</v>
      </c>
      <c r="C56" s="22">
        <v>27</v>
      </c>
      <c r="D56" s="23">
        <v>-21</v>
      </c>
      <c r="E56" s="21">
        <v>5</v>
      </c>
      <c r="F56" s="22">
        <v>4</v>
      </c>
      <c r="G56" s="23">
        <v>1</v>
      </c>
      <c r="H56" s="21">
        <v>218</v>
      </c>
      <c r="I56" s="22">
        <v>115</v>
      </c>
      <c r="J56" s="23">
        <v>103</v>
      </c>
      <c r="K56" s="21">
        <v>207</v>
      </c>
      <c r="L56" s="22">
        <v>84</v>
      </c>
      <c r="M56" s="23">
        <v>123</v>
      </c>
    </row>
    <row r="57" spans="1:13">
      <c r="A57" s="20" t="s">
        <v>64</v>
      </c>
      <c r="B57" s="21">
        <v>14</v>
      </c>
      <c r="C57" s="22">
        <v>12</v>
      </c>
      <c r="D57" s="23">
        <v>2</v>
      </c>
      <c r="E57" s="21">
        <v>2</v>
      </c>
      <c r="F57" s="22">
        <v>1</v>
      </c>
      <c r="G57" s="23">
        <v>1</v>
      </c>
      <c r="H57" s="21">
        <v>218</v>
      </c>
      <c r="I57" s="22">
        <v>105</v>
      </c>
      <c r="J57" s="23">
        <v>113</v>
      </c>
      <c r="K57" s="21">
        <v>202</v>
      </c>
      <c r="L57" s="22">
        <v>92</v>
      </c>
      <c r="M57" s="23">
        <v>110</v>
      </c>
    </row>
    <row r="58" spans="1:13">
      <c r="A58" s="20" t="s">
        <v>65</v>
      </c>
      <c r="B58" s="21">
        <v>9</v>
      </c>
      <c r="C58" s="22">
        <v>-3</v>
      </c>
      <c r="D58" s="23">
        <v>12</v>
      </c>
      <c r="E58" s="21">
        <v>0</v>
      </c>
      <c r="F58" s="22">
        <v>0</v>
      </c>
      <c r="G58" s="23">
        <v>0</v>
      </c>
      <c r="H58" s="21">
        <v>206</v>
      </c>
      <c r="I58" s="22">
        <v>97</v>
      </c>
      <c r="J58" s="23">
        <v>109</v>
      </c>
      <c r="K58" s="21">
        <v>197</v>
      </c>
      <c r="L58" s="22">
        <v>100</v>
      </c>
      <c r="M58" s="23">
        <v>97</v>
      </c>
    </row>
    <row r="59" spans="1:13">
      <c r="A59" s="20" t="s">
        <v>66</v>
      </c>
      <c r="B59" s="21">
        <v>23</v>
      </c>
      <c r="C59" s="22">
        <v>7</v>
      </c>
      <c r="D59" s="23">
        <v>16</v>
      </c>
      <c r="E59" s="21">
        <v>0</v>
      </c>
      <c r="F59" s="22">
        <v>0</v>
      </c>
      <c r="G59" s="23">
        <v>0</v>
      </c>
      <c r="H59" s="21">
        <v>176</v>
      </c>
      <c r="I59" s="22">
        <v>89</v>
      </c>
      <c r="J59" s="23">
        <v>87</v>
      </c>
      <c r="K59" s="21">
        <v>153</v>
      </c>
      <c r="L59" s="22">
        <v>82</v>
      </c>
      <c r="M59" s="23">
        <v>71</v>
      </c>
    </row>
    <row r="60" spans="1:13" ht="20.100000000000001" customHeight="1">
      <c r="A60" s="16" t="s">
        <v>67</v>
      </c>
      <c r="B60" s="17">
        <v>44</v>
      </c>
      <c r="C60" s="18">
        <v>17</v>
      </c>
      <c r="D60" s="19">
        <v>27</v>
      </c>
      <c r="E60" s="17">
        <v>46</v>
      </c>
      <c r="F60" s="18">
        <v>29</v>
      </c>
      <c r="G60" s="19">
        <v>17</v>
      </c>
      <c r="H60" s="17">
        <v>750</v>
      </c>
      <c r="I60" s="18">
        <v>451</v>
      </c>
      <c r="J60" s="19">
        <v>299</v>
      </c>
      <c r="K60" s="17">
        <v>660</v>
      </c>
      <c r="L60" s="18">
        <v>405</v>
      </c>
      <c r="M60" s="19">
        <v>255</v>
      </c>
    </row>
    <row r="61" spans="1:13">
      <c r="A61" s="20" t="s">
        <v>68</v>
      </c>
      <c r="B61" s="21">
        <v>0</v>
      </c>
      <c r="C61" s="22">
        <v>-4</v>
      </c>
      <c r="D61" s="23">
        <v>4</v>
      </c>
      <c r="E61" s="21">
        <v>5</v>
      </c>
      <c r="F61" s="22">
        <v>2</v>
      </c>
      <c r="G61" s="23">
        <v>3</v>
      </c>
      <c r="H61" s="21">
        <v>154</v>
      </c>
      <c r="I61" s="22">
        <v>80</v>
      </c>
      <c r="J61" s="23">
        <v>74</v>
      </c>
      <c r="K61" s="21">
        <v>149</v>
      </c>
      <c r="L61" s="22">
        <v>82</v>
      </c>
      <c r="M61" s="23">
        <v>67</v>
      </c>
    </row>
    <row r="62" spans="1:13">
      <c r="A62" s="20" t="s">
        <v>69</v>
      </c>
      <c r="B62" s="21">
        <v>24</v>
      </c>
      <c r="C62" s="22">
        <v>10</v>
      </c>
      <c r="D62" s="23">
        <v>14</v>
      </c>
      <c r="E62" s="21">
        <v>6</v>
      </c>
      <c r="F62" s="22">
        <v>2</v>
      </c>
      <c r="G62" s="23">
        <v>4</v>
      </c>
      <c r="H62" s="21">
        <v>165</v>
      </c>
      <c r="I62" s="22">
        <v>106</v>
      </c>
      <c r="J62" s="23">
        <v>59</v>
      </c>
      <c r="K62" s="21">
        <v>135</v>
      </c>
      <c r="L62" s="22">
        <v>94</v>
      </c>
      <c r="M62" s="23">
        <v>41</v>
      </c>
    </row>
    <row r="63" spans="1:13">
      <c r="A63" s="20" t="s">
        <v>70</v>
      </c>
      <c r="B63" s="21">
        <v>17</v>
      </c>
      <c r="C63" s="22">
        <v>15</v>
      </c>
      <c r="D63" s="23">
        <v>2</v>
      </c>
      <c r="E63" s="21">
        <v>5</v>
      </c>
      <c r="F63" s="22">
        <v>3</v>
      </c>
      <c r="G63" s="23">
        <v>2</v>
      </c>
      <c r="H63" s="21">
        <v>153</v>
      </c>
      <c r="I63" s="22">
        <v>91</v>
      </c>
      <c r="J63" s="23">
        <v>62</v>
      </c>
      <c r="K63" s="21">
        <v>131</v>
      </c>
      <c r="L63" s="22">
        <v>73</v>
      </c>
      <c r="M63" s="23">
        <v>58</v>
      </c>
    </row>
    <row r="64" spans="1:13">
      <c r="A64" s="20" t="s">
        <v>71</v>
      </c>
      <c r="B64" s="21">
        <v>-14</v>
      </c>
      <c r="C64" s="22">
        <v>-13</v>
      </c>
      <c r="D64" s="23">
        <v>-1</v>
      </c>
      <c r="E64" s="21">
        <v>22</v>
      </c>
      <c r="F64" s="22">
        <v>15</v>
      </c>
      <c r="G64" s="23">
        <v>7</v>
      </c>
      <c r="H64" s="21">
        <v>135</v>
      </c>
      <c r="I64" s="22">
        <v>80</v>
      </c>
      <c r="J64" s="23">
        <v>55</v>
      </c>
      <c r="K64" s="21">
        <v>127</v>
      </c>
      <c r="L64" s="22">
        <v>78</v>
      </c>
      <c r="M64" s="23">
        <v>49</v>
      </c>
    </row>
    <row r="65" spans="1:13">
      <c r="A65" s="24" t="s">
        <v>72</v>
      </c>
      <c r="B65" s="25">
        <v>17</v>
      </c>
      <c r="C65" s="26">
        <v>9</v>
      </c>
      <c r="D65" s="27">
        <v>8</v>
      </c>
      <c r="E65" s="25">
        <v>8</v>
      </c>
      <c r="F65" s="26">
        <v>7</v>
      </c>
      <c r="G65" s="27">
        <v>1</v>
      </c>
      <c r="H65" s="25">
        <v>143</v>
      </c>
      <c r="I65" s="26">
        <v>94</v>
      </c>
      <c r="J65" s="27">
        <v>49</v>
      </c>
      <c r="K65" s="25">
        <v>118</v>
      </c>
      <c r="L65" s="26">
        <v>78</v>
      </c>
      <c r="M65" s="27">
        <v>4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48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48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48"/>
      <c r="L68" s="31"/>
      <c r="M68" s="31"/>
    </row>
    <row r="69" spans="1:13" ht="19.5" customHeight="1">
      <c r="A69" s="33" t="s">
        <v>12</v>
      </c>
      <c r="B69" s="13">
        <v>1926</v>
      </c>
      <c r="C69" s="14">
        <v>973</v>
      </c>
      <c r="D69" s="15">
        <v>953</v>
      </c>
      <c r="E69" s="29"/>
      <c r="F69" s="29"/>
      <c r="G69" s="29"/>
      <c r="H69" s="29"/>
      <c r="I69" s="29"/>
      <c r="J69" s="29"/>
      <c r="K69" s="48"/>
      <c r="L69" s="31"/>
      <c r="M69" s="31"/>
    </row>
    <row r="70" spans="1:13" ht="19.5" customHeight="1">
      <c r="A70" s="34" t="s">
        <v>13</v>
      </c>
      <c r="B70" s="17">
        <v>1926</v>
      </c>
      <c r="C70" s="18">
        <v>973</v>
      </c>
      <c r="D70" s="19">
        <v>953</v>
      </c>
    </row>
    <row r="71" spans="1:13">
      <c r="A71" s="24" t="s">
        <v>14</v>
      </c>
      <c r="B71" s="25">
        <v>1926</v>
      </c>
      <c r="C71" s="26">
        <v>973</v>
      </c>
      <c r="D71" s="27">
        <v>953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14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2</v>
      </c>
      <c r="C77" s="18">
        <v>-20</v>
      </c>
      <c r="D77" s="19">
        <v>22</v>
      </c>
      <c r="E77" s="17">
        <v>52</v>
      </c>
      <c r="F77" s="18">
        <v>36</v>
      </c>
      <c r="G77" s="19">
        <v>16</v>
      </c>
      <c r="H77" s="17">
        <v>648</v>
      </c>
      <c r="I77" s="18">
        <v>345</v>
      </c>
      <c r="J77" s="19">
        <v>303</v>
      </c>
      <c r="K77" s="17">
        <v>594</v>
      </c>
      <c r="L77" s="18">
        <v>329</v>
      </c>
      <c r="M77" s="19">
        <v>265</v>
      </c>
    </row>
    <row r="78" spans="1:13">
      <c r="A78" s="40" t="s">
        <v>81</v>
      </c>
      <c r="B78" s="21">
        <v>7</v>
      </c>
      <c r="C78" s="22">
        <v>8</v>
      </c>
      <c r="D78" s="23">
        <v>-1</v>
      </c>
      <c r="E78" s="21">
        <v>13</v>
      </c>
      <c r="F78" s="22">
        <v>8</v>
      </c>
      <c r="G78" s="23">
        <v>5</v>
      </c>
      <c r="H78" s="21">
        <v>156</v>
      </c>
      <c r="I78" s="22">
        <v>88</v>
      </c>
      <c r="J78" s="23">
        <v>68</v>
      </c>
      <c r="K78" s="21">
        <v>136</v>
      </c>
      <c r="L78" s="22">
        <v>72</v>
      </c>
      <c r="M78" s="23">
        <v>64</v>
      </c>
    </row>
    <row r="79" spans="1:13">
      <c r="A79" s="40" t="s">
        <v>82</v>
      </c>
      <c r="B79" s="21">
        <v>-6</v>
      </c>
      <c r="C79" s="22">
        <v>-2</v>
      </c>
      <c r="D79" s="23">
        <v>-4</v>
      </c>
      <c r="E79" s="21">
        <v>7</v>
      </c>
      <c r="F79" s="22">
        <v>4</v>
      </c>
      <c r="G79" s="23">
        <v>3</v>
      </c>
      <c r="H79" s="21">
        <v>132</v>
      </c>
      <c r="I79" s="22">
        <v>77</v>
      </c>
      <c r="J79" s="23">
        <v>55</v>
      </c>
      <c r="K79" s="21">
        <v>131</v>
      </c>
      <c r="L79" s="22">
        <v>75</v>
      </c>
      <c r="M79" s="23">
        <v>56</v>
      </c>
    </row>
    <row r="80" spans="1:13">
      <c r="A80" s="40" t="s">
        <v>83</v>
      </c>
      <c r="B80" s="21">
        <v>7</v>
      </c>
      <c r="C80" s="22">
        <v>-9</v>
      </c>
      <c r="D80" s="23">
        <v>16</v>
      </c>
      <c r="E80" s="21">
        <v>14</v>
      </c>
      <c r="F80" s="22">
        <v>10</v>
      </c>
      <c r="G80" s="23">
        <v>4</v>
      </c>
      <c r="H80" s="21">
        <v>134</v>
      </c>
      <c r="I80" s="22">
        <v>69</v>
      </c>
      <c r="J80" s="23">
        <v>65</v>
      </c>
      <c r="K80" s="21">
        <v>113</v>
      </c>
      <c r="L80" s="22">
        <v>68</v>
      </c>
      <c r="M80" s="23">
        <v>45</v>
      </c>
    </row>
    <row r="81" spans="1:13">
      <c r="A81" s="40" t="s">
        <v>84</v>
      </c>
      <c r="B81" s="21">
        <v>-19</v>
      </c>
      <c r="C81" s="22">
        <v>-24</v>
      </c>
      <c r="D81" s="23">
        <v>5</v>
      </c>
      <c r="E81" s="21">
        <v>10</v>
      </c>
      <c r="F81" s="22">
        <v>6</v>
      </c>
      <c r="G81" s="23">
        <v>4</v>
      </c>
      <c r="H81" s="21">
        <v>110</v>
      </c>
      <c r="I81" s="22">
        <v>53</v>
      </c>
      <c r="J81" s="23">
        <v>57</v>
      </c>
      <c r="K81" s="21">
        <v>119</v>
      </c>
      <c r="L81" s="22">
        <v>71</v>
      </c>
      <c r="M81" s="23">
        <v>48</v>
      </c>
    </row>
    <row r="82" spans="1:13">
      <c r="A82" s="40" t="s">
        <v>85</v>
      </c>
      <c r="B82" s="21">
        <v>13</v>
      </c>
      <c r="C82" s="22">
        <v>7</v>
      </c>
      <c r="D82" s="23">
        <v>6</v>
      </c>
      <c r="E82" s="21">
        <v>8</v>
      </c>
      <c r="F82" s="22">
        <v>8</v>
      </c>
      <c r="G82" s="23">
        <v>0</v>
      </c>
      <c r="H82" s="21">
        <v>116</v>
      </c>
      <c r="I82" s="22">
        <v>58</v>
      </c>
      <c r="J82" s="23">
        <v>58</v>
      </c>
      <c r="K82" s="21">
        <v>95</v>
      </c>
      <c r="L82" s="22">
        <v>43</v>
      </c>
      <c r="M82" s="23">
        <v>52</v>
      </c>
    </row>
    <row r="83" spans="1:13" ht="19.5" customHeight="1">
      <c r="A83" s="34" t="s">
        <v>86</v>
      </c>
      <c r="B83" s="17">
        <v>87</v>
      </c>
      <c r="C83" s="18">
        <v>34</v>
      </c>
      <c r="D83" s="19">
        <v>53</v>
      </c>
      <c r="E83" s="17">
        <v>64</v>
      </c>
      <c r="F83" s="18">
        <v>45</v>
      </c>
      <c r="G83" s="19">
        <v>19</v>
      </c>
      <c r="H83" s="17">
        <v>530</v>
      </c>
      <c r="I83" s="18">
        <v>279</v>
      </c>
      <c r="J83" s="19">
        <v>251</v>
      </c>
      <c r="K83" s="17">
        <v>379</v>
      </c>
      <c r="L83" s="18">
        <v>200</v>
      </c>
      <c r="M83" s="19">
        <v>179</v>
      </c>
    </row>
    <row r="84" spans="1:13">
      <c r="A84" s="40" t="s">
        <v>87</v>
      </c>
      <c r="B84" s="21">
        <v>14</v>
      </c>
      <c r="C84" s="22">
        <v>6</v>
      </c>
      <c r="D84" s="23">
        <v>8</v>
      </c>
      <c r="E84" s="21">
        <v>8</v>
      </c>
      <c r="F84" s="22">
        <v>6</v>
      </c>
      <c r="G84" s="23">
        <v>2</v>
      </c>
      <c r="H84" s="21">
        <v>121</v>
      </c>
      <c r="I84" s="22">
        <v>65</v>
      </c>
      <c r="J84" s="23">
        <v>56</v>
      </c>
      <c r="K84" s="21">
        <v>99</v>
      </c>
      <c r="L84" s="22">
        <v>53</v>
      </c>
      <c r="M84" s="23">
        <v>46</v>
      </c>
    </row>
    <row r="85" spans="1:13">
      <c r="A85" s="40" t="s">
        <v>88</v>
      </c>
      <c r="B85" s="21">
        <v>16</v>
      </c>
      <c r="C85" s="22">
        <v>0</v>
      </c>
      <c r="D85" s="23">
        <v>16</v>
      </c>
      <c r="E85" s="21">
        <v>11</v>
      </c>
      <c r="F85" s="22">
        <v>10</v>
      </c>
      <c r="G85" s="23">
        <v>1</v>
      </c>
      <c r="H85" s="21">
        <v>112</v>
      </c>
      <c r="I85" s="22">
        <v>58</v>
      </c>
      <c r="J85" s="23">
        <v>54</v>
      </c>
      <c r="K85" s="21">
        <v>85</v>
      </c>
      <c r="L85" s="22">
        <v>48</v>
      </c>
      <c r="M85" s="23">
        <v>37</v>
      </c>
    </row>
    <row r="86" spans="1:13">
      <c r="A86" s="40" t="s">
        <v>89</v>
      </c>
      <c r="B86" s="21">
        <v>21</v>
      </c>
      <c r="C86" s="22">
        <v>11</v>
      </c>
      <c r="D86" s="23">
        <v>10</v>
      </c>
      <c r="E86" s="21">
        <v>13</v>
      </c>
      <c r="F86" s="22">
        <v>8</v>
      </c>
      <c r="G86" s="23">
        <v>5</v>
      </c>
      <c r="H86" s="21">
        <v>105</v>
      </c>
      <c r="I86" s="22">
        <v>58</v>
      </c>
      <c r="J86" s="23">
        <v>47</v>
      </c>
      <c r="K86" s="21">
        <v>71</v>
      </c>
      <c r="L86" s="22">
        <v>39</v>
      </c>
      <c r="M86" s="23">
        <v>32</v>
      </c>
    </row>
    <row r="87" spans="1:13">
      <c r="A87" s="40" t="s">
        <v>90</v>
      </c>
      <c r="B87" s="21">
        <v>21</v>
      </c>
      <c r="C87" s="22">
        <v>12</v>
      </c>
      <c r="D87" s="23">
        <v>9</v>
      </c>
      <c r="E87" s="21">
        <v>18</v>
      </c>
      <c r="F87" s="22">
        <v>14</v>
      </c>
      <c r="G87" s="23">
        <v>4</v>
      </c>
      <c r="H87" s="21">
        <v>108</v>
      </c>
      <c r="I87" s="22">
        <v>55</v>
      </c>
      <c r="J87" s="23">
        <v>53</v>
      </c>
      <c r="K87" s="21">
        <v>69</v>
      </c>
      <c r="L87" s="22">
        <v>29</v>
      </c>
      <c r="M87" s="23">
        <v>40</v>
      </c>
    </row>
    <row r="88" spans="1:13">
      <c r="A88" s="40" t="s">
        <v>91</v>
      </c>
      <c r="B88" s="21">
        <v>15</v>
      </c>
      <c r="C88" s="22">
        <v>5</v>
      </c>
      <c r="D88" s="23">
        <v>10</v>
      </c>
      <c r="E88" s="21">
        <v>14</v>
      </c>
      <c r="F88" s="22">
        <v>7</v>
      </c>
      <c r="G88" s="23">
        <v>7</v>
      </c>
      <c r="H88" s="21">
        <v>84</v>
      </c>
      <c r="I88" s="22">
        <v>43</v>
      </c>
      <c r="J88" s="23">
        <v>41</v>
      </c>
      <c r="K88" s="21">
        <v>55</v>
      </c>
      <c r="L88" s="22">
        <v>31</v>
      </c>
      <c r="M88" s="23">
        <v>24</v>
      </c>
    </row>
    <row r="89" spans="1:13" ht="19.5" customHeight="1">
      <c r="A89" s="34" t="s">
        <v>92</v>
      </c>
      <c r="B89" s="17">
        <v>-27</v>
      </c>
      <c r="C89" s="18">
        <v>-26</v>
      </c>
      <c r="D89" s="19">
        <v>-1</v>
      </c>
      <c r="E89" s="17">
        <v>123</v>
      </c>
      <c r="F89" s="18">
        <v>83</v>
      </c>
      <c r="G89" s="19">
        <v>40</v>
      </c>
      <c r="H89" s="17">
        <v>398</v>
      </c>
      <c r="I89" s="18">
        <v>233</v>
      </c>
      <c r="J89" s="19">
        <v>165</v>
      </c>
      <c r="K89" s="17">
        <v>302</v>
      </c>
      <c r="L89" s="18">
        <v>176</v>
      </c>
      <c r="M89" s="19">
        <v>126</v>
      </c>
    </row>
    <row r="90" spans="1:13">
      <c r="A90" s="40" t="s">
        <v>93</v>
      </c>
      <c r="B90" s="21">
        <v>-17</v>
      </c>
      <c r="C90" s="22">
        <v>-11</v>
      </c>
      <c r="D90" s="23">
        <v>-6</v>
      </c>
      <c r="E90" s="21">
        <v>26</v>
      </c>
      <c r="F90" s="22">
        <v>11</v>
      </c>
      <c r="G90" s="23">
        <v>15</v>
      </c>
      <c r="H90" s="21">
        <v>97</v>
      </c>
      <c r="I90" s="22">
        <v>61</v>
      </c>
      <c r="J90" s="23">
        <v>36</v>
      </c>
      <c r="K90" s="21">
        <v>88</v>
      </c>
      <c r="L90" s="22">
        <v>61</v>
      </c>
      <c r="M90" s="23">
        <v>27</v>
      </c>
    </row>
    <row r="91" spans="1:13">
      <c r="A91" s="40" t="s">
        <v>94</v>
      </c>
      <c r="B91" s="21">
        <v>-19</v>
      </c>
      <c r="C91" s="22">
        <v>-18</v>
      </c>
      <c r="D91" s="23">
        <v>-1</v>
      </c>
      <c r="E91" s="21">
        <v>25</v>
      </c>
      <c r="F91" s="22">
        <v>19</v>
      </c>
      <c r="G91" s="23">
        <v>6</v>
      </c>
      <c r="H91" s="21">
        <v>74</v>
      </c>
      <c r="I91" s="22">
        <v>41</v>
      </c>
      <c r="J91" s="23">
        <v>33</v>
      </c>
      <c r="K91" s="21">
        <v>68</v>
      </c>
      <c r="L91" s="22">
        <v>40</v>
      </c>
      <c r="M91" s="23">
        <v>28</v>
      </c>
    </row>
    <row r="92" spans="1:13">
      <c r="A92" s="40" t="s">
        <v>95</v>
      </c>
      <c r="B92" s="21">
        <v>8</v>
      </c>
      <c r="C92" s="22">
        <v>7</v>
      </c>
      <c r="D92" s="23">
        <v>1</v>
      </c>
      <c r="E92" s="21">
        <v>18</v>
      </c>
      <c r="F92" s="22">
        <v>15</v>
      </c>
      <c r="G92" s="23">
        <v>3</v>
      </c>
      <c r="H92" s="21">
        <v>77</v>
      </c>
      <c r="I92" s="22">
        <v>50</v>
      </c>
      <c r="J92" s="23">
        <v>27</v>
      </c>
      <c r="K92" s="21">
        <v>51</v>
      </c>
      <c r="L92" s="22">
        <v>28</v>
      </c>
      <c r="M92" s="23">
        <v>23</v>
      </c>
    </row>
    <row r="93" spans="1:13">
      <c r="A93" s="40" t="s">
        <v>96</v>
      </c>
      <c r="B93" s="21">
        <v>-11</v>
      </c>
      <c r="C93" s="22">
        <v>-7</v>
      </c>
      <c r="D93" s="23">
        <v>-4</v>
      </c>
      <c r="E93" s="21">
        <v>24</v>
      </c>
      <c r="F93" s="22">
        <v>17</v>
      </c>
      <c r="G93" s="23">
        <v>7</v>
      </c>
      <c r="H93" s="21">
        <v>66</v>
      </c>
      <c r="I93" s="22">
        <v>40</v>
      </c>
      <c r="J93" s="23">
        <v>26</v>
      </c>
      <c r="K93" s="21">
        <v>53</v>
      </c>
      <c r="L93" s="22">
        <v>30</v>
      </c>
      <c r="M93" s="23">
        <v>23</v>
      </c>
    </row>
    <row r="94" spans="1:13">
      <c r="A94" s="40" t="s">
        <v>97</v>
      </c>
      <c r="B94" s="21">
        <v>12</v>
      </c>
      <c r="C94" s="22">
        <v>3</v>
      </c>
      <c r="D94" s="23">
        <v>9</v>
      </c>
      <c r="E94" s="21">
        <v>30</v>
      </c>
      <c r="F94" s="22">
        <v>21</v>
      </c>
      <c r="G94" s="23">
        <v>9</v>
      </c>
      <c r="H94" s="21">
        <v>84</v>
      </c>
      <c r="I94" s="22">
        <v>41</v>
      </c>
      <c r="J94" s="23">
        <v>43</v>
      </c>
      <c r="K94" s="21">
        <v>42</v>
      </c>
      <c r="L94" s="22">
        <v>17</v>
      </c>
      <c r="M94" s="23">
        <v>25</v>
      </c>
    </row>
    <row r="95" spans="1:13" ht="19.5" customHeight="1">
      <c r="A95" s="34" t="s">
        <v>98</v>
      </c>
      <c r="B95" s="17">
        <v>-156</v>
      </c>
      <c r="C95" s="18">
        <v>-100</v>
      </c>
      <c r="D95" s="19">
        <v>-56</v>
      </c>
      <c r="E95" s="17">
        <v>215</v>
      </c>
      <c r="F95" s="18">
        <v>143</v>
      </c>
      <c r="G95" s="19">
        <v>72</v>
      </c>
      <c r="H95" s="17">
        <v>318</v>
      </c>
      <c r="I95" s="18">
        <v>178</v>
      </c>
      <c r="J95" s="19">
        <v>140</v>
      </c>
      <c r="K95" s="17">
        <v>259</v>
      </c>
      <c r="L95" s="18">
        <v>135</v>
      </c>
      <c r="M95" s="19">
        <v>124</v>
      </c>
    </row>
    <row r="96" spans="1:13">
      <c r="A96" s="40" t="s">
        <v>99</v>
      </c>
      <c r="B96" s="21">
        <v>-1</v>
      </c>
      <c r="C96" s="22">
        <v>0</v>
      </c>
      <c r="D96" s="23">
        <v>-1</v>
      </c>
      <c r="E96" s="21">
        <v>26</v>
      </c>
      <c r="F96" s="22">
        <v>12</v>
      </c>
      <c r="G96" s="23">
        <v>14</v>
      </c>
      <c r="H96" s="21">
        <v>76</v>
      </c>
      <c r="I96" s="22">
        <v>41</v>
      </c>
      <c r="J96" s="23">
        <v>35</v>
      </c>
      <c r="K96" s="21">
        <v>51</v>
      </c>
      <c r="L96" s="22">
        <v>29</v>
      </c>
      <c r="M96" s="23">
        <v>22</v>
      </c>
    </row>
    <row r="97" spans="1:13">
      <c r="A97" s="40" t="s">
        <v>100</v>
      </c>
      <c r="B97" s="21">
        <v>-38</v>
      </c>
      <c r="C97" s="22">
        <v>-20</v>
      </c>
      <c r="D97" s="23">
        <v>-18</v>
      </c>
      <c r="E97" s="21">
        <v>37</v>
      </c>
      <c r="F97" s="22">
        <v>20</v>
      </c>
      <c r="G97" s="23">
        <v>17</v>
      </c>
      <c r="H97" s="21">
        <v>53</v>
      </c>
      <c r="I97" s="22">
        <v>34</v>
      </c>
      <c r="J97" s="23">
        <v>19</v>
      </c>
      <c r="K97" s="21">
        <v>54</v>
      </c>
      <c r="L97" s="22">
        <v>34</v>
      </c>
      <c r="M97" s="23">
        <v>20</v>
      </c>
    </row>
    <row r="98" spans="1:13">
      <c r="A98" s="40" t="s">
        <v>101</v>
      </c>
      <c r="B98" s="21">
        <v>-37</v>
      </c>
      <c r="C98" s="22">
        <v>-23</v>
      </c>
      <c r="D98" s="23">
        <v>-14</v>
      </c>
      <c r="E98" s="21">
        <v>42</v>
      </c>
      <c r="F98" s="22">
        <v>29</v>
      </c>
      <c r="G98" s="23">
        <v>13</v>
      </c>
      <c r="H98" s="21">
        <v>61</v>
      </c>
      <c r="I98" s="22">
        <v>31</v>
      </c>
      <c r="J98" s="23">
        <v>30</v>
      </c>
      <c r="K98" s="21">
        <v>56</v>
      </c>
      <c r="L98" s="22">
        <v>25</v>
      </c>
      <c r="M98" s="23">
        <v>31</v>
      </c>
    </row>
    <row r="99" spans="1:13">
      <c r="A99" s="40" t="s">
        <v>102</v>
      </c>
      <c r="B99" s="21">
        <v>-38</v>
      </c>
      <c r="C99" s="22">
        <v>-30</v>
      </c>
      <c r="D99" s="23">
        <v>-8</v>
      </c>
      <c r="E99" s="21">
        <v>47</v>
      </c>
      <c r="F99" s="22">
        <v>36</v>
      </c>
      <c r="G99" s="23">
        <v>11</v>
      </c>
      <c r="H99" s="21">
        <v>61</v>
      </c>
      <c r="I99" s="22">
        <v>31</v>
      </c>
      <c r="J99" s="23">
        <v>30</v>
      </c>
      <c r="K99" s="21">
        <v>52</v>
      </c>
      <c r="L99" s="22">
        <v>25</v>
      </c>
      <c r="M99" s="23">
        <v>27</v>
      </c>
    </row>
    <row r="100" spans="1:13">
      <c r="A100" s="40" t="s">
        <v>103</v>
      </c>
      <c r="B100" s="21">
        <v>-42</v>
      </c>
      <c r="C100" s="22">
        <v>-27</v>
      </c>
      <c r="D100" s="23">
        <v>-15</v>
      </c>
      <c r="E100" s="21">
        <v>63</v>
      </c>
      <c r="F100" s="22">
        <v>46</v>
      </c>
      <c r="G100" s="23">
        <v>17</v>
      </c>
      <c r="H100" s="21">
        <v>67</v>
      </c>
      <c r="I100" s="22">
        <v>41</v>
      </c>
      <c r="J100" s="23">
        <v>26</v>
      </c>
      <c r="K100" s="21">
        <v>46</v>
      </c>
      <c r="L100" s="22">
        <v>22</v>
      </c>
      <c r="M100" s="23">
        <v>24</v>
      </c>
    </row>
    <row r="101" spans="1:13" ht="19.5" customHeight="1">
      <c r="A101" s="34" t="s">
        <v>104</v>
      </c>
      <c r="B101" s="17">
        <v>-369</v>
      </c>
      <c r="C101" s="18">
        <v>-256</v>
      </c>
      <c r="D101" s="19">
        <v>-113</v>
      </c>
      <c r="E101" s="17">
        <v>401</v>
      </c>
      <c r="F101" s="18">
        <v>270</v>
      </c>
      <c r="G101" s="19">
        <v>131</v>
      </c>
      <c r="H101" s="17">
        <v>296</v>
      </c>
      <c r="I101" s="18">
        <v>155</v>
      </c>
      <c r="J101" s="19">
        <v>141</v>
      </c>
      <c r="K101" s="17">
        <v>264</v>
      </c>
      <c r="L101" s="18">
        <v>141</v>
      </c>
      <c r="M101" s="19">
        <v>123</v>
      </c>
    </row>
    <row r="102" spans="1:13">
      <c r="A102" s="40" t="s">
        <v>105</v>
      </c>
      <c r="B102" s="21">
        <v>-68</v>
      </c>
      <c r="C102" s="22">
        <v>-46</v>
      </c>
      <c r="D102" s="23">
        <v>-22</v>
      </c>
      <c r="E102" s="21">
        <v>79</v>
      </c>
      <c r="F102" s="22">
        <v>49</v>
      </c>
      <c r="G102" s="23">
        <v>30</v>
      </c>
      <c r="H102" s="21">
        <v>67</v>
      </c>
      <c r="I102" s="22">
        <v>31</v>
      </c>
      <c r="J102" s="23">
        <v>36</v>
      </c>
      <c r="K102" s="21">
        <v>56</v>
      </c>
      <c r="L102" s="22">
        <v>28</v>
      </c>
      <c r="M102" s="23">
        <v>28</v>
      </c>
    </row>
    <row r="103" spans="1:13">
      <c r="A103" s="40" t="s">
        <v>106</v>
      </c>
      <c r="B103" s="21">
        <v>-79</v>
      </c>
      <c r="C103" s="22">
        <v>-55</v>
      </c>
      <c r="D103" s="23">
        <v>-24</v>
      </c>
      <c r="E103" s="21">
        <v>89</v>
      </c>
      <c r="F103" s="22">
        <v>59</v>
      </c>
      <c r="G103" s="23">
        <v>30</v>
      </c>
      <c r="H103" s="21">
        <v>77</v>
      </c>
      <c r="I103" s="22">
        <v>47</v>
      </c>
      <c r="J103" s="23">
        <v>30</v>
      </c>
      <c r="K103" s="21">
        <v>67</v>
      </c>
      <c r="L103" s="22">
        <v>43</v>
      </c>
      <c r="M103" s="23">
        <v>24</v>
      </c>
    </row>
    <row r="104" spans="1:13">
      <c r="A104" s="40" t="s">
        <v>107</v>
      </c>
      <c r="B104" s="21">
        <v>-69</v>
      </c>
      <c r="C104" s="22">
        <v>-49</v>
      </c>
      <c r="D104" s="23">
        <v>-20</v>
      </c>
      <c r="E104" s="21">
        <v>89</v>
      </c>
      <c r="F104" s="22">
        <v>61</v>
      </c>
      <c r="G104" s="23">
        <v>28</v>
      </c>
      <c r="H104" s="21">
        <v>77</v>
      </c>
      <c r="I104" s="22">
        <v>42</v>
      </c>
      <c r="J104" s="23">
        <v>35</v>
      </c>
      <c r="K104" s="21">
        <v>57</v>
      </c>
      <c r="L104" s="22">
        <v>30</v>
      </c>
      <c r="M104" s="23">
        <v>27</v>
      </c>
    </row>
    <row r="105" spans="1:13">
      <c r="A105" s="40" t="s">
        <v>108</v>
      </c>
      <c r="B105" s="21">
        <v>-74</v>
      </c>
      <c r="C105" s="22">
        <v>-54</v>
      </c>
      <c r="D105" s="23">
        <v>-20</v>
      </c>
      <c r="E105" s="21">
        <v>75</v>
      </c>
      <c r="F105" s="22">
        <v>57</v>
      </c>
      <c r="G105" s="23">
        <v>18</v>
      </c>
      <c r="H105" s="21">
        <v>38</v>
      </c>
      <c r="I105" s="22">
        <v>17</v>
      </c>
      <c r="J105" s="23">
        <v>21</v>
      </c>
      <c r="K105" s="21">
        <v>37</v>
      </c>
      <c r="L105" s="22">
        <v>14</v>
      </c>
      <c r="M105" s="23">
        <v>23</v>
      </c>
    </row>
    <row r="106" spans="1:13">
      <c r="A106" s="40" t="s">
        <v>109</v>
      </c>
      <c r="B106" s="21">
        <v>-79</v>
      </c>
      <c r="C106" s="22">
        <v>-52</v>
      </c>
      <c r="D106" s="23">
        <v>-27</v>
      </c>
      <c r="E106" s="21">
        <v>69</v>
      </c>
      <c r="F106" s="22">
        <v>44</v>
      </c>
      <c r="G106" s="23">
        <v>25</v>
      </c>
      <c r="H106" s="21">
        <v>37</v>
      </c>
      <c r="I106" s="22">
        <v>18</v>
      </c>
      <c r="J106" s="23">
        <v>19</v>
      </c>
      <c r="K106" s="21">
        <v>47</v>
      </c>
      <c r="L106" s="22">
        <v>26</v>
      </c>
      <c r="M106" s="23">
        <v>21</v>
      </c>
    </row>
    <row r="107" spans="1:13" ht="19.5" customHeight="1">
      <c r="A107" s="34" t="s">
        <v>110</v>
      </c>
      <c r="B107" s="17">
        <v>-482</v>
      </c>
      <c r="C107" s="18">
        <v>-305</v>
      </c>
      <c r="D107" s="19">
        <v>-177</v>
      </c>
      <c r="E107" s="17">
        <v>516</v>
      </c>
      <c r="F107" s="18">
        <v>331</v>
      </c>
      <c r="G107" s="19">
        <v>185</v>
      </c>
      <c r="H107" s="17">
        <v>247</v>
      </c>
      <c r="I107" s="18">
        <v>116</v>
      </c>
      <c r="J107" s="19">
        <v>131</v>
      </c>
      <c r="K107" s="17">
        <v>213</v>
      </c>
      <c r="L107" s="18">
        <v>90</v>
      </c>
      <c r="M107" s="19">
        <v>123</v>
      </c>
    </row>
    <row r="108" spans="1:13">
      <c r="A108" s="40" t="s">
        <v>111</v>
      </c>
      <c r="B108" s="21">
        <v>-81</v>
      </c>
      <c r="C108" s="22">
        <v>-60</v>
      </c>
      <c r="D108" s="23">
        <v>-21</v>
      </c>
      <c r="E108" s="21">
        <v>80</v>
      </c>
      <c r="F108" s="22">
        <v>57</v>
      </c>
      <c r="G108" s="23">
        <v>23</v>
      </c>
      <c r="H108" s="21">
        <v>46</v>
      </c>
      <c r="I108" s="22">
        <v>20</v>
      </c>
      <c r="J108" s="23">
        <v>26</v>
      </c>
      <c r="K108" s="21">
        <v>47</v>
      </c>
      <c r="L108" s="22">
        <v>23</v>
      </c>
      <c r="M108" s="23">
        <v>24</v>
      </c>
    </row>
    <row r="109" spans="1:13">
      <c r="A109" s="40" t="s">
        <v>112</v>
      </c>
      <c r="B109" s="21">
        <v>-98</v>
      </c>
      <c r="C109" s="22">
        <v>-69</v>
      </c>
      <c r="D109" s="23">
        <v>-29</v>
      </c>
      <c r="E109" s="21">
        <v>104</v>
      </c>
      <c r="F109" s="22">
        <v>71</v>
      </c>
      <c r="G109" s="23">
        <v>33</v>
      </c>
      <c r="H109" s="21">
        <v>52</v>
      </c>
      <c r="I109" s="22">
        <v>27</v>
      </c>
      <c r="J109" s="23">
        <v>25</v>
      </c>
      <c r="K109" s="21">
        <v>46</v>
      </c>
      <c r="L109" s="22">
        <v>25</v>
      </c>
      <c r="M109" s="23">
        <v>21</v>
      </c>
    </row>
    <row r="110" spans="1:13">
      <c r="A110" s="40" t="s">
        <v>113</v>
      </c>
      <c r="B110" s="21">
        <v>-94</v>
      </c>
      <c r="C110" s="22">
        <v>-53</v>
      </c>
      <c r="D110" s="23">
        <v>-41</v>
      </c>
      <c r="E110" s="21">
        <v>108</v>
      </c>
      <c r="F110" s="22">
        <v>68</v>
      </c>
      <c r="G110" s="23">
        <v>40</v>
      </c>
      <c r="H110" s="21">
        <v>61</v>
      </c>
      <c r="I110" s="22">
        <v>33</v>
      </c>
      <c r="J110" s="23">
        <v>28</v>
      </c>
      <c r="K110" s="21">
        <v>47</v>
      </c>
      <c r="L110" s="22">
        <v>18</v>
      </c>
      <c r="M110" s="23">
        <v>29</v>
      </c>
    </row>
    <row r="111" spans="1:13">
      <c r="A111" s="40" t="s">
        <v>114</v>
      </c>
      <c r="B111" s="21">
        <v>-93</v>
      </c>
      <c r="C111" s="22">
        <v>-55</v>
      </c>
      <c r="D111" s="23">
        <v>-38</v>
      </c>
      <c r="E111" s="21">
        <v>105</v>
      </c>
      <c r="F111" s="22">
        <v>60</v>
      </c>
      <c r="G111" s="23">
        <v>45</v>
      </c>
      <c r="H111" s="21">
        <v>40</v>
      </c>
      <c r="I111" s="22">
        <v>16</v>
      </c>
      <c r="J111" s="23">
        <v>24</v>
      </c>
      <c r="K111" s="21">
        <v>28</v>
      </c>
      <c r="L111" s="22">
        <v>11</v>
      </c>
      <c r="M111" s="23">
        <v>17</v>
      </c>
    </row>
    <row r="112" spans="1:13">
      <c r="A112" s="40" t="s">
        <v>115</v>
      </c>
      <c r="B112" s="21">
        <v>-116</v>
      </c>
      <c r="C112" s="22">
        <v>-68</v>
      </c>
      <c r="D112" s="23">
        <v>-48</v>
      </c>
      <c r="E112" s="21">
        <v>119</v>
      </c>
      <c r="F112" s="22">
        <v>75</v>
      </c>
      <c r="G112" s="23">
        <v>44</v>
      </c>
      <c r="H112" s="21">
        <v>48</v>
      </c>
      <c r="I112" s="22">
        <v>20</v>
      </c>
      <c r="J112" s="23">
        <v>28</v>
      </c>
      <c r="K112" s="21">
        <v>45</v>
      </c>
      <c r="L112" s="22">
        <v>13</v>
      </c>
      <c r="M112" s="23">
        <v>32</v>
      </c>
    </row>
    <row r="113" spans="1:13" ht="19.5" customHeight="1">
      <c r="A113" s="34" t="s">
        <v>116</v>
      </c>
      <c r="B113" s="17">
        <v>-662</v>
      </c>
      <c r="C113" s="18">
        <v>-394</v>
      </c>
      <c r="D113" s="19">
        <v>-268</v>
      </c>
      <c r="E113" s="17">
        <v>700</v>
      </c>
      <c r="F113" s="18">
        <v>408</v>
      </c>
      <c r="G113" s="19">
        <v>292</v>
      </c>
      <c r="H113" s="17">
        <v>189</v>
      </c>
      <c r="I113" s="18">
        <v>80</v>
      </c>
      <c r="J113" s="19">
        <v>109</v>
      </c>
      <c r="K113" s="17">
        <v>151</v>
      </c>
      <c r="L113" s="18">
        <v>66</v>
      </c>
      <c r="M113" s="19">
        <v>85</v>
      </c>
    </row>
    <row r="114" spans="1:13">
      <c r="A114" s="40" t="s">
        <v>117</v>
      </c>
      <c r="B114" s="21">
        <v>-103</v>
      </c>
      <c r="C114" s="22">
        <v>-73</v>
      </c>
      <c r="D114" s="23">
        <v>-30</v>
      </c>
      <c r="E114" s="21">
        <v>107</v>
      </c>
      <c r="F114" s="22">
        <v>74</v>
      </c>
      <c r="G114" s="23">
        <v>33</v>
      </c>
      <c r="H114" s="21">
        <v>39</v>
      </c>
      <c r="I114" s="22">
        <v>14</v>
      </c>
      <c r="J114" s="23">
        <v>25</v>
      </c>
      <c r="K114" s="21">
        <v>35</v>
      </c>
      <c r="L114" s="22">
        <v>13</v>
      </c>
      <c r="M114" s="23">
        <v>22</v>
      </c>
    </row>
    <row r="115" spans="1:13">
      <c r="A115" s="40" t="s">
        <v>118</v>
      </c>
      <c r="B115" s="21">
        <v>-98</v>
      </c>
      <c r="C115" s="22">
        <v>-69</v>
      </c>
      <c r="D115" s="23">
        <v>-29</v>
      </c>
      <c r="E115" s="21">
        <v>117</v>
      </c>
      <c r="F115" s="22">
        <v>70</v>
      </c>
      <c r="G115" s="23">
        <v>47</v>
      </c>
      <c r="H115" s="21">
        <v>51</v>
      </c>
      <c r="I115" s="22">
        <v>20</v>
      </c>
      <c r="J115" s="23">
        <v>31</v>
      </c>
      <c r="K115" s="21">
        <v>32</v>
      </c>
      <c r="L115" s="22">
        <v>19</v>
      </c>
      <c r="M115" s="23">
        <v>13</v>
      </c>
    </row>
    <row r="116" spans="1:13">
      <c r="A116" s="40" t="s">
        <v>119</v>
      </c>
      <c r="B116" s="21">
        <v>-147</v>
      </c>
      <c r="C116" s="22">
        <v>-82</v>
      </c>
      <c r="D116" s="23">
        <v>-65</v>
      </c>
      <c r="E116" s="21">
        <v>150</v>
      </c>
      <c r="F116" s="22">
        <v>85</v>
      </c>
      <c r="G116" s="23">
        <v>65</v>
      </c>
      <c r="H116" s="21">
        <v>30</v>
      </c>
      <c r="I116" s="22">
        <v>10</v>
      </c>
      <c r="J116" s="23">
        <v>20</v>
      </c>
      <c r="K116" s="21">
        <v>27</v>
      </c>
      <c r="L116" s="22">
        <v>7</v>
      </c>
      <c r="M116" s="23">
        <v>20</v>
      </c>
    </row>
    <row r="117" spans="1:13">
      <c r="A117" s="40" t="s">
        <v>120</v>
      </c>
      <c r="B117" s="21">
        <v>-161</v>
      </c>
      <c r="C117" s="22">
        <v>-83</v>
      </c>
      <c r="D117" s="23">
        <v>-78</v>
      </c>
      <c r="E117" s="21">
        <v>161</v>
      </c>
      <c r="F117" s="22">
        <v>87</v>
      </c>
      <c r="G117" s="23">
        <v>74</v>
      </c>
      <c r="H117" s="21">
        <v>28</v>
      </c>
      <c r="I117" s="22">
        <v>18</v>
      </c>
      <c r="J117" s="23">
        <v>10</v>
      </c>
      <c r="K117" s="21">
        <v>28</v>
      </c>
      <c r="L117" s="22">
        <v>14</v>
      </c>
      <c r="M117" s="23">
        <v>14</v>
      </c>
    </row>
    <row r="118" spans="1:13">
      <c r="A118" s="40" t="s">
        <v>121</v>
      </c>
      <c r="B118" s="21">
        <v>-153</v>
      </c>
      <c r="C118" s="22">
        <v>-87</v>
      </c>
      <c r="D118" s="23">
        <v>-66</v>
      </c>
      <c r="E118" s="21">
        <v>165</v>
      </c>
      <c r="F118" s="22">
        <v>92</v>
      </c>
      <c r="G118" s="23">
        <v>73</v>
      </c>
      <c r="H118" s="21">
        <v>41</v>
      </c>
      <c r="I118" s="22">
        <v>18</v>
      </c>
      <c r="J118" s="23">
        <v>23</v>
      </c>
      <c r="K118" s="21">
        <v>29</v>
      </c>
      <c r="L118" s="22">
        <v>13</v>
      </c>
      <c r="M118" s="23">
        <v>16</v>
      </c>
    </row>
    <row r="119" spans="1:13" ht="19.5" customHeight="1">
      <c r="A119" s="34" t="s">
        <v>122</v>
      </c>
      <c r="B119" s="17">
        <v>-861</v>
      </c>
      <c r="C119" s="18">
        <v>-460</v>
      </c>
      <c r="D119" s="19">
        <v>-401</v>
      </c>
      <c r="E119" s="17">
        <v>896</v>
      </c>
      <c r="F119" s="18">
        <v>476</v>
      </c>
      <c r="G119" s="19">
        <v>420</v>
      </c>
      <c r="H119" s="17">
        <v>171</v>
      </c>
      <c r="I119" s="18">
        <v>55</v>
      </c>
      <c r="J119" s="19">
        <v>116</v>
      </c>
      <c r="K119" s="17">
        <v>136</v>
      </c>
      <c r="L119" s="18">
        <v>39</v>
      </c>
      <c r="M119" s="19">
        <v>97</v>
      </c>
    </row>
    <row r="120" spans="1:13">
      <c r="A120" s="40" t="s">
        <v>123</v>
      </c>
      <c r="B120" s="21">
        <v>-139</v>
      </c>
      <c r="C120" s="22">
        <v>-94</v>
      </c>
      <c r="D120" s="23">
        <v>-45</v>
      </c>
      <c r="E120" s="21">
        <v>153</v>
      </c>
      <c r="F120" s="22">
        <v>101</v>
      </c>
      <c r="G120" s="23">
        <v>52</v>
      </c>
      <c r="H120" s="21">
        <v>39</v>
      </c>
      <c r="I120" s="22">
        <v>14</v>
      </c>
      <c r="J120" s="23">
        <v>25</v>
      </c>
      <c r="K120" s="21">
        <v>25</v>
      </c>
      <c r="L120" s="22">
        <v>7</v>
      </c>
      <c r="M120" s="23">
        <v>18</v>
      </c>
    </row>
    <row r="121" spans="1:13">
      <c r="A121" s="40" t="s">
        <v>124</v>
      </c>
      <c r="B121" s="21">
        <v>-170</v>
      </c>
      <c r="C121" s="22">
        <v>-95</v>
      </c>
      <c r="D121" s="23">
        <v>-75</v>
      </c>
      <c r="E121" s="21">
        <v>171</v>
      </c>
      <c r="F121" s="22">
        <v>95</v>
      </c>
      <c r="G121" s="23">
        <v>76</v>
      </c>
      <c r="H121" s="21">
        <v>32</v>
      </c>
      <c r="I121" s="22">
        <v>11</v>
      </c>
      <c r="J121" s="23">
        <v>21</v>
      </c>
      <c r="K121" s="21">
        <v>31</v>
      </c>
      <c r="L121" s="22">
        <v>11</v>
      </c>
      <c r="M121" s="23">
        <v>20</v>
      </c>
    </row>
    <row r="122" spans="1:13">
      <c r="A122" s="40" t="s">
        <v>125</v>
      </c>
      <c r="B122" s="21">
        <v>-177</v>
      </c>
      <c r="C122" s="22">
        <v>-91</v>
      </c>
      <c r="D122" s="23">
        <v>-86</v>
      </c>
      <c r="E122" s="21">
        <v>185</v>
      </c>
      <c r="F122" s="22">
        <v>92</v>
      </c>
      <c r="G122" s="23">
        <v>93</v>
      </c>
      <c r="H122" s="21">
        <v>38</v>
      </c>
      <c r="I122" s="22">
        <v>6</v>
      </c>
      <c r="J122" s="23">
        <v>32</v>
      </c>
      <c r="K122" s="21">
        <v>30</v>
      </c>
      <c r="L122" s="22">
        <v>5</v>
      </c>
      <c r="M122" s="23">
        <v>25</v>
      </c>
    </row>
    <row r="123" spans="1:13">
      <c r="A123" s="40" t="s">
        <v>126</v>
      </c>
      <c r="B123" s="21">
        <v>-202</v>
      </c>
      <c r="C123" s="22">
        <v>-115</v>
      </c>
      <c r="D123" s="23">
        <v>-87</v>
      </c>
      <c r="E123" s="21">
        <v>205</v>
      </c>
      <c r="F123" s="22">
        <v>118</v>
      </c>
      <c r="G123" s="23">
        <v>87</v>
      </c>
      <c r="H123" s="21">
        <v>37</v>
      </c>
      <c r="I123" s="22">
        <v>16</v>
      </c>
      <c r="J123" s="23">
        <v>21</v>
      </c>
      <c r="K123" s="21">
        <v>34</v>
      </c>
      <c r="L123" s="22">
        <v>13</v>
      </c>
      <c r="M123" s="23">
        <v>21</v>
      </c>
    </row>
    <row r="124" spans="1:13">
      <c r="A124" s="40" t="s">
        <v>127</v>
      </c>
      <c r="B124" s="21">
        <v>-173</v>
      </c>
      <c r="C124" s="22">
        <v>-65</v>
      </c>
      <c r="D124" s="23">
        <v>-108</v>
      </c>
      <c r="E124" s="21">
        <v>182</v>
      </c>
      <c r="F124" s="22">
        <v>70</v>
      </c>
      <c r="G124" s="23">
        <v>112</v>
      </c>
      <c r="H124" s="21">
        <v>25</v>
      </c>
      <c r="I124" s="22">
        <v>8</v>
      </c>
      <c r="J124" s="23">
        <v>17</v>
      </c>
      <c r="K124" s="21">
        <v>16</v>
      </c>
      <c r="L124" s="22">
        <v>3</v>
      </c>
      <c r="M124" s="23">
        <v>13</v>
      </c>
    </row>
    <row r="125" spans="1:13" ht="19.5" customHeight="1">
      <c r="A125" s="34" t="s">
        <v>128</v>
      </c>
      <c r="B125" s="17">
        <v>-721</v>
      </c>
      <c r="C125" s="18">
        <v>-275</v>
      </c>
      <c r="D125" s="19">
        <v>-446</v>
      </c>
      <c r="E125" s="17">
        <v>734</v>
      </c>
      <c r="F125" s="18">
        <v>275</v>
      </c>
      <c r="G125" s="19">
        <v>459</v>
      </c>
      <c r="H125" s="17">
        <v>90</v>
      </c>
      <c r="I125" s="18">
        <v>28</v>
      </c>
      <c r="J125" s="19">
        <v>62</v>
      </c>
      <c r="K125" s="17">
        <v>77</v>
      </c>
      <c r="L125" s="18">
        <v>28</v>
      </c>
      <c r="M125" s="19">
        <v>49</v>
      </c>
    </row>
    <row r="126" spans="1:13">
      <c r="A126" s="40" t="s">
        <v>129</v>
      </c>
      <c r="B126" s="21">
        <v>-147</v>
      </c>
      <c r="C126" s="22">
        <v>-68</v>
      </c>
      <c r="D126" s="23">
        <v>-79</v>
      </c>
      <c r="E126" s="21">
        <v>158</v>
      </c>
      <c r="F126" s="22">
        <v>69</v>
      </c>
      <c r="G126" s="23">
        <v>89</v>
      </c>
      <c r="H126" s="21">
        <v>28</v>
      </c>
      <c r="I126" s="22">
        <v>9</v>
      </c>
      <c r="J126" s="23">
        <v>19</v>
      </c>
      <c r="K126" s="21">
        <v>17</v>
      </c>
      <c r="L126" s="22">
        <v>8</v>
      </c>
      <c r="M126" s="23">
        <v>9</v>
      </c>
    </row>
    <row r="127" spans="1:13">
      <c r="A127" s="40" t="s">
        <v>130</v>
      </c>
      <c r="B127" s="21">
        <v>-158</v>
      </c>
      <c r="C127" s="22">
        <v>-58</v>
      </c>
      <c r="D127" s="23">
        <v>-100</v>
      </c>
      <c r="E127" s="21">
        <v>164</v>
      </c>
      <c r="F127" s="22">
        <v>58</v>
      </c>
      <c r="G127" s="23">
        <v>106</v>
      </c>
      <c r="H127" s="21">
        <v>24</v>
      </c>
      <c r="I127" s="22">
        <v>8</v>
      </c>
      <c r="J127" s="23">
        <v>16</v>
      </c>
      <c r="K127" s="21">
        <v>18</v>
      </c>
      <c r="L127" s="22">
        <v>8</v>
      </c>
      <c r="M127" s="23">
        <v>10</v>
      </c>
    </row>
    <row r="128" spans="1:13">
      <c r="A128" s="40" t="s">
        <v>131</v>
      </c>
      <c r="B128" s="21">
        <v>-150</v>
      </c>
      <c r="C128" s="22">
        <v>-49</v>
      </c>
      <c r="D128" s="23">
        <v>-101</v>
      </c>
      <c r="E128" s="21">
        <v>155</v>
      </c>
      <c r="F128" s="22">
        <v>49</v>
      </c>
      <c r="G128" s="23">
        <v>106</v>
      </c>
      <c r="H128" s="21">
        <v>23</v>
      </c>
      <c r="I128" s="22">
        <v>7</v>
      </c>
      <c r="J128" s="23">
        <v>16</v>
      </c>
      <c r="K128" s="21">
        <v>18</v>
      </c>
      <c r="L128" s="22">
        <v>7</v>
      </c>
      <c r="M128" s="23">
        <v>11</v>
      </c>
    </row>
    <row r="129" spans="1:13">
      <c r="A129" s="40" t="s">
        <v>132</v>
      </c>
      <c r="B129" s="21">
        <v>-148</v>
      </c>
      <c r="C129" s="22">
        <v>-64</v>
      </c>
      <c r="D129" s="23">
        <v>-84</v>
      </c>
      <c r="E129" s="21">
        <v>143</v>
      </c>
      <c r="F129" s="22">
        <v>62</v>
      </c>
      <c r="G129" s="23">
        <v>81</v>
      </c>
      <c r="H129" s="21">
        <v>8</v>
      </c>
      <c r="I129" s="22">
        <v>1</v>
      </c>
      <c r="J129" s="23">
        <v>7</v>
      </c>
      <c r="K129" s="21">
        <v>13</v>
      </c>
      <c r="L129" s="22">
        <v>3</v>
      </c>
      <c r="M129" s="23">
        <v>10</v>
      </c>
    </row>
    <row r="130" spans="1:13">
      <c r="A130" s="40" t="s">
        <v>133</v>
      </c>
      <c r="B130" s="21">
        <v>-118</v>
      </c>
      <c r="C130" s="22">
        <v>-36</v>
      </c>
      <c r="D130" s="23">
        <v>-82</v>
      </c>
      <c r="E130" s="21">
        <v>114</v>
      </c>
      <c r="F130" s="22">
        <v>37</v>
      </c>
      <c r="G130" s="23">
        <v>77</v>
      </c>
      <c r="H130" s="21">
        <v>7</v>
      </c>
      <c r="I130" s="22">
        <v>3</v>
      </c>
      <c r="J130" s="23">
        <v>4</v>
      </c>
      <c r="K130" s="21">
        <v>11</v>
      </c>
      <c r="L130" s="22">
        <v>2</v>
      </c>
      <c r="M130" s="23">
        <v>9</v>
      </c>
    </row>
    <row r="131" spans="1:13" ht="19.5" customHeight="1">
      <c r="A131" s="34" t="s">
        <v>134</v>
      </c>
      <c r="B131" s="17">
        <v>-339</v>
      </c>
      <c r="C131" s="18">
        <v>-90</v>
      </c>
      <c r="D131" s="19">
        <v>-249</v>
      </c>
      <c r="E131" s="17">
        <v>345</v>
      </c>
      <c r="F131" s="18">
        <v>92</v>
      </c>
      <c r="G131" s="19">
        <v>253</v>
      </c>
      <c r="H131" s="17">
        <v>22</v>
      </c>
      <c r="I131" s="18">
        <v>7</v>
      </c>
      <c r="J131" s="19">
        <v>15</v>
      </c>
      <c r="K131" s="17">
        <v>16</v>
      </c>
      <c r="L131" s="18">
        <v>5</v>
      </c>
      <c r="M131" s="19">
        <v>11</v>
      </c>
    </row>
    <row r="132" spans="1:13">
      <c r="A132" s="40" t="s">
        <v>135</v>
      </c>
      <c r="B132" s="21">
        <v>-92</v>
      </c>
      <c r="C132" s="22">
        <v>-28</v>
      </c>
      <c r="D132" s="23">
        <v>-64</v>
      </c>
      <c r="E132" s="21">
        <v>91</v>
      </c>
      <c r="F132" s="22">
        <v>29</v>
      </c>
      <c r="G132" s="23">
        <v>62</v>
      </c>
      <c r="H132" s="21">
        <v>6</v>
      </c>
      <c r="I132" s="22">
        <v>3</v>
      </c>
      <c r="J132" s="23">
        <v>3</v>
      </c>
      <c r="K132" s="21">
        <v>7</v>
      </c>
      <c r="L132" s="22">
        <v>2</v>
      </c>
      <c r="M132" s="23">
        <v>5</v>
      </c>
    </row>
    <row r="133" spans="1:13">
      <c r="A133" s="40" t="s">
        <v>136</v>
      </c>
      <c r="B133" s="21">
        <v>-83</v>
      </c>
      <c r="C133" s="22">
        <v>-21</v>
      </c>
      <c r="D133" s="23">
        <v>-62</v>
      </c>
      <c r="E133" s="21">
        <v>83</v>
      </c>
      <c r="F133" s="22">
        <v>23</v>
      </c>
      <c r="G133" s="23">
        <v>60</v>
      </c>
      <c r="H133" s="21">
        <v>5</v>
      </c>
      <c r="I133" s="22">
        <v>3</v>
      </c>
      <c r="J133" s="23">
        <v>2</v>
      </c>
      <c r="K133" s="21">
        <v>5</v>
      </c>
      <c r="L133" s="22">
        <v>1</v>
      </c>
      <c r="M133" s="23">
        <v>4</v>
      </c>
    </row>
    <row r="134" spans="1:13">
      <c r="A134" s="40" t="s">
        <v>137</v>
      </c>
      <c r="B134" s="21">
        <v>-74</v>
      </c>
      <c r="C134" s="22">
        <v>-22</v>
      </c>
      <c r="D134" s="23">
        <v>-52</v>
      </c>
      <c r="E134" s="21">
        <v>79</v>
      </c>
      <c r="F134" s="22">
        <v>21</v>
      </c>
      <c r="G134" s="23">
        <v>58</v>
      </c>
      <c r="H134" s="21">
        <v>7</v>
      </c>
      <c r="I134" s="22">
        <v>1</v>
      </c>
      <c r="J134" s="23">
        <v>6</v>
      </c>
      <c r="K134" s="21">
        <v>2</v>
      </c>
      <c r="L134" s="22">
        <v>2</v>
      </c>
      <c r="M134" s="23">
        <v>0</v>
      </c>
    </row>
    <row r="135" spans="1:13">
      <c r="A135" s="40" t="s">
        <v>138</v>
      </c>
      <c r="B135" s="21">
        <v>-43</v>
      </c>
      <c r="C135" s="22">
        <v>-9</v>
      </c>
      <c r="D135" s="23">
        <v>-34</v>
      </c>
      <c r="E135" s="21">
        <v>46</v>
      </c>
      <c r="F135" s="22">
        <v>9</v>
      </c>
      <c r="G135" s="23">
        <v>37</v>
      </c>
      <c r="H135" s="21">
        <v>3</v>
      </c>
      <c r="I135" s="22">
        <v>0</v>
      </c>
      <c r="J135" s="23">
        <v>3</v>
      </c>
      <c r="K135" s="21">
        <v>0</v>
      </c>
      <c r="L135" s="22">
        <v>0</v>
      </c>
      <c r="M135" s="23">
        <v>0</v>
      </c>
    </row>
    <row r="136" spans="1:13">
      <c r="A136" s="40" t="s">
        <v>139</v>
      </c>
      <c r="B136" s="21">
        <v>-47</v>
      </c>
      <c r="C136" s="22">
        <v>-10</v>
      </c>
      <c r="D136" s="23">
        <v>-37</v>
      </c>
      <c r="E136" s="21">
        <v>46</v>
      </c>
      <c r="F136" s="22">
        <v>10</v>
      </c>
      <c r="G136" s="23">
        <v>36</v>
      </c>
      <c r="H136" s="21">
        <v>1</v>
      </c>
      <c r="I136" s="22">
        <v>0</v>
      </c>
      <c r="J136" s="23">
        <v>1</v>
      </c>
      <c r="K136" s="21">
        <v>2</v>
      </c>
      <c r="L136" s="22">
        <v>0</v>
      </c>
      <c r="M136" s="23">
        <v>2</v>
      </c>
    </row>
    <row r="137" spans="1:13" ht="19.5" customHeight="1">
      <c r="A137" s="41" t="s">
        <v>140</v>
      </c>
      <c r="B137" s="42">
        <v>-105</v>
      </c>
      <c r="C137" s="43">
        <v>-18</v>
      </c>
      <c r="D137" s="44">
        <v>-87</v>
      </c>
      <c r="E137" s="42">
        <v>106</v>
      </c>
      <c r="F137" s="43">
        <v>18</v>
      </c>
      <c r="G137" s="44">
        <v>88</v>
      </c>
      <c r="H137" s="42">
        <v>3</v>
      </c>
      <c r="I137" s="43">
        <v>1</v>
      </c>
      <c r="J137" s="44">
        <v>2</v>
      </c>
      <c r="K137" s="42">
        <v>2</v>
      </c>
      <c r="L137" s="43">
        <v>1</v>
      </c>
      <c r="M137" s="44">
        <v>1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3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8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977</v>
      </c>
      <c r="C5" s="14">
        <v>-551</v>
      </c>
      <c r="D5" s="14">
        <v>-426</v>
      </c>
      <c r="E5" s="13">
        <v>2250</v>
      </c>
      <c r="F5" s="14">
        <v>1182</v>
      </c>
      <c r="G5" s="15">
        <v>1068</v>
      </c>
      <c r="H5" s="14">
        <v>7255</v>
      </c>
      <c r="I5" s="14">
        <v>3796</v>
      </c>
      <c r="J5" s="14">
        <v>3459</v>
      </c>
      <c r="K5" s="13">
        <v>7175</v>
      </c>
      <c r="L5" s="49">
        <v>3774</v>
      </c>
      <c r="M5" s="50">
        <v>3401</v>
      </c>
    </row>
    <row r="6" spans="1:13" ht="19.5" customHeight="1">
      <c r="A6" s="16" t="s">
        <v>13</v>
      </c>
      <c r="B6" s="17">
        <v>1237</v>
      </c>
      <c r="C6" s="18">
        <v>645</v>
      </c>
      <c r="D6" s="18">
        <v>592</v>
      </c>
      <c r="E6" s="17">
        <v>1</v>
      </c>
      <c r="F6" s="18">
        <v>1</v>
      </c>
      <c r="G6" s="19">
        <v>0</v>
      </c>
      <c r="H6" s="18">
        <v>406</v>
      </c>
      <c r="I6" s="18">
        <v>220</v>
      </c>
      <c r="J6" s="18">
        <v>186</v>
      </c>
      <c r="K6" s="17">
        <v>361</v>
      </c>
      <c r="L6" s="51">
        <v>183</v>
      </c>
      <c r="M6" s="52">
        <v>178</v>
      </c>
    </row>
    <row r="7" spans="1:13">
      <c r="A7" s="20" t="s">
        <v>14</v>
      </c>
      <c r="B7" s="21">
        <v>1205</v>
      </c>
      <c r="C7" s="22">
        <v>623</v>
      </c>
      <c r="D7" s="22">
        <v>582</v>
      </c>
      <c r="E7" s="21">
        <v>1</v>
      </c>
      <c r="F7" s="22">
        <v>1</v>
      </c>
      <c r="G7" s="23">
        <v>0</v>
      </c>
      <c r="H7" s="22">
        <v>55</v>
      </c>
      <c r="I7" s="22">
        <v>38</v>
      </c>
      <c r="J7" s="22">
        <v>17</v>
      </c>
      <c r="K7" s="21">
        <v>42</v>
      </c>
      <c r="L7" s="53">
        <v>23</v>
      </c>
      <c r="M7" s="54">
        <v>19</v>
      </c>
    </row>
    <row r="8" spans="1:13">
      <c r="A8" s="20" t="s">
        <v>15</v>
      </c>
      <c r="B8" s="21">
        <v>19</v>
      </c>
      <c r="C8" s="22">
        <v>7</v>
      </c>
      <c r="D8" s="22">
        <v>12</v>
      </c>
      <c r="E8" s="21">
        <v>0</v>
      </c>
      <c r="F8" s="22">
        <v>0</v>
      </c>
      <c r="G8" s="23">
        <v>0</v>
      </c>
      <c r="H8" s="22">
        <v>125</v>
      </c>
      <c r="I8" s="22">
        <v>63</v>
      </c>
      <c r="J8" s="22">
        <v>62</v>
      </c>
      <c r="K8" s="21">
        <v>106</v>
      </c>
      <c r="L8" s="53">
        <v>56</v>
      </c>
      <c r="M8" s="54">
        <v>50</v>
      </c>
    </row>
    <row r="9" spans="1:13">
      <c r="A9" s="20" t="s">
        <v>16</v>
      </c>
      <c r="B9" s="21">
        <v>-3</v>
      </c>
      <c r="C9" s="22">
        <v>-3</v>
      </c>
      <c r="D9" s="22">
        <v>0</v>
      </c>
      <c r="E9" s="21">
        <v>0</v>
      </c>
      <c r="F9" s="22">
        <v>0</v>
      </c>
      <c r="G9" s="23">
        <v>0</v>
      </c>
      <c r="H9" s="22">
        <v>86</v>
      </c>
      <c r="I9" s="22">
        <v>44</v>
      </c>
      <c r="J9" s="22">
        <v>42</v>
      </c>
      <c r="K9" s="21">
        <v>89</v>
      </c>
      <c r="L9" s="53">
        <v>47</v>
      </c>
      <c r="M9" s="54">
        <v>42</v>
      </c>
    </row>
    <row r="10" spans="1:13">
      <c r="A10" s="20" t="s">
        <v>17</v>
      </c>
      <c r="B10" s="21">
        <v>4</v>
      </c>
      <c r="C10" s="22">
        <v>14</v>
      </c>
      <c r="D10" s="22">
        <v>-10</v>
      </c>
      <c r="E10" s="21">
        <v>0</v>
      </c>
      <c r="F10" s="22">
        <v>0</v>
      </c>
      <c r="G10" s="23">
        <v>0</v>
      </c>
      <c r="H10" s="22">
        <v>77</v>
      </c>
      <c r="I10" s="22">
        <v>43</v>
      </c>
      <c r="J10" s="22">
        <v>34</v>
      </c>
      <c r="K10" s="21">
        <v>73</v>
      </c>
      <c r="L10" s="53">
        <v>29</v>
      </c>
      <c r="M10" s="54">
        <v>44</v>
      </c>
    </row>
    <row r="11" spans="1:13">
      <c r="A11" s="20" t="s">
        <v>18</v>
      </c>
      <c r="B11" s="21">
        <v>12</v>
      </c>
      <c r="C11" s="22">
        <v>4</v>
      </c>
      <c r="D11" s="22">
        <v>8</v>
      </c>
      <c r="E11" s="21">
        <v>0</v>
      </c>
      <c r="F11" s="22">
        <v>0</v>
      </c>
      <c r="G11" s="23">
        <v>0</v>
      </c>
      <c r="H11" s="22">
        <v>63</v>
      </c>
      <c r="I11" s="22">
        <v>32</v>
      </c>
      <c r="J11" s="22">
        <v>31</v>
      </c>
      <c r="K11" s="21">
        <v>51</v>
      </c>
      <c r="L11" s="53">
        <v>28</v>
      </c>
      <c r="M11" s="54">
        <v>23</v>
      </c>
    </row>
    <row r="12" spans="1:13" ht="20.100000000000001" customHeight="1">
      <c r="A12" s="16" t="s">
        <v>19</v>
      </c>
      <c r="B12" s="17">
        <v>28</v>
      </c>
      <c r="C12" s="18">
        <v>11</v>
      </c>
      <c r="D12" s="18">
        <v>17</v>
      </c>
      <c r="E12" s="17">
        <v>0</v>
      </c>
      <c r="F12" s="18">
        <v>0</v>
      </c>
      <c r="G12" s="19">
        <v>0</v>
      </c>
      <c r="H12" s="18">
        <v>197</v>
      </c>
      <c r="I12" s="18">
        <v>88</v>
      </c>
      <c r="J12" s="18">
        <v>109</v>
      </c>
      <c r="K12" s="17">
        <v>169</v>
      </c>
      <c r="L12" s="51">
        <v>77</v>
      </c>
      <c r="M12" s="52">
        <v>92</v>
      </c>
    </row>
    <row r="13" spans="1:13">
      <c r="A13" s="20" t="s">
        <v>20</v>
      </c>
      <c r="B13" s="21">
        <v>16</v>
      </c>
      <c r="C13" s="22">
        <v>3</v>
      </c>
      <c r="D13" s="22">
        <v>13</v>
      </c>
      <c r="E13" s="21">
        <v>0</v>
      </c>
      <c r="F13" s="22">
        <v>0</v>
      </c>
      <c r="G13" s="23">
        <v>0</v>
      </c>
      <c r="H13" s="22">
        <v>53</v>
      </c>
      <c r="I13" s="22">
        <v>20</v>
      </c>
      <c r="J13" s="22">
        <v>33</v>
      </c>
      <c r="K13" s="21">
        <v>37</v>
      </c>
      <c r="L13" s="53">
        <v>17</v>
      </c>
      <c r="M13" s="54">
        <v>20</v>
      </c>
    </row>
    <row r="14" spans="1:13">
      <c r="A14" s="20" t="s">
        <v>21</v>
      </c>
      <c r="B14" s="21">
        <v>-5</v>
      </c>
      <c r="C14" s="22">
        <v>-1</v>
      </c>
      <c r="D14" s="22">
        <v>-4</v>
      </c>
      <c r="E14" s="21">
        <v>0</v>
      </c>
      <c r="F14" s="22">
        <v>0</v>
      </c>
      <c r="G14" s="23">
        <v>0</v>
      </c>
      <c r="H14" s="22">
        <v>32</v>
      </c>
      <c r="I14" s="22">
        <v>15</v>
      </c>
      <c r="J14" s="22">
        <v>17</v>
      </c>
      <c r="K14" s="21">
        <v>37</v>
      </c>
      <c r="L14" s="53">
        <v>16</v>
      </c>
      <c r="M14" s="54">
        <v>21</v>
      </c>
    </row>
    <row r="15" spans="1:13">
      <c r="A15" s="20" t="s">
        <v>22</v>
      </c>
      <c r="B15" s="21">
        <v>18</v>
      </c>
      <c r="C15" s="22">
        <v>7</v>
      </c>
      <c r="D15" s="22">
        <v>11</v>
      </c>
      <c r="E15" s="21">
        <v>0</v>
      </c>
      <c r="F15" s="22">
        <v>0</v>
      </c>
      <c r="G15" s="23">
        <v>0</v>
      </c>
      <c r="H15" s="22">
        <v>59</v>
      </c>
      <c r="I15" s="22">
        <v>30</v>
      </c>
      <c r="J15" s="22">
        <v>29</v>
      </c>
      <c r="K15" s="21">
        <v>41</v>
      </c>
      <c r="L15" s="53">
        <v>23</v>
      </c>
      <c r="M15" s="54">
        <v>18</v>
      </c>
    </row>
    <row r="16" spans="1:13">
      <c r="A16" s="20" t="s">
        <v>23</v>
      </c>
      <c r="B16" s="21">
        <v>1</v>
      </c>
      <c r="C16" s="22">
        <v>5</v>
      </c>
      <c r="D16" s="22">
        <v>-4</v>
      </c>
      <c r="E16" s="21">
        <v>0</v>
      </c>
      <c r="F16" s="22">
        <v>0</v>
      </c>
      <c r="G16" s="23">
        <v>0</v>
      </c>
      <c r="H16" s="22">
        <v>26</v>
      </c>
      <c r="I16" s="22">
        <v>13</v>
      </c>
      <c r="J16" s="22">
        <v>13</v>
      </c>
      <c r="K16" s="21">
        <v>25</v>
      </c>
      <c r="L16" s="53">
        <v>8</v>
      </c>
      <c r="M16" s="54">
        <v>17</v>
      </c>
    </row>
    <row r="17" spans="1:13">
      <c r="A17" s="20" t="s">
        <v>24</v>
      </c>
      <c r="B17" s="21">
        <v>-2</v>
      </c>
      <c r="C17" s="22">
        <v>-3</v>
      </c>
      <c r="D17" s="22">
        <v>1</v>
      </c>
      <c r="E17" s="21">
        <v>0</v>
      </c>
      <c r="F17" s="22">
        <v>0</v>
      </c>
      <c r="G17" s="23">
        <v>0</v>
      </c>
      <c r="H17" s="22">
        <v>27</v>
      </c>
      <c r="I17" s="22">
        <v>10</v>
      </c>
      <c r="J17" s="22">
        <v>17</v>
      </c>
      <c r="K17" s="21">
        <v>29</v>
      </c>
      <c r="L17" s="53">
        <v>13</v>
      </c>
      <c r="M17" s="54">
        <v>16</v>
      </c>
    </row>
    <row r="18" spans="1:13" ht="20.100000000000001" customHeight="1">
      <c r="A18" s="16" t="s">
        <v>25</v>
      </c>
      <c r="B18" s="17">
        <v>3</v>
      </c>
      <c r="C18" s="18">
        <v>4</v>
      </c>
      <c r="D18" s="18">
        <v>-1</v>
      </c>
      <c r="E18" s="17">
        <v>1</v>
      </c>
      <c r="F18" s="18">
        <v>1</v>
      </c>
      <c r="G18" s="19">
        <v>0</v>
      </c>
      <c r="H18" s="18">
        <v>102</v>
      </c>
      <c r="I18" s="18">
        <v>50</v>
      </c>
      <c r="J18" s="18">
        <v>52</v>
      </c>
      <c r="K18" s="17">
        <v>98</v>
      </c>
      <c r="L18" s="51">
        <v>45</v>
      </c>
      <c r="M18" s="52">
        <v>53</v>
      </c>
    </row>
    <row r="19" spans="1:13">
      <c r="A19" s="20" t="s">
        <v>26</v>
      </c>
      <c r="B19" s="21">
        <v>4</v>
      </c>
      <c r="C19" s="22">
        <v>6</v>
      </c>
      <c r="D19" s="22">
        <v>-2</v>
      </c>
      <c r="E19" s="21">
        <v>0</v>
      </c>
      <c r="F19" s="22">
        <v>0</v>
      </c>
      <c r="G19" s="23">
        <v>0</v>
      </c>
      <c r="H19" s="22">
        <v>20</v>
      </c>
      <c r="I19" s="22">
        <v>11</v>
      </c>
      <c r="J19" s="22">
        <v>9</v>
      </c>
      <c r="K19" s="21">
        <v>16</v>
      </c>
      <c r="L19" s="53">
        <v>5</v>
      </c>
      <c r="M19" s="54">
        <v>11</v>
      </c>
    </row>
    <row r="20" spans="1:13">
      <c r="A20" s="20" t="s">
        <v>27</v>
      </c>
      <c r="B20" s="21">
        <v>8</v>
      </c>
      <c r="C20" s="22">
        <v>5</v>
      </c>
      <c r="D20" s="22">
        <v>3</v>
      </c>
      <c r="E20" s="21">
        <v>0</v>
      </c>
      <c r="F20" s="22">
        <v>0</v>
      </c>
      <c r="G20" s="23">
        <v>0</v>
      </c>
      <c r="H20" s="22">
        <v>29</v>
      </c>
      <c r="I20" s="22">
        <v>13</v>
      </c>
      <c r="J20" s="22">
        <v>16</v>
      </c>
      <c r="K20" s="21">
        <v>21</v>
      </c>
      <c r="L20" s="53">
        <v>8</v>
      </c>
      <c r="M20" s="54">
        <v>13</v>
      </c>
    </row>
    <row r="21" spans="1:13">
      <c r="A21" s="20" t="s">
        <v>28</v>
      </c>
      <c r="B21" s="21">
        <v>-9</v>
      </c>
      <c r="C21" s="22">
        <v>-5</v>
      </c>
      <c r="D21" s="22">
        <v>-4</v>
      </c>
      <c r="E21" s="21">
        <v>1</v>
      </c>
      <c r="F21" s="22">
        <v>1</v>
      </c>
      <c r="G21" s="23">
        <v>0</v>
      </c>
      <c r="H21" s="22">
        <v>19</v>
      </c>
      <c r="I21" s="22">
        <v>8</v>
      </c>
      <c r="J21" s="22">
        <v>11</v>
      </c>
      <c r="K21" s="21">
        <v>27</v>
      </c>
      <c r="L21" s="53">
        <v>12</v>
      </c>
      <c r="M21" s="54">
        <v>15</v>
      </c>
    </row>
    <row r="22" spans="1:13">
      <c r="A22" s="20" t="s">
        <v>29</v>
      </c>
      <c r="B22" s="21">
        <v>-4</v>
      </c>
      <c r="C22" s="22">
        <v>-4</v>
      </c>
      <c r="D22" s="22">
        <v>0</v>
      </c>
      <c r="E22" s="21">
        <v>0</v>
      </c>
      <c r="F22" s="22">
        <v>0</v>
      </c>
      <c r="G22" s="23">
        <v>0</v>
      </c>
      <c r="H22" s="22">
        <v>24</v>
      </c>
      <c r="I22" s="22">
        <v>13</v>
      </c>
      <c r="J22" s="22">
        <v>11</v>
      </c>
      <c r="K22" s="21">
        <v>28</v>
      </c>
      <c r="L22" s="53">
        <v>17</v>
      </c>
      <c r="M22" s="54">
        <v>11</v>
      </c>
    </row>
    <row r="23" spans="1:13">
      <c r="A23" s="20" t="s">
        <v>30</v>
      </c>
      <c r="B23" s="21">
        <v>4</v>
      </c>
      <c r="C23" s="22">
        <v>2</v>
      </c>
      <c r="D23" s="22">
        <v>2</v>
      </c>
      <c r="E23" s="21">
        <v>0</v>
      </c>
      <c r="F23" s="22">
        <v>0</v>
      </c>
      <c r="G23" s="23">
        <v>0</v>
      </c>
      <c r="H23" s="22">
        <v>10</v>
      </c>
      <c r="I23" s="22">
        <v>5</v>
      </c>
      <c r="J23" s="22">
        <v>5</v>
      </c>
      <c r="K23" s="21">
        <v>6</v>
      </c>
      <c r="L23" s="53">
        <v>3</v>
      </c>
      <c r="M23" s="54">
        <v>3</v>
      </c>
    </row>
    <row r="24" spans="1:13" ht="20.100000000000001" customHeight="1">
      <c r="A24" s="16" t="s">
        <v>31</v>
      </c>
      <c r="B24" s="17">
        <v>-58</v>
      </c>
      <c r="C24" s="18">
        <v>-42</v>
      </c>
      <c r="D24" s="18">
        <v>-16</v>
      </c>
      <c r="E24" s="17">
        <v>2</v>
      </c>
      <c r="F24" s="18">
        <v>1</v>
      </c>
      <c r="G24" s="19">
        <v>1</v>
      </c>
      <c r="H24" s="18">
        <v>265</v>
      </c>
      <c r="I24" s="18">
        <v>117</v>
      </c>
      <c r="J24" s="18">
        <v>148</v>
      </c>
      <c r="K24" s="17">
        <v>321</v>
      </c>
      <c r="L24" s="51">
        <v>158</v>
      </c>
      <c r="M24" s="52">
        <v>163</v>
      </c>
    </row>
    <row r="25" spans="1:13">
      <c r="A25" s="20" t="s">
        <v>32</v>
      </c>
      <c r="B25" s="21">
        <v>-7</v>
      </c>
      <c r="C25" s="22">
        <v>-5</v>
      </c>
      <c r="D25" s="22">
        <v>-2</v>
      </c>
      <c r="E25" s="21">
        <v>0</v>
      </c>
      <c r="F25" s="22">
        <v>0</v>
      </c>
      <c r="G25" s="23">
        <v>0</v>
      </c>
      <c r="H25" s="22">
        <v>17</v>
      </c>
      <c r="I25" s="22">
        <v>9</v>
      </c>
      <c r="J25" s="22">
        <v>8</v>
      </c>
      <c r="K25" s="21">
        <v>24</v>
      </c>
      <c r="L25" s="53">
        <v>14</v>
      </c>
      <c r="M25" s="54">
        <v>10</v>
      </c>
    </row>
    <row r="26" spans="1:13">
      <c r="A26" s="20" t="s">
        <v>33</v>
      </c>
      <c r="B26" s="21">
        <v>0</v>
      </c>
      <c r="C26" s="22">
        <v>-1</v>
      </c>
      <c r="D26" s="22">
        <v>1</v>
      </c>
      <c r="E26" s="21">
        <v>0</v>
      </c>
      <c r="F26" s="22">
        <v>0</v>
      </c>
      <c r="G26" s="23">
        <v>0</v>
      </c>
      <c r="H26" s="22">
        <v>25</v>
      </c>
      <c r="I26" s="22">
        <v>14</v>
      </c>
      <c r="J26" s="22">
        <v>11</v>
      </c>
      <c r="K26" s="21">
        <v>25</v>
      </c>
      <c r="L26" s="53">
        <v>15</v>
      </c>
      <c r="M26" s="54">
        <v>10</v>
      </c>
    </row>
    <row r="27" spans="1:13">
      <c r="A27" s="20" t="s">
        <v>34</v>
      </c>
      <c r="B27" s="21">
        <v>3</v>
      </c>
      <c r="C27" s="22">
        <v>-1</v>
      </c>
      <c r="D27" s="22">
        <v>4</v>
      </c>
      <c r="E27" s="21">
        <v>0</v>
      </c>
      <c r="F27" s="22">
        <v>0</v>
      </c>
      <c r="G27" s="23">
        <v>0</v>
      </c>
      <c r="H27" s="22">
        <v>17</v>
      </c>
      <c r="I27" s="22">
        <v>6</v>
      </c>
      <c r="J27" s="22">
        <v>11</v>
      </c>
      <c r="K27" s="21">
        <v>14</v>
      </c>
      <c r="L27" s="53">
        <v>7</v>
      </c>
      <c r="M27" s="54">
        <v>7</v>
      </c>
    </row>
    <row r="28" spans="1:13">
      <c r="A28" s="20" t="s">
        <v>35</v>
      </c>
      <c r="B28" s="21">
        <v>19</v>
      </c>
      <c r="C28" s="22">
        <v>-3</v>
      </c>
      <c r="D28" s="22">
        <v>22</v>
      </c>
      <c r="E28" s="21">
        <v>1</v>
      </c>
      <c r="F28" s="22">
        <v>0</v>
      </c>
      <c r="G28" s="23">
        <v>1</v>
      </c>
      <c r="H28" s="22">
        <v>69</v>
      </c>
      <c r="I28" s="22">
        <v>23</v>
      </c>
      <c r="J28" s="22">
        <v>46</v>
      </c>
      <c r="K28" s="21">
        <v>49</v>
      </c>
      <c r="L28" s="53">
        <v>26</v>
      </c>
      <c r="M28" s="54">
        <v>23</v>
      </c>
    </row>
    <row r="29" spans="1:13">
      <c r="A29" s="20" t="s">
        <v>36</v>
      </c>
      <c r="B29" s="21">
        <v>-73</v>
      </c>
      <c r="C29" s="22">
        <v>-32</v>
      </c>
      <c r="D29" s="22">
        <v>-41</v>
      </c>
      <c r="E29" s="21">
        <v>1</v>
      </c>
      <c r="F29" s="22">
        <v>1</v>
      </c>
      <c r="G29" s="23">
        <v>0</v>
      </c>
      <c r="H29" s="22">
        <v>137</v>
      </c>
      <c r="I29" s="22">
        <v>65</v>
      </c>
      <c r="J29" s="22">
        <v>72</v>
      </c>
      <c r="K29" s="21">
        <v>209</v>
      </c>
      <c r="L29" s="53">
        <v>96</v>
      </c>
      <c r="M29" s="54">
        <v>113</v>
      </c>
    </row>
    <row r="30" spans="1:13" ht="20.100000000000001" customHeight="1">
      <c r="A30" s="16" t="s">
        <v>37</v>
      </c>
      <c r="B30" s="17">
        <v>-270</v>
      </c>
      <c r="C30" s="18">
        <v>-202</v>
      </c>
      <c r="D30" s="18">
        <v>-68</v>
      </c>
      <c r="E30" s="17">
        <v>2</v>
      </c>
      <c r="F30" s="18">
        <v>1</v>
      </c>
      <c r="G30" s="19">
        <v>1</v>
      </c>
      <c r="H30" s="18">
        <v>1117</v>
      </c>
      <c r="I30" s="18">
        <v>543</v>
      </c>
      <c r="J30" s="18">
        <v>574</v>
      </c>
      <c r="K30" s="17">
        <v>1385</v>
      </c>
      <c r="L30" s="51">
        <v>744</v>
      </c>
      <c r="M30" s="52">
        <v>641</v>
      </c>
    </row>
    <row r="31" spans="1:13">
      <c r="A31" s="20" t="s">
        <v>38</v>
      </c>
      <c r="B31" s="21">
        <v>-55</v>
      </c>
      <c r="C31" s="22">
        <v>-35</v>
      </c>
      <c r="D31" s="22">
        <v>-20</v>
      </c>
      <c r="E31" s="21">
        <v>1</v>
      </c>
      <c r="F31" s="22">
        <v>1</v>
      </c>
      <c r="G31" s="23">
        <v>0</v>
      </c>
      <c r="H31" s="22">
        <v>112</v>
      </c>
      <c r="I31" s="22">
        <v>52</v>
      </c>
      <c r="J31" s="22">
        <v>60</v>
      </c>
      <c r="K31" s="21">
        <v>166</v>
      </c>
      <c r="L31" s="53">
        <v>86</v>
      </c>
      <c r="M31" s="54">
        <v>80</v>
      </c>
    </row>
    <row r="32" spans="1:13">
      <c r="A32" s="20" t="s">
        <v>39</v>
      </c>
      <c r="B32" s="21">
        <v>-72</v>
      </c>
      <c r="C32" s="22">
        <v>-42</v>
      </c>
      <c r="D32" s="22">
        <v>-30</v>
      </c>
      <c r="E32" s="21">
        <v>0</v>
      </c>
      <c r="F32" s="22">
        <v>0</v>
      </c>
      <c r="G32" s="23">
        <v>0</v>
      </c>
      <c r="H32" s="22">
        <v>154</v>
      </c>
      <c r="I32" s="22">
        <v>72</v>
      </c>
      <c r="J32" s="22">
        <v>82</v>
      </c>
      <c r="K32" s="21">
        <v>226</v>
      </c>
      <c r="L32" s="53">
        <v>114</v>
      </c>
      <c r="M32" s="54">
        <v>112</v>
      </c>
    </row>
    <row r="33" spans="1:13">
      <c r="A33" s="20" t="s">
        <v>40</v>
      </c>
      <c r="B33" s="21">
        <v>-73</v>
      </c>
      <c r="C33" s="22">
        <v>-46</v>
      </c>
      <c r="D33" s="22">
        <v>-27</v>
      </c>
      <c r="E33" s="21">
        <v>0</v>
      </c>
      <c r="F33" s="22">
        <v>0</v>
      </c>
      <c r="G33" s="23">
        <v>0</v>
      </c>
      <c r="H33" s="22">
        <v>200</v>
      </c>
      <c r="I33" s="22">
        <v>98</v>
      </c>
      <c r="J33" s="22">
        <v>102</v>
      </c>
      <c r="K33" s="21">
        <v>273</v>
      </c>
      <c r="L33" s="53">
        <v>144</v>
      </c>
      <c r="M33" s="54">
        <v>129</v>
      </c>
    </row>
    <row r="34" spans="1:13">
      <c r="A34" s="20" t="s">
        <v>41</v>
      </c>
      <c r="B34" s="21">
        <v>-50</v>
      </c>
      <c r="C34" s="22">
        <v>-45</v>
      </c>
      <c r="D34" s="22">
        <v>-5</v>
      </c>
      <c r="E34" s="21">
        <v>0</v>
      </c>
      <c r="F34" s="22">
        <v>0</v>
      </c>
      <c r="G34" s="23">
        <v>0</v>
      </c>
      <c r="H34" s="22">
        <v>362</v>
      </c>
      <c r="I34" s="22">
        <v>178</v>
      </c>
      <c r="J34" s="22">
        <v>184</v>
      </c>
      <c r="K34" s="21">
        <v>412</v>
      </c>
      <c r="L34" s="53">
        <v>223</v>
      </c>
      <c r="M34" s="54">
        <v>189</v>
      </c>
    </row>
    <row r="35" spans="1:13">
      <c r="A35" s="20" t="s">
        <v>42</v>
      </c>
      <c r="B35" s="21">
        <v>-20</v>
      </c>
      <c r="C35" s="22">
        <v>-34</v>
      </c>
      <c r="D35" s="22">
        <v>14</v>
      </c>
      <c r="E35" s="21">
        <v>1</v>
      </c>
      <c r="F35" s="22">
        <v>0</v>
      </c>
      <c r="G35" s="23">
        <v>1</v>
      </c>
      <c r="H35" s="22">
        <v>289</v>
      </c>
      <c r="I35" s="22">
        <v>143</v>
      </c>
      <c r="J35" s="22">
        <v>146</v>
      </c>
      <c r="K35" s="21">
        <v>308</v>
      </c>
      <c r="L35" s="53">
        <v>177</v>
      </c>
      <c r="M35" s="54">
        <v>131</v>
      </c>
    </row>
    <row r="36" spans="1:13" ht="20.100000000000001" customHeight="1">
      <c r="A36" s="16" t="s">
        <v>43</v>
      </c>
      <c r="B36" s="17">
        <v>-86</v>
      </c>
      <c r="C36" s="18">
        <v>-31</v>
      </c>
      <c r="D36" s="18">
        <v>-55</v>
      </c>
      <c r="E36" s="17">
        <v>3</v>
      </c>
      <c r="F36" s="18">
        <v>2</v>
      </c>
      <c r="G36" s="19">
        <v>1</v>
      </c>
      <c r="H36" s="18">
        <v>1360</v>
      </c>
      <c r="I36" s="18">
        <v>702</v>
      </c>
      <c r="J36" s="18">
        <v>658</v>
      </c>
      <c r="K36" s="17">
        <v>1443</v>
      </c>
      <c r="L36" s="51">
        <v>731</v>
      </c>
      <c r="M36" s="52">
        <v>712</v>
      </c>
    </row>
    <row r="37" spans="1:13">
      <c r="A37" s="20" t="s">
        <v>44</v>
      </c>
      <c r="B37" s="21">
        <v>-41</v>
      </c>
      <c r="C37" s="22">
        <v>-47</v>
      </c>
      <c r="D37" s="22">
        <v>6</v>
      </c>
      <c r="E37" s="21">
        <v>0</v>
      </c>
      <c r="F37" s="22">
        <v>0</v>
      </c>
      <c r="G37" s="23">
        <v>0</v>
      </c>
      <c r="H37" s="22">
        <v>320</v>
      </c>
      <c r="I37" s="22">
        <v>148</v>
      </c>
      <c r="J37" s="22">
        <v>172</v>
      </c>
      <c r="K37" s="21">
        <v>361</v>
      </c>
      <c r="L37" s="53">
        <v>195</v>
      </c>
      <c r="M37" s="54">
        <v>166</v>
      </c>
    </row>
    <row r="38" spans="1:13">
      <c r="A38" s="20" t="s">
        <v>45</v>
      </c>
      <c r="B38" s="21">
        <v>-2</v>
      </c>
      <c r="C38" s="22">
        <v>18</v>
      </c>
      <c r="D38" s="22">
        <v>-20</v>
      </c>
      <c r="E38" s="21">
        <v>1</v>
      </c>
      <c r="F38" s="22">
        <v>1</v>
      </c>
      <c r="G38" s="23">
        <v>0</v>
      </c>
      <c r="H38" s="22">
        <v>293</v>
      </c>
      <c r="I38" s="22">
        <v>163</v>
      </c>
      <c r="J38" s="22">
        <v>130</v>
      </c>
      <c r="K38" s="21">
        <v>294</v>
      </c>
      <c r="L38" s="53">
        <v>144</v>
      </c>
      <c r="M38" s="54">
        <v>150</v>
      </c>
    </row>
    <row r="39" spans="1:13">
      <c r="A39" s="20" t="s">
        <v>46</v>
      </c>
      <c r="B39" s="21">
        <v>-52</v>
      </c>
      <c r="C39" s="22">
        <v>-27</v>
      </c>
      <c r="D39" s="22">
        <v>-25</v>
      </c>
      <c r="E39" s="21">
        <v>0</v>
      </c>
      <c r="F39" s="22">
        <v>0</v>
      </c>
      <c r="G39" s="23">
        <v>0</v>
      </c>
      <c r="H39" s="22">
        <v>255</v>
      </c>
      <c r="I39" s="22">
        <v>126</v>
      </c>
      <c r="J39" s="22">
        <v>129</v>
      </c>
      <c r="K39" s="21">
        <v>307</v>
      </c>
      <c r="L39" s="53">
        <v>153</v>
      </c>
      <c r="M39" s="54">
        <v>154</v>
      </c>
    </row>
    <row r="40" spans="1:13">
      <c r="A40" s="20" t="s">
        <v>47</v>
      </c>
      <c r="B40" s="21">
        <v>-17</v>
      </c>
      <c r="C40" s="22">
        <v>-9</v>
      </c>
      <c r="D40" s="22">
        <v>-8</v>
      </c>
      <c r="E40" s="21">
        <v>1</v>
      </c>
      <c r="F40" s="22">
        <v>1</v>
      </c>
      <c r="G40" s="23">
        <v>0</v>
      </c>
      <c r="H40" s="22">
        <v>259</v>
      </c>
      <c r="I40" s="22">
        <v>132</v>
      </c>
      <c r="J40" s="22">
        <v>127</v>
      </c>
      <c r="K40" s="21">
        <v>275</v>
      </c>
      <c r="L40" s="53">
        <v>140</v>
      </c>
      <c r="M40" s="54">
        <v>135</v>
      </c>
    </row>
    <row r="41" spans="1:13">
      <c r="A41" s="20" t="s">
        <v>48</v>
      </c>
      <c r="B41" s="21">
        <v>26</v>
      </c>
      <c r="C41" s="22">
        <v>34</v>
      </c>
      <c r="D41" s="22">
        <v>-8</v>
      </c>
      <c r="E41" s="21">
        <v>1</v>
      </c>
      <c r="F41" s="22">
        <v>0</v>
      </c>
      <c r="G41" s="23">
        <v>1</v>
      </c>
      <c r="H41" s="22">
        <v>233</v>
      </c>
      <c r="I41" s="22">
        <v>133</v>
      </c>
      <c r="J41" s="22">
        <v>100</v>
      </c>
      <c r="K41" s="21">
        <v>206</v>
      </c>
      <c r="L41" s="53">
        <v>99</v>
      </c>
      <c r="M41" s="54">
        <v>107</v>
      </c>
    </row>
    <row r="42" spans="1:13" ht="20.100000000000001" customHeight="1">
      <c r="A42" s="16" t="s">
        <v>49</v>
      </c>
      <c r="B42" s="17">
        <v>-32</v>
      </c>
      <c r="C42" s="18">
        <v>21</v>
      </c>
      <c r="D42" s="18">
        <v>-53</v>
      </c>
      <c r="E42" s="17">
        <v>1</v>
      </c>
      <c r="F42" s="18">
        <v>1</v>
      </c>
      <c r="G42" s="19">
        <v>0</v>
      </c>
      <c r="H42" s="18">
        <v>908</v>
      </c>
      <c r="I42" s="18">
        <v>496</v>
      </c>
      <c r="J42" s="18">
        <v>412</v>
      </c>
      <c r="K42" s="17">
        <v>939</v>
      </c>
      <c r="L42" s="51">
        <v>474</v>
      </c>
      <c r="M42" s="52">
        <v>465</v>
      </c>
    </row>
    <row r="43" spans="1:13">
      <c r="A43" s="20" t="s">
        <v>50</v>
      </c>
      <c r="B43" s="21">
        <v>-4</v>
      </c>
      <c r="C43" s="22">
        <v>19</v>
      </c>
      <c r="D43" s="22">
        <v>-23</v>
      </c>
      <c r="E43" s="21">
        <v>0</v>
      </c>
      <c r="F43" s="22">
        <v>0</v>
      </c>
      <c r="G43" s="23">
        <v>0</v>
      </c>
      <c r="H43" s="22">
        <v>213</v>
      </c>
      <c r="I43" s="22">
        <v>119</v>
      </c>
      <c r="J43" s="22">
        <v>94</v>
      </c>
      <c r="K43" s="21">
        <v>217</v>
      </c>
      <c r="L43" s="53">
        <v>100</v>
      </c>
      <c r="M43" s="54">
        <v>117</v>
      </c>
    </row>
    <row r="44" spans="1:13">
      <c r="A44" s="20" t="s">
        <v>51</v>
      </c>
      <c r="B44" s="21">
        <v>-14</v>
      </c>
      <c r="C44" s="22">
        <v>3</v>
      </c>
      <c r="D44" s="22">
        <v>-17</v>
      </c>
      <c r="E44" s="21">
        <v>0</v>
      </c>
      <c r="F44" s="22">
        <v>0</v>
      </c>
      <c r="G44" s="23">
        <v>0</v>
      </c>
      <c r="H44" s="22">
        <v>189</v>
      </c>
      <c r="I44" s="22">
        <v>108</v>
      </c>
      <c r="J44" s="22">
        <v>81</v>
      </c>
      <c r="K44" s="21">
        <v>203</v>
      </c>
      <c r="L44" s="53">
        <v>105</v>
      </c>
      <c r="M44" s="54">
        <v>98</v>
      </c>
    </row>
    <row r="45" spans="1:13">
      <c r="A45" s="20" t="s">
        <v>52</v>
      </c>
      <c r="B45" s="21">
        <v>25</v>
      </c>
      <c r="C45" s="22">
        <v>11</v>
      </c>
      <c r="D45" s="22">
        <v>14</v>
      </c>
      <c r="E45" s="21">
        <v>1</v>
      </c>
      <c r="F45" s="22">
        <v>1</v>
      </c>
      <c r="G45" s="23">
        <v>0</v>
      </c>
      <c r="H45" s="22">
        <v>207</v>
      </c>
      <c r="I45" s="22">
        <v>110</v>
      </c>
      <c r="J45" s="22">
        <v>97</v>
      </c>
      <c r="K45" s="21">
        <v>181</v>
      </c>
      <c r="L45" s="53">
        <v>98</v>
      </c>
      <c r="M45" s="54">
        <v>83</v>
      </c>
    </row>
    <row r="46" spans="1:13">
      <c r="A46" s="20" t="s">
        <v>53</v>
      </c>
      <c r="B46" s="21">
        <v>-13</v>
      </c>
      <c r="C46" s="22">
        <v>0</v>
      </c>
      <c r="D46" s="22">
        <v>-13</v>
      </c>
      <c r="E46" s="21">
        <v>0</v>
      </c>
      <c r="F46" s="22">
        <v>0</v>
      </c>
      <c r="G46" s="23">
        <v>0</v>
      </c>
      <c r="H46" s="22">
        <v>157</v>
      </c>
      <c r="I46" s="22">
        <v>83</v>
      </c>
      <c r="J46" s="22">
        <v>74</v>
      </c>
      <c r="K46" s="21">
        <v>170</v>
      </c>
      <c r="L46" s="53">
        <v>83</v>
      </c>
      <c r="M46" s="54">
        <v>87</v>
      </c>
    </row>
    <row r="47" spans="1:13">
      <c r="A47" s="20" t="s">
        <v>54</v>
      </c>
      <c r="B47" s="21">
        <v>-26</v>
      </c>
      <c r="C47" s="22">
        <v>-12</v>
      </c>
      <c r="D47" s="22">
        <v>-14</v>
      </c>
      <c r="E47" s="21">
        <v>0</v>
      </c>
      <c r="F47" s="22">
        <v>0</v>
      </c>
      <c r="G47" s="23">
        <v>0</v>
      </c>
      <c r="H47" s="22">
        <v>142</v>
      </c>
      <c r="I47" s="22">
        <v>76</v>
      </c>
      <c r="J47" s="22">
        <v>66</v>
      </c>
      <c r="K47" s="21">
        <v>168</v>
      </c>
      <c r="L47" s="53">
        <v>88</v>
      </c>
      <c r="M47" s="54">
        <v>80</v>
      </c>
    </row>
    <row r="48" spans="1:13" ht="20.100000000000001" customHeight="1">
      <c r="A48" s="16" t="s">
        <v>55</v>
      </c>
      <c r="B48" s="17">
        <v>47</v>
      </c>
      <c r="C48" s="18">
        <v>32</v>
      </c>
      <c r="D48" s="18">
        <v>15</v>
      </c>
      <c r="E48" s="17">
        <v>8</v>
      </c>
      <c r="F48" s="18">
        <v>4</v>
      </c>
      <c r="G48" s="19">
        <v>4</v>
      </c>
      <c r="H48" s="18">
        <v>670</v>
      </c>
      <c r="I48" s="18">
        <v>382</v>
      </c>
      <c r="J48" s="18">
        <v>288</v>
      </c>
      <c r="K48" s="17">
        <v>615</v>
      </c>
      <c r="L48" s="51">
        <v>346</v>
      </c>
      <c r="M48" s="52">
        <v>269</v>
      </c>
    </row>
    <row r="49" spans="1:13">
      <c r="A49" s="20" t="s">
        <v>56</v>
      </c>
      <c r="B49" s="21">
        <v>21</v>
      </c>
      <c r="C49" s="22">
        <v>10</v>
      </c>
      <c r="D49" s="22">
        <v>11</v>
      </c>
      <c r="E49" s="21">
        <v>2</v>
      </c>
      <c r="F49" s="22">
        <v>0</v>
      </c>
      <c r="G49" s="23">
        <v>2</v>
      </c>
      <c r="H49" s="22">
        <v>150</v>
      </c>
      <c r="I49" s="22">
        <v>82</v>
      </c>
      <c r="J49" s="22">
        <v>68</v>
      </c>
      <c r="K49" s="21">
        <v>127</v>
      </c>
      <c r="L49" s="53">
        <v>72</v>
      </c>
      <c r="M49" s="54">
        <v>55</v>
      </c>
    </row>
    <row r="50" spans="1:13">
      <c r="A50" s="20" t="s">
        <v>57</v>
      </c>
      <c r="B50" s="21">
        <v>40</v>
      </c>
      <c r="C50" s="22">
        <v>24</v>
      </c>
      <c r="D50" s="22">
        <v>16</v>
      </c>
      <c r="E50" s="21">
        <v>1</v>
      </c>
      <c r="F50" s="22">
        <v>1</v>
      </c>
      <c r="G50" s="23">
        <v>0</v>
      </c>
      <c r="H50" s="22">
        <v>154</v>
      </c>
      <c r="I50" s="22">
        <v>91</v>
      </c>
      <c r="J50" s="22">
        <v>63</v>
      </c>
      <c r="K50" s="21">
        <v>113</v>
      </c>
      <c r="L50" s="53">
        <v>66</v>
      </c>
      <c r="M50" s="54">
        <v>47</v>
      </c>
    </row>
    <row r="51" spans="1:13">
      <c r="A51" s="20" t="s">
        <v>58</v>
      </c>
      <c r="B51" s="21">
        <v>-7</v>
      </c>
      <c r="C51" s="22">
        <v>-14</v>
      </c>
      <c r="D51" s="22">
        <v>7</v>
      </c>
      <c r="E51" s="21">
        <v>3</v>
      </c>
      <c r="F51" s="22">
        <v>1</v>
      </c>
      <c r="G51" s="23">
        <v>2</v>
      </c>
      <c r="H51" s="22">
        <v>138</v>
      </c>
      <c r="I51" s="22">
        <v>71</v>
      </c>
      <c r="J51" s="22">
        <v>67</v>
      </c>
      <c r="K51" s="21">
        <v>142</v>
      </c>
      <c r="L51" s="53">
        <v>84</v>
      </c>
      <c r="M51" s="54">
        <v>58</v>
      </c>
    </row>
    <row r="52" spans="1:13">
      <c r="A52" s="20" t="s">
        <v>59</v>
      </c>
      <c r="B52" s="21">
        <v>-7</v>
      </c>
      <c r="C52" s="22">
        <v>1</v>
      </c>
      <c r="D52" s="22">
        <v>-8</v>
      </c>
      <c r="E52" s="21">
        <v>1</v>
      </c>
      <c r="F52" s="22">
        <v>1</v>
      </c>
      <c r="G52" s="23">
        <v>0</v>
      </c>
      <c r="H52" s="22">
        <v>115</v>
      </c>
      <c r="I52" s="22">
        <v>72</v>
      </c>
      <c r="J52" s="22">
        <v>43</v>
      </c>
      <c r="K52" s="21">
        <v>121</v>
      </c>
      <c r="L52" s="53">
        <v>70</v>
      </c>
      <c r="M52" s="54">
        <v>51</v>
      </c>
    </row>
    <row r="53" spans="1:13">
      <c r="A53" s="20" t="s">
        <v>60</v>
      </c>
      <c r="B53" s="21">
        <v>0</v>
      </c>
      <c r="C53" s="22">
        <v>11</v>
      </c>
      <c r="D53" s="22">
        <v>-11</v>
      </c>
      <c r="E53" s="21">
        <v>1</v>
      </c>
      <c r="F53" s="22">
        <v>1</v>
      </c>
      <c r="G53" s="23">
        <v>0</v>
      </c>
      <c r="H53" s="22">
        <v>113</v>
      </c>
      <c r="I53" s="22">
        <v>66</v>
      </c>
      <c r="J53" s="22">
        <v>47</v>
      </c>
      <c r="K53" s="21">
        <v>112</v>
      </c>
      <c r="L53" s="53">
        <v>54</v>
      </c>
      <c r="M53" s="54">
        <v>58</v>
      </c>
    </row>
    <row r="54" spans="1:13" ht="20.100000000000001" customHeight="1">
      <c r="A54" s="16" t="s">
        <v>61</v>
      </c>
      <c r="B54" s="17">
        <v>42</v>
      </c>
      <c r="C54" s="18">
        <v>35</v>
      </c>
      <c r="D54" s="18">
        <v>7</v>
      </c>
      <c r="E54" s="17">
        <v>6</v>
      </c>
      <c r="F54" s="18">
        <v>5</v>
      </c>
      <c r="G54" s="19">
        <v>1</v>
      </c>
      <c r="H54" s="18">
        <v>479</v>
      </c>
      <c r="I54" s="18">
        <v>274</v>
      </c>
      <c r="J54" s="18">
        <v>205</v>
      </c>
      <c r="K54" s="17">
        <v>431</v>
      </c>
      <c r="L54" s="51">
        <v>234</v>
      </c>
      <c r="M54" s="52">
        <v>197</v>
      </c>
    </row>
    <row r="55" spans="1:13">
      <c r="A55" s="20" t="s">
        <v>62</v>
      </c>
      <c r="B55" s="21">
        <v>-13</v>
      </c>
      <c r="C55" s="22">
        <v>-18</v>
      </c>
      <c r="D55" s="22">
        <v>5</v>
      </c>
      <c r="E55" s="21">
        <v>1</v>
      </c>
      <c r="F55" s="22">
        <v>1</v>
      </c>
      <c r="G55" s="23">
        <v>0</v>
      </c>
      <c r="H55" s="22">
        <v>92</v>
      </c>
      <c r="I55" s="22">
        <v>43</v>
      </c>
      <c r="J55" s="22">
        <v>49</v>
      </c>
      <c r="K55" s="21">
        <v>104</v>
      </c>
      <c r="L55" s="53">
        <v>60</v>
      </c>
      <c r="M55" s="54">
        <v>44</v>
      </c>
    </row>
    <row r="56" spans="1:13">
      <c r="A56" s="20" t="s">
        <v>63</v>
      </c>
      <c r="B56" s="21">
        <v>-3</v>
      </c>
      <c r="C56" s="22">
        <v>12</v>
      </c>
      <c r="D56" s="22">
        <v>-15</v>
      </c>
      <c r="E56" s="21">
        <v>3</v>
      </c>
      <c r="F56" s="22">
        <v>3</v>
      </c>
      <c r="G56" s="23">
        <v>0</v>
      </c>
      <c r="H56" s="22">
        <v>97</v>
      </c>
      <c r="I56" s="22">
        <v>63</v>
      </c>
      <c r="J56" s="22">
        <v>34</v>
      </c>
      <c r="K56" s="21">
        <v>97</v>
      </c>
      <c r="L56" s="53">
        <v>48</v>
      </c>
      <c r="M56" s="54">
        <v>49</v>
      </c>
    </row>
    <row r="57" spans="1:13">
      <c r="A57" s="20" t="s">
        <v>64</v>
      </c>
      <c r="B57" s="21">
        <v>19</v>
      </c>
      <c r="C57" s="22">
        <v>18</v>
      </c>
      <c r="D57" s="22">
        <v>1</v>
      </c>
      <c r="E57" s="21">
        <v>2</v>
      </c>
      <c r="F57" s="22">
        <v>1</v>
      </c>
      <c r="G57" s="23">
        <v>1</v>
      </c>
      <c r="H57" s="22">
        <v>94</v>
      </c>
      <c r="I57" s="22">
        <v>57</v>
      </c>
      <c r="J57" s="22">
        <v>37</v>
      </c>
      <c r="K57" s="21">
        <v>73</v>
      </c>
      <c r="L57" s="53">
        <v>38</v>
      </c>
      <c r="M57" s="54">
        <v>35</v>
      </c>
    </row>
    <row r="58" spans="1:13">
      <c r="A58" s="20" t="s">
        <v>65</v>
      </c>
      <c r="B58" s="21">
        <v>13</v>
      </c>
      <c r="C58" s="22">
        <v>7</v>
      </c>
      <c r="D58" s="22">
        <v>6</v>
      </c>
      <c r="E58" s="21">
        <v>0</v>
      </c>
      <c r="F58" s="22">
        <v>0</v>
      </c>
      <c r="G58" s="23">
        <v>0</v>
      </c>
      <c r="H58" s="22">
        <v>99</v>
      </c>
      <c r="I58" s="22">
        <v>56</v>
      </c>
      <c r="J58" s="22">
        <v>43</v>
      </c>
      <c r="K58" s="21">
        <v>86</v>
      </c>
      <c r="L58" s="53">
        <v>49</v>
      </c>
      <c r="M58" s="54">
        <v>37</v>
      </c>
    </row>
    <row r="59" spans="1:13">
      <c r="A59" s="20" t="s">
        <v>66</v>
      </c>
      <c r="B59" s="21">
        <v>26</v>
      </c>
      <c r="C59" s="22">
        <v>16</v>
      </c>
      <c r="D59" s="22">
        <v>10</v>
      </c>
      <c r="E59" s="21">
        <v>0</v>
      </c>
      <c r="F59" s="22">
        <v>0</v>
      </c>
      <c r="G59" s="23">
        <v>0</v>
      </c>
      <c r="H59" s="22">
        <v>97</v>
      </c>
      <c r="I59" s="22">
        <v>55</v>
      </c>
      <c r="J59" s="22">
        <v>42</v>
      </c>
      <c r="K59" s="21">
        <v>71</v>
      </c>
      <c r="L59" s="53">
        <v>39</v>
      </c>
      <c r="M59" s="54">
        <v>32</v>
      </c>
    </row>
    <row r="60" spans="1:13" ht="20.100000000000001" customHeight="1">
      <c r="A60" s="16" t="s">
        <v>67</v>
      </c>
      <c r="B60" s="17">
        <v>60</v>
      </c>
      <c r="C60" s="18">
        <v>31</v>
      </c>
      <c r="D60" s="18">
        <v>29</v>
      </c>
      <c r="E60" s="17">
        <v>24</v>
      </c>
      <c r="F60" s="18">
        <v>14</v>
      </c>
      <c r="G60" s="19">
        <v>10</v>
      </c>
      <c r="H60" s="18">
        <v>401</v>
      </c>
      <c r="I60" s="18">
        <v>245</v>
      </c>
      <c r="J60" s="18">
        <v>156</v>
      </c>
      <c r="K60" s="17">
        <v>317</v>
      </c>
      <c r="L60" s="51">
        <v>200</v>
      </c>
      <c r="M60" s="52">
        <v>117</v>
      </c>
    </row>
    <row r="61" spans="1:13">
      <c r="A61" s="20" t="s">
        <v>68</v>
      </c>
      <c r="B61" s="21">
        <v>4</v>
      </c>
      <c r="C61" s="22">
        <v>-4</v>
      </c>
      <c r="D61" s="22">
        <v>8</v>
      </c>
      <c r="E61" s="21">
        <v>3</v>
      </c>
      <c r="F61" s="22">
        <v>2</v>
      </c>
      <c r="G61" s="23">
        <v>1</v>
      </c>
      <c r="H61" s="22">
        <v>76</v>
      </c>
      <c r="I61" s="22">
        <v>43</v>
      </c>
      <c r="J61" s="22">
        <v>33</v>
      </c>
      <c r="K61" s="21">
        <v>69</v>
      </c>
      <c r="L61" s="53">
        <v>45</v>
      </c>
      <c r="M61" s="54">
        <v>24</v>
      </c>
    </row>
    <row r="62" spans="1:13">
      <c r="A62" s="20" t="s">
        <v>69</v>
      </c>
      <c r="B62" s="21">
        <v>23</v>
      </c>
      <c r="C62" s="22">
        <v>11</v>
      </c>
      <c r="D62" s="22">
        <v>12</v>
      </c>
      <c r="E62" s="21">
        <v>2</v>
      </c>
      <c r="F62" s="22">
        <v>0</v>
      </c>
      <c r="G62" s="23">
        <v>2</v>
      </c>
      <c r="H62" s="22">
        <v>88</v>
      </c>
      <c r="I62" s="22">
        <v>56</v>
      </c>
      <c r="J62" s="22">
        <v>32</v>
      </c>
      <c r="K62" s="21">
        <v>63</v>
      </c>
      <c r="L62" s="53">
        <v>45</v>
      </c>
      <c r="M62" s="54">
        <v>18</v>
      </c>
    </row>
    <row r="63" spans="1:13">
      <c r="A63" s="20" t="s">
        <v>70</v>
      </c>
      <c r="B63" s="21">
        <v>18</v>
      </c>
      <c r="C63" s="22">
        <v>11</v>
      </c>
      <c r="D63" s="22">
        <v>7</v>
      </c>
      <c r="E63" s="21">
        <v>4</v>
      </c>
      <c r="F63" s="22">
        <v>2</v>
      </c>
      <c r="G63" s="23">
        <v>2</v>
      </c>
      <c r="H63" s="22">
        <v>89</v>
      </c>
      <c r="I63" s="22">
        <v>50</v>
      </c>
      <c r="J63" s="22">
        <v>39</v>
      </c>
      <c r="K63" s="21">
        <v>67</v>
      </c>
      <c r="L63" s="53">
        <v>37</v>
      </c>
      <c r="M63" s="54">
        <v>30</v>
      </c>
    </row>
    <row r="64" spans="1:13">
      <c r="A64" s="20" t="s">
        <v>71</v>
      </c>
      <c r="B64" s="21">
        <v>3</v>
      </c>
      <c r="C64" s="22">
        <v>5</v>
      </c>
      <c r="D64" s="22">
        <v>-2</v>
      </c>
      <c r="E64" s="21">
        <v>10</v>
      </c>
      <c r="F64" s="22">
        <v>6</v>
      </c>
      <c r="G64" s="23">
        <v>4</v>
      </c>
      <c r="H64" s="22">
        <v>76</v>
      </c>
      <c r="I64" s="22">
        <v>49</v>
      </c>
      <c r="J64" s="22">
        <v>27</v>
      </c>
      <c r="K64" s="21">
        <v>63</v>
      </c>
      <c r="L64" s="53">
        <v>38</v>
      </c>
      <c r="M64" s="54">
        <v>25</v>
      </c>
    </row>
    <row r="65" spans="1:13">
      <c r="A65" s="24" t="s">
        <v>72</v>
      </c>
      <c r="B65" s="25">
        <v>12</v>
      </c>
      <c r="C65" s="26">
        <v>8</v>
      </c>
      <c r="D65" s="26">
        <v>4</v>
      </c>
      <c r="E65" s="25">
        <v>5</v>
      </c>
      <c r="F65" s="26">
        <v>4</v>
      </c>
      <c r="G65" s="27">
        <v>1</v>
      </c>
      <c r="H65" s="26">
        <v>72</v>
      </c>
      <c r="I65" s="26">
        <v>47</v>
      </c>
      <c r="J65" s="26">
        <v>25</v>
      </c>
      <c r="K65" s="25">
        <v>55</v>
      </c>
      <c r="L65" s="55">
        <v>35</v>
      </c>
      <c r="M65" s="56">
        <v>2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193</v>
      </c>
      <c r="C69" s="58">
        <v>609</v>
      </c>
      <c r="D69" s="59">
        <v>584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193</v>
      </c>
      <c r="C70" s="61">
        <v>609</v>
      </c>
      <c r="D70" s="62">
        <v>584</v>
      </c>
    </row>
    <row r="71" spans="1:13">
      <c r="A71" s="24" t="s">
        <v>14</v>
      </c>
      <c r="B71" s="63">
        <v>1193</v>
      </c>
      <c r="C71" s="64">
        <v>609</v>
      </c>
      <c r="D71" s="65">
        <v>584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9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1</v>
      </c>
      <c r="C77" s="18">
        <v>-9</v>
      </c>
      <c r="D77" s="18">
        <v>-2</v>
      </c>
      <c r="E77" s="17">
        <v>31</v>
      </c>
      <c r="F77" s="18">
        <v>22</v>
      </c>
      <c r="G77" s="19">
        <v>9</v>
      </c>
      <c r="H77" s="18">
        <v>312</v>
      </c>
      <c r="I77" s="18">
        <v>179</v>
      </c>
      <c r="J77" s="18">
        <v>133</v>
      </c>
      <c r="K77" s="17">
        <v>292</v>
      </c>
      <c r="L77" s="51">
        <v>166</v>
      </c>
      <c r="M77" s="52">
        <v>126</v>
      </c>
    </row>
    <row r="78" spans="1:13">
      <c r="A78" s="40" t="s">
        <v>81</v>
      </c>
      <c r="B78" s="21">
        <v>4</v>
      </c>
      <c r="C78" s="22">
        <v>3</v>
      </c>
      <c r="D78" s="22">
        <v>1</v>
      </c>
      <c r="E78" s="21">
        <v>5</v>
      </c>
      <c r="F78" s="22">
        <v>3</v>
      </c>
      <c r="G78" s="23">
        <v>2</v>
      </c>
      <c r="H78" s="22">
        <v>81</v>
      </c>
      <c r="I78" s="22">
        <v>51</v>
      </c>
      <c r="J78" s="22">
        <v>30</v>
      </c>
      <c r="K78" s="21">
        <v>72</v>
      </c>
      <c r="L78" s="53">
        <v>45</v>
      </c>
      <c r="M78" s="54">
        <v>27</v>
      </c>
    </row>
    <row r="79" spans="1:13">
      <c r="A79" s="40" t="s">
        <v>82</v>
      </c>
      <c r="B79" s="21">
        <v>-12</v>
      </c>
      <c r="C79" s="22">
        <v>-3</v>
      </c>
      <c r="D79" s="22">
        <v>-9</v>
      </c>
      <c r="E79" s="21">
        <v>5</v>
      </c>
      <c r="F79" s="22">
        <v>2</v>
      </c>
      <c r="G79" s="23">
        <v>3</v>
      </c>
      <c r="H79" s="22">
        <v>64</v>
      </c>
      <c r="I79" s="22">
        <v>41</v>
      </c>
      <c r="J79" s="22">
        <v>23</v>
      </c>
      <c r="K79" s="21">
        <v>71</v>
      </c>
      <c r="L79" s="53">
        <v>42</v>
      </c>
      <c r="M79" s="54">
        <v>29</v>
      </c>
    </row>
    <row r="80" spans="1:13">
      <c r="A80" s="40" t="s">
        <v>83</v>
      </c>
      <c r="B80" s="21">
        <v>10</v>
      </c>
      <c r="C80" s="22">
        <v>0</v>
      </c>
      <c r="D80" s="22">
        <v>10</v>
      </c>
      <c r="E80" s="21">
        <v>8</v>
      </c>
      <c r="F80" s="22">
        <v>7</v>
      </c>
      <c r="G80" s="23">
        <v>1</v>
      </c>
      <c r="H80" s="22">
        <v>60</v>
      </c>
      <c r="I80" s="22">
        <v>33</v>
      </c>
      <c r="J80" s="22">
        <v>27</v>
      </c>
      <c r="K80" s="21">
        <v>42</v>
      </c>
      <c r="L80" s="53">
        <v>26</v>
      </c>
      <c r="M80" s="54">
        <v>16</v>
      </c>
    </row>
    <row r="81" spans="1:13">
      <c r="A81" s="40" t="s">
        <v>84</v>
      </c>
      <c r="B81" s="21">
        <v>-16</v>
      </c>
      <c r="C81" s="22">
        <v>-13</v>
      </c>
      <c r="D81" s="22">
        <v>-3</v>
      </c>
      <c r="E81" s="21">
        <v>8</v>
      </c>
      <c r="F81" s="22">
        <v>5</v>
      </c>
      <c r="G81" s="23">
        <v>3</v>
      </c>
      <c r="H81" s="22">
        <v>52</v>
      </c>
      <c r="I81" s="22">
        <v>30</v>
      </c>
      <c r="J81" s="22">
        <v>22</v>
      </c>
      <c r="K81" s="21">
        <v>60</v>
      </c>
      <c r="L81" s="53">
        <v>38</v>
      </c>
      <c r="M81" s="54">
        <v>22</v>
      </c>
    </row>
    <row r="82" spans="1:13">
      <c r="A82" s="40" t="s">
        <v>85</v>
      </c>
      <c r="B82" s="21">
        <v>3</v>
      </c>
      <c r="C82" s="22">
        <v>4</v>
      </c>
      <c r="D82" s="22">
        <v>-1</v>
      </c>
      <c r="E82" s="21">
        <v>5</v>
      </c>
      <c r="F82" s="22">
        <v>5</v>
      </c>
      <c r="G82" s="23">
        <v>0</v>
      </c>
      <c r="H82" s="22">
        <v>55</v>
      </c>
      <c r="I82" s="22">
        <v>24</v>
      </c>
      <c r="J82" s="22">
        <v>31</v>
      </c>
      <c r="K82" s="21">
        <v>47</v>
      </c>
      <c r="L82" s="53">
        <v>15</v>
      </c>
      <c r="M82" s="54">
        <v>32</v>
      </c>
    </row>
    <row r="83" spans="1:13" ht="19.5" customHeight="1">
      <c r="A83" s="34" t="s">
        <v>86</v>
      </c>
      <c r="B83" s="17">
        <v>45</v>
      </c>
      <c r="C83" s="18">
        <v>0</v>
      </c>
      <c r="D83" s="18">
        <v>45</v>
      </c>
      <c r="E83" s="17">
        <v>41</v>
      </c>
      <c r="F83" s="18">
        <v>27</v>
      </c>
      <c r="G83" s="19">
        <v>14</v>
      </c>
      <c r="H83" s="18">
        <v>257</v>
      </c>
      <c r="I83" s="18">
        <v>128</v>
      </c>
      <c r="J83" s="18">
        <v>129</v>
      </c>
      <c r="K83" s="17">
        <v>171</v>
      </c>
      <c r="L83" s="51">
        <v>101</v>
      </c>
      <c r="M83" s="52">
        <v>70</v>
      </c>
    </row>
    <row r="84" spans="1:13">
      <c r="A84" s="40" t="s">
        <v>87</v>
      </c>
      <c r="B84" s="21">
        <v>10</v>
      </c>
      <c r="C84" s="22">
        <v>-1</v>
      </c>
      <c r="D84" s="22">
        <v>11</v>
      </c>
      <c r="E84" s="21">
        <v>6</v>
      </c>
      <c r="F84" s="22">
        <v>4</v>
      </c>
      <c r="G84" s="23">
        <v>2</v>
      </c>
      <c r="H84" s="22">
        <v>60</v>
      </c>
      <c r="I84" s="22">
        <v>30</v>
      </c>
      <c r="J84" s="22">
        <v>30</v>
      </c>
      <c r="K84" s="21">
        <v>44</v>
      </c>
      <c r="L84" s="53">
        <v>27</v>
      </c>
      <c r="M84" s="54">
        <v>17</v>
      </c>
    </row>
    <row r="85" spans="1:13">
      <c r="A85" s="40" t="s">
        <v>88</v>
      </c>
      <c r="B85" s="21">
        <v>6</v>
      </c>
      <c r="C85" s="22">
        <v>-10</v>
      </c>
      <c r="D85" s="22">
        <v>16</v>
      </c>
      <c r="E85" s="21">
        <v>7</v>
      </c>
      <c r="F85" s="22">
        <v>6</v>
      </c>
      <c r="G85" s="23">
        <v>1</v>
      </c>
      <c r="H85" s="22">
        <v>55</v>
      </c>
      <c r="I85" s="22">
        <v>26</v>
      </c>
      <c r="J85" s="22">
        <v>29</v>
      </c>
      <c r="K85" s="21">
        <v>42</v>
      </c>
      <c r="L85" s="53">
        <v>30</v>
      </c>
      <c r="M85" s="54">
        <v>12</v>
      </c>
    </row>
    <row r="86" spans="1:13">
      <c r="A86" s="40" t="s">
        <v>89</v>
      </c>
      <c r="B86" s="21">
        <v>3</v>
      </c>
      <c r="C86" s="22">
        <v>1</v>
      </c>
      <c r="D86" s="22">
        <v>2</v>
      </c>
      <c r="E86" s="21">
        <v>10</v>
      </c>
      <c r="F86" s="22">
        <v>6</v>
      </c>
      <c r="G86" s="23">
        <v>4</v>
      </c>
      <c r="H86" s="22">
        <v>51</v>
      </c>
      <c r="I86" s="22">
        <v>27</v>
      </c>
      <c r="J86" s="22">
        <v>24</v>
      </c>
      <c r="K86" s="21">
        <v>38</v>
      </c>
      <c r="L86" s="53">
        <v>20</v>
      </c>
      <c r="M86" s="54">
        <v>18</v>
      </c>
    </row>
    <row r="87" spans="1:13">
      <c r="A87" s="40" t="s">
        <v>90</v>
      </c>
      <c r="B87" s="21">
        <v>13</v>
      </c>
      <c r="C87" s="22">
        <v>4</v>
      </c>
      <c r="D87" s="22">
        <v>9</v>
      </c>
      <c r="E87" s="21">
        <v>11</v>
      </c>
      <c r="F87" s="22">
        <v>7</v>
      </c>
      <c r="G87" s="23">
        <v>4</v>
      </c>
      <c r="H87" s="22">
        <v>56</v>
      </c>
      <c r="I87" s="22">
        <v>27</v>
      </c>
      <c r="J87" s="22">
        <v>29</v>
      </c>
      <c r="K87" s="21">
        <v>32</v>
      </c>
      <c r="L87" s="53">
        <v>16</v>
      </c>
      <c r="M87" s="54">
        <v>16</v>
      </c>
    </row>
    <row r="88" spans="1:13">
      <c r="A88" s="40" t="s">
        <v>91</v>
      </c>
      <c r="B88" s="21">
        <v>13</v>
      </c>
      <c r="C88" s="22">
        <v>6</v>
      </c>
      <c r="D88" s="22">
        <v>7</v>
      </c>
      <c r="E88" s="21">
        <v>7</v>
      </c>
      <c r="F88" s="22">
        <v>4</v>
      </c>
      <c r="G88" s="23">
        <v>3</v>
      </c>
      <c r="H88" s="22">
        <v>35</v>
      </c>
      <c r="I88" s="22">
        <v>18</v>
      </c>
      <c r="J88" s="22">
        <v>17</v>
      </c>
      <c r="K88" s="21">
        <v>15</v>
      </c>
      <c r="L88" s="53">
        <v>8</v>
      </c>
      <c r="M88" s="54">
        <v>7</v>
      </c>
    </row>
    <row r="89" spans="1:13" ht="19.5" customHeight="1">
      <c r="A89" s="34" t="s">
        <v>92</v>
      </c>
      <c r="B89" s="17">
        <v>-47</v>
      </c>
      <c r="C89" s="18">
        <v>-34</v>
      </c>
      <c r="D89" s="18">
        <v>-13</v>
      </c>
      <c r="E89" s="17">
        <v>73</v>
      </c>
      <c r="F89" s="18">
        <v>49</v>
      </c>
      <c r="G89" s="19">
        <v>24</v>
      </c>
      <c r="H89" s="18">
        <v>166</v>
      </c>
      <c r="I89" s="18">
        <v>99</v>
      </c>
      <c r="J89" s="18">
        <v>67</v>
      </c>
      <c r="K89" s="17">
        <v>140</v>
      </c>
      <c r="L89" s="51">
        <v>84</v>
      </c>
      <c r="M89" s="52">
        <v>56</v>
      </c>
    </row>
    <row r="90" spans="1:13">
      <c r="A90" s="40" t="s">
        <v>93</v>
      </c>
      <c r="B90" s="21">
        <v>-20</v>
      </c>
      <c r="C90" s="22">
        <v>-12</v>
      </c>
      <c r="D90" s="22">
        <v>-8</v>
      </c>
      <c r="E90" s="21">
        <v>15</v>
      </c>
      <c r="F90" s="22">
        <v>6</v>
      </c>
      <c r="G90" s="23">
        <v>9</v>
      </c>
      <c r="H90" s="22">
        <v>45</v>
      </c>
      <c r="I90" s="22">
        <v>28</v>
      </c>
      <c r="J90" s="22">
        <v>17</v>
      </c>
      <c r="K90" s="21">
        <v>50</v>
      </c>
      <c r="L90" s="53">
        <v>34</v>
      </c>
      <c r="M90" s="54">
        <v>16</v>
      </c>
    </row>
    <row r="91" spans="1:13">
      <c r="A91" s="40" t="s">
        <v>94</v>
      </c>
      <c r="B91" s="21">
        <v>-16</v>
      </c>
      <c r="C91" s="22">
        <v>-14</v>
      </c>
      <c r="D91" s="22">
        <v>-2</v>
      </c>
      <c r="E91" s="21">
        <v>17</v>
      </c>
      <c r="F91" s="22">
        <v>13</v>
      </c>
      <c r="G91" s="23">
        <v>4</v>
      </c>
      <c r="H91" s="22">
        <v>35</v>
      </c>
      <c r="I91" s="22">
        <v>18</v>
      </c>
      <c r="J91" s="22">
        <v>17</v>
      </c>
      <c r="K91" s="21">
        <v>34</v>
      </c>
      <c r="L91" s="53">
        <v>19</v>
      </c>
      <c r="M91" s="54">
        <v>15</v>
      </c>
    </row>
    <row r="92" spans="1:13">
      <c r="A92" s="40" t="s">
        <v>95</v>
      </c>
      <c r="B92" s="21">
        <v>7</v>
      </c>
      <c r="C92" s="22">
        <v>1</v>
      </c>
      <c r="D92" s="22">
        <v>6</v>
      </c>
      <c r="E92" s="21">
        <v>7</v>
      </c>
      <c r="F92" s="22">
        <v>7</v>
      </c>
      <c r="G92" s="23">
        <v>0</v>
      </c>
      <c r="H92" s="22">
        <v>29</v>
      </c>
      <c r="I92" s="22">
        <v>20</v>
      </c>
      <c r="J92" s="22">
        <v>9</v>
      </c>
      <c r="K92" s="21">
        <v>15</v>
      </c>
      <c r="L92" s="53">
        <v>12</v>
      </c>
      <c r="M92" s="54">
        <v>3</v>
      </c>
    </row>
    <row r="93" spans="1:13">
      <c r="A93" s="40" t="s">
        <v>96</v>
      </c>
      <c r="B93" s="21">
        <v>-12</v>
      </c>
      <c r="C93" s="22">
        <v>-6</v>
      </c>
      <c r="D93" s="22">
        <v>-6</v>
      </c>
      <c r="E93" s="21">
        <v>12</v>
      </c>
      <c r="F93" s="22">
        <v>8</v>
      </c>
      <c r="G93" s="23">
        <v>4</v>
      </c>
      <c r="H93" s="22">
        <v>25</v>
      </c>
      <c r="I93" s="22">
        <v>16</v>
      </c>
      <c r="J93" s="22">
        <v>9</v>
      </c>
      <c r="K93" s="21">
        <v>25</v>
      </c>
      <c r="L93" s="53">
        <v>14</v>
      </c>
      <c r="M93" s="54">
        <v>11</v>
      </c>
    </row>
    <row r="94" spans="1:13">
      <c r="A94" s="40" t="s">
        <v>97</v>
      </c>
      <c r="B94" s="21">
        <v>-6</v>
      </c>
      <c r="C94" s="22">
        <v>-3</v>
      </c>
      <c r="D94" s="22">
        <v>-3</v>
      </c>
      <c r="E94" s="21">
        <v>22</v>
      </c>
      <c r="F94" s="22">
        <v>15</v>
      </c>
      <c r="G94" s="23">
        <v>7</v>
      </c>
      <c r="H94" s="22">
        <v>32</v>
      </c>
      <c r="I94" s="22">
        <v>17</v>
      </c>
      <c r="J94" s="22">
        <v>15</v>
      </c>
      <c r="K94" s="21">
        <v>16</v>
      </c>
      <c r="L94" s="53">
        <v>5</v>
      </c>
      <c r="M94" s="54">
        <v>11</v>
      </c>
    </row>
    <row r="95" spans="1:13" ht="19.5" customHeight="1">
      <c r="A95" s="34" t="s">
        <v>98</v>
      </c>
      <c r="B95" s="17">
        <v>-87</v>
      </c>
      <c r="C95" s="18">
        <v>-63</v>
      </c>
      <c r="D95" s="18">
        <v>-24</v>
      </c>
      <c r="E95" s="17">
        <v>116</v>
      </c>
      <c r="F95" s="18">
        <v>78</v>
      </c>
      <c r="G95" s="19">
        <v>38</v>
      </c>
      <c r="H95" s="18">
        <v>152</v>
      </c>
      <c r="I95" s="18">
        <v>83</v>
      </c>
      <c r="J95" s="18">
        <v>69</v>
      </c>
      <c r="K95" s="17">
        <v>123</v>
      </c>
      <c r="L95" s="51">
        <v>68</v>
      </c>
      <c r="M95" s="52">
        <v>55</v>
      </c>
    </row>
    <row r="96" spans="1:13">
      <c r="A96" s="40" t="s">
        <v>99</v>
      </c>
      <c r="B96" s="21">
        <v>1</v>
      </c>
      <c r="C96" s="22">
        <v>-7</v>
      </c>
      <c r="D96" s="22">
        <v>8</v>
      </c>
      <c r="E96" s="21">
        <v>13</v>
      </c>
      <c r="F96" s="22">
        <v>8</v>
      </c>
      <c r="G96" s="23">
        <v>5</v>
      </c>
      <c r="H96" s="22">
        <v>39</v>
      </c>
      <c r="I96" s="22">
        <v>15</v>
      </c>
      <c r="J96" s="22">
        <v>24</v>
      </c>
      <c r="K96" s="21">
        <v>25</v>
      </c>
      <c r="L96" s="53">
        <v>14</v>
      </c>
      <c r="M96" s="54">
        <v>11</v>
      </c>
    </row>
    <row r="97" spans="1:13">
      <c r="A97" s="40" t="s">
        <v>100</v>
      </c>
      <c r="B97" s="21">
        <v>-31</v>
      </c>
      <c r="C97" s="22">
        <v>-12</v>
      </c>
      <c r="D97" s="22">
        <v>-19</v>
      </c>
      <c r="E97" s="21">
        <v>21</v>
      </c>
      <c r="F97" s="22">
        <v>11</v>
      </c>
      <c r="G97" s="23">
        <v>10</v>
      </c>
      <c r="H97" s="22">
        <v>18</v>
      </c>
      <c r="I97" s="22">
        <v>15</v>
      </c>
      <c r="J97" s="22">
        <v>3</v>
      </c>
      <c r="K97" s="21">
        <v>28</v>
      </c>
      <c r="L97" s="53">
        <v>16</v>
      </c>
      <c r="M97" s="54">
        <v>12</v>
      </c>
    </row>
    <row r="98" spans="1:13">
      <c r="A98" s="40" t="s">
        <v>101</v>
      </c>
      <c r="B98" s="21">
        <v>-12</v>
      </c>
      <c r="C98" s="22">
        <v>-6</v>
      </c>
      <c r="D98" s="22">
        <v>-6</v>
      </c>
      <c r="E98" s="21">
        <v>24</v>
      </c>
      <c r="F98" s="22">
        <v>15</v>
      </c>
      <c r="G98" s="23">
        <v>9</v>
      </c>
      <c r="H98" s="22">
        <v>33</v>
      </c>
      <c r="I98" s="22">
        <v>18</v>
      </c>
      <c r="J98" s="22">
        <v>15</v>
      </c>
      <c r="K98" s="21">
        <v>21</v>
      </c>
      <c r="L98" s="53">
        <v>9</v>
      </c>
      <c r="M98" s="54">
        <v>12</v>
      </c>
    </row>
    <row r="99" spans="1:13">
      <c r="A99" s="40" t="s">
        <v>102</v>
      </c>
      <c r="B99" s="21">
        <v>-24</v>
      </c>
      <c r="C99" s="22">
        <v>-20</v>
      </c>
      <c r="D99" s="22">
        <v>-4</v>
      </c>
      <c r="E99" s="21">
        <v>22</v>
      </c>
      <c r="F99" s="22">
        <v>18</v>
      </c>
      <c r="G99" s="23">
        <v>4</v>
      </c>
      <c r="H99" s="22">
        <v>26</v>
      </c>
      <c r="I99" s="22">
        <v>16</v>
      </c>
      <c r="J99" s="22">
        <v>10</v>
      </c>
      <c r="K99" s="21">
        <v>28</v>
      </c>
      <c r="L99" s="53">
        <v>18</v>
      </c>
      <c r="M99" s="54">
        <v>10</v>
      </c>
    </row>
    <row r="100" spans="1:13">
      <c r="A100" s="40" t="s">
        <v>103</v>
      </c>
      <c r="B100" s="21">
        <v>-21</v>
      </c>
      <c r="C100" s="22">
        <v>-18</v>
      </c>
      <c r="D100" s="22">
        <v>-3</v>
      </c>
      <c r="E100" s="21">
        <v>36</v>
      </c>
      <c r="F100" s="22">
        <v>26</v>
      </c>
      <c r="G100" s="23">
        <v>10</v>
      </c>
      <c r="H100" s="22">
        <v>36</v>
      </c>
      <c r="I100" s="22">
        <v>19</v>
      </c>
      <c r="J100" s="22">
        <v>17</v>
      </c>
      <c r="K100" s="21">
        <v>21</v>
      </c>
      <c r="L100" s="53">
        <v>11</v>
      </c>
      <c r="M100" s="54">
        <v>10</v>
      </c>
    </row>
    <row r="101" spans="1:13" ht="19.5" customHeight="1">
      <c r="A101" s="34" t="s">
        <v>104</v>
      </c>
      <c r="B101" s="17">
        <v>-196</v>
      </c>
      <c r="C101" s="18">
        <v>-123</v>
      </c>
      <c r="D101" s="18">
        <v>-73</v>
      </c>
      <c r="E101" s="17">
        <v>205</v>
      </c>
      <c r="F101" s="18">
        <v>135</v>
      </c>
      <c r="G101" s="19">
        <v>70</v>
      </c>
      <c r="H101" s="18">
        <v>122</v>
      </c>
      <c r="I101" s="18">
        <v>69</v>
      </c>
      <c r="J101" s="18">
        <v>53</v>
      </c>
      <c r="K101" s="17">
        <v>113</v>
      </c>
      <c r="L101" s="51">
        <v>57</v>
      </c>
      <c r="M101" s="52">
        <v>56</v>
      </c>
    </row>
    <row r="102" spans="1:13">
      <c r="A102" s="40" t="s">
        <v>105</v>
      </c>
      <c r="B102" s="21">
        <v>-33</v>
      </c>
      <c r="C102" s="22">
        <v>-15</v>
      </c>
      <c r="D102" s="22">
        <v>-18</v>
      </c>
      <c r="E102" s="21">
        <v>41</v>
      </c>
      <c r="F102" s="22">
        <v>23</v>
      </c>
      <c r="G102" s="23">
        <v>18</v>
      </c>
      <c r="H102" s="22">
        <v>27</v>
      </c>
      <c r="I102" s="22">
        <v>17</v>
      </c>
      <c r="J102" s="22">
        <v>10</v>
      </c>
      <c r="K102" s="21">
        <v>19</v>
      </c>
      <c r="L102" s="53">
        <v>9</v>
      </c>
      <c r="M102" s="54">
        <v>10</v>
      </c>
    </row>
    <row r="103" spans="1:13">
      <c r="A103" s="40" t="s">
        <v>106</v>
      </c>
      <c r="B103" s="21">
        <v>-39</v>
      </c>
      <c r="C103" s="22">
        <v>-24</v>
      </c>
      <c r="D103" s="22">
        <v>-15</v>
      </c>
      <c r="E103" s="21">
        <v>43</v>
      </c>
      <c r="F103" s="22">
        <v>28</v>
      </c>
      <c r="G103" s="23">
        <v>15</v>
      </c>
      <c r="H103" s="22">
        <v>37</v>
      </c>
      <c r="I103" s="22">
        <v>24</v>
      </c>
      <c r="J103" s="22">
        <v>13</v>
      </c>
      <c r="K103" s="21">
        <v>33</v>
      </c>
      <c r="L103" s="53">
        <v>20</v>
      </c>
      <c r="M103" s="54">
        <v>13</v>
      </c>
    </row>
    <row r="104" spans="1:13">
      <c r="A104" s="40" t="s">
        <v>107</v>
      </c>
      <c r="B104" s="21">
        <v>-46</v>
      </c>
      <c r="C104" s="22">
        <v>-29</v>
      </c>
      <c r="D104" s="22">
        <v>-17</v>
      </c>
      <c r="E104" s="21">
        <v>46</v>
      </c>
      <c r="F104" s="22">
        <v>31</v>
      </c>
      <c r="G104" s="23">
        <v>15</v>
      </c>
      <c r="H104" s="22">
        <v>30</v>
      </c>
      <c r="I104" s="22">
        <v>15</v>
      </c>
      <c r="J104" s="22">
        <v>15</v>
      </c>
      <c r="K104" s="21">
        <v>30</v>
      </c>
      <c r="L104" s="53">
        <v>13</v>
      </c>
      <c r="M104" s="54">
        <v>17</v>
      </c>
    </row>
    <row r="105" spans="1:13">
      <c r="A105" s="40" t="s">
        <v>108</v>
      </c>
      <c r="B105" s="21">
        <v>-45</v>
      </c>
      <c r="C105" s="22">
        <v>-31</v>
      </c>
      <c r="D105" s="22">
        <v>-14</v>
      </c>
      <c r="E105" s="21">
        <v>44</v>
      </c>
      <c r="F105" s="22">
        <v>31</v>
      </c>
      <c r="G105" s="23">
        <v>13</v>
      </c>
      <c r="H105" s="22">
        <v>14</v>
      </c>
      <c r="I105" s="22">
        <v>6</v>
      </c>
      <c r="J105" s="22">
        <v>8</v>
      </c>
      <c r="K105" s="21">
        <v>15</v>
      </c>
      <c r="L105" s="53">
        <v>6</v>
      </c>
      <c r="M105" s="54">
        <v>9</v>
      </c>
    </row>
    <row r="106" spans="1:13">
      <c r="A106" s="40" t="s">
        <v>109</v>
      </c>
      <c r="B106" s="21">
        <v>-33</v>
      </c>
      <c r="C106" s="22">
        <v>-24</v>
      </c>
      <c r="D106" s="22">
        <v>-9</v>
      </c>
      <c r="E106" s="21">
        <v>31</v>
      </c>
      <c r="F106" s="22">
        <v>22</v>
      </c>
      <c r="G106" s="23">
        <v>9</v>
      </c>
      <c r="H106" s="22">
        <v>14</v>
      </c>
      <c r="I106" s="22">
        <v>7</v>
      </c>
      <c r="J106" s="22">
        <v>7</v>
      </c>
      <c r="K106" s="21">
        <v>16</v>
      </c>
      <c r="L106" s="53">
        <v>9</v>
      </c>
      <c r="M106" s="54">
        <v>7</v>
      </c>
    </row>
    <row r="107" spans="1:13" ht="19.5" customHeight="1">
      <c r="A107" s="34" t="s">
        <v>110</v>
      </c>
      <c r="B107" s="17">
        <v>-250</v>
      </c>
      <c r="C107" s="18">
        <v>-184</v>
      </c>
      <c r="D107" s="18">
        <v>-66</v>
      </c>
      <c r="E107" s="17">
        <v>274</v>
      </c>
      <c r="F107" s="18">
        <v>188</v>
      </c>
      <c r="G107" s="19">
        <v>86</v>
      </c>
      <c r="H107" s="18">
        <v>113</v>
      </c>
      <c r="I107" s="18">
        <v>46</v>
      </c>
      <c r="J107" s="18">
        <v>67</v>
      </c>
      <c r="K107" s="17">
        <v>89</v>
      </c>
      <c r="L107" s="51">
        <v>42</v>
      </c>
      <c r="M107" s="52">
        <v>47</v>
      </c>
    </row>
    <row r="108" spans="1:13">
      <c r="A108" s="40" t="s">
        <v>111</v>
      </c>
      <c r="B108" s="21">
        <v>-46</v>
      </c>
      <c r="C108" s="22">
        <v>-34</v>
      </c>
      <c r="D108" s="22">
        <v>-12</v>
      </c>
      <c r="E108" s="21">
        <v>43</v>
      </c>
      <c r="F108" s="22">
        <v>32</v>
      </c>
      <c r="G108" s="23">
        <v>11</v>
      </c>
      <c r="H108" s="22">
        <v>18</v>
      </c>
      <c r="I108" s="22">
        <v>9</v>
      </c>
      <c r="J108" s="22">
        <v>9</v>
      </c>
      <c r="K108" s="21">
        <v>21</v>
      </c>
      <c r="L108" s="53">
        <v>11</v>
      </c>
      <c r="M108" s="54">
        <v>10</v>
      </c>
    </row>
    <row r="109" spans="1:13">
      <c r="A109" s="40" t="s">
        <v>112</v>
      </c>
      <c r="B109" s="21">
        <v>-50</v>
      </c>
      <c r="C109" s="22">
        <v>-40</v>
      </c>
      <c r="D109" s="22">
        <v>-10</v>
      </c>
      <c r="E109" s="21">
        <v>60</v>
      </c>
      <c r="F109" s="22">
        <v>42</v>
      </c>
      <c r="G109" s="23">
        <v>18</v>
      </c>
      <c r="H109" s="22">
        <v>28</v>
      </c>
      <c r="I109" s="22">
        <v>13</v>
      </c>
      <c r="J109" s="22">
        <v>15</v>
      </c>
      <c r="K109" s="21">
        <v>18</v>
      </c>
      <c r="L109" s="53">
        <v>11</v>
      </c>
      <c r="M109" s="54">
        <v>7</v>
      </c>
    </row>
    <row r="110" spans="1:13">
      <c r="A110" s="40" t="s">
        <v>113</v>
      </c>
      <c r="B110" s="21">
        <v>-44</v>
      </c>
      <c r="C110" s="22">
        <v>-32</v>
      </c>
      <c r="D110" s="22">
        <v>-12</v>
      </c>
      <c r="E110" s="21">
        <v>53</v>
      </c>
      <c r="F110" s="22">
        <v>34</v>
      </c>
      <c r="G110" s="23">
        <v>19</v>
      </c>
      <c r="H110" s="22">
        <v>28</v>
      </c>
      <c r="I110" s="22">
        <v>11</v>
      </c>
      <c r="J110" s="22">
        <v>17</v>
      </c>
      <c r="K110" s="21">
        <v>19</v>
      </c>
      <c r="L110" s="53">
        <v>9</v>
      </c>
      <c r="M110" s="54">
        <v>10</v>
      </c>
    </row>
    <row r="111" spans="1:13">
      <c r="A111" s="40" t="s">
        <v>114</v>
      </c>
      <c r="B111" s="21">
        <v>-45</v>
      </c>
      <c r="C111" s="22">
        <v>-36</v>
      </c>
      <c r="D111" s="22">
        <v>-9</v>
      </c>
      <c r="E111" s="21">
        <v>50</v>
      </c>
      <c r="F111" s="22">
        <v>35</v>
      </c>
      <c r="G111" s="23">
        <v>15</v>
      </c>
      <c r="H111" s="22">
        <v>17</v>
      </c>
      <c r="I111" s="22">
        <v>6</v>
      </c>
      <c r="J111" s="22">
        <v>11</v>
      </c>
      <c r="K111" s="21">
        <v>12</v>
      </c>
      <c r="L111" s="53">
        <v>7</v>
      </c>
      <c r="M111" s="54">
        <v>5</v>
      </c>
    </row>
    <row r="112" spans="1:13">
      <c r="A112" s="40" t="s">
        <v>115</v>
      </c>
      <c r="B112" s="21">
        <v>-65</v>
      </c>
      <c r="C112" s="22">
        <v>-42</v>
      </c>
      <c r="D112" s="22">
        <v>-23</v>
      </c>
      <c r="E112" s="21">
        <v>68</v>
      </c>
      <c r="F112" s="22">
        <v>45</v>
      </c>
      <c r="G112" s="23">
        <v>23</v>
      </c>
      <c r="H112" s="22">
        <v>22</v>
      </c>
      <c r="I112" s="22">
        <v>7</v>
      </c>
      <c r="J112" s="22">
        <v>15</v>
      </c>
      <c r="K112" s="21">
        <v>19</v>
      </c>
      <c r="L112" s="53">
        <v>4</v>
      </c>
      <c r="M112" s="54">
        <v>15</v>
      </c>
    </row>
    <row r="113" spans="1:13" ht="19.5" customHeight="1">
      <c r="A113" s="34" t="s">
        <v>116</v>
      </c>
      <c r="B113" s="17">
        <v>-340</v>
      </c>
      <c r="C113" s="18">
        <v>-203</v>
      </c>
      <c r="D113" s="18">
        <v>-137</v>
      </c>
      <c r="E113" s="17">
        <v>362</v>
      </c>
      <c r="F113" s="18">
        <v>210</v>
      </c>
      <c r="G113" s="19">
        <v>152</v>
      </c>
      <c r="H113" s="18">
        <v>87</v>
      </c>
      <c r="I113" s="18">
        <v>35</v>
      </c>
      <c r="J113" s="18">
        <v>52</v>
      </c>
      <c r="K113" s="17">
        <v>65</v>
      </c>
      <c r="L113" s="51">
        <v>28</v>
      </c>
      <c r="M113" s="52">
        <v>37</v>
      </c>
    </row>
    <row r="114" spans="1:13">
      <c r="A114" s="40" t="s">
        <v>117</v>
      </c>
      <c r="B114" s="21">
        <v>-39</v>
      </c>
      <c r="C114" s="22">
        <v>-30</v>
      </c>
      <c r="D114" s="22">
        <v>-9</v>
      </c>
      <c r="E114" s="21">
        <v>46</v>
      </c>
      <c r="F114" s="22">
        <v>32</v>
      </c>
      <c r="G114" s="23">
        <v>14</v>
      </c>
      <c r="H114" s="22">
        <v>21</v>
      </c>
      <c r="I114" s="22">
        <v>7</v>
      </c>
      <c r="J114" s="22">
        <v>14</v>
      </c>
      <c r="K114" s="21">
        <v>14</v>
      </c>
      <c r="L114" s="53">
        <v>5</v>
      </c>
      <c r="M114" s="54">
        <v>9</v>
      </c>
    </row>
    <row r="115" spans="1:13">
      <c r="A115" s="40" t="s">
        <v>118</v>
      </c>
      <c r="B115" s="21">
        <v>-41</v>
      </c>
      <c r="C115" s="22">
        <v>-29</v>
      </c>
      <c r="D115" s="22">
        <v>-12</v>
      </c>
      <c r="E115" s="21">
        <v>52</v>
      </c>
      <c r="F115" s="22">
        <v>29</v>
      </c>
      <c r="G115" s="23">
        <v>23</v>
      </c>
      <c r="H115" s="22">
        <v>28</v>
      </c>
      <c r="I115" s="22">
        <v>11</v>
      </c>
      <c r="J115" s="22">
        <v>17</v>
      </c>
      <c r="K115" s="21">
        <v>17</v>
      </c>
      <c r="L115" s="53">
        <v>11</v>
      </c>
      <c r="M115" s="54">
        <v>6</v>
      </c>
    </row>
    <row r="116" spans="1:13">
      <c r="A116" s="40" t="s">
        <v>119</v>
      </c>
      <c r="B116" s="21">
        <v>-85</v>
      </c>
      <c r="C116" s="22">
        <v>-45</v>
      </c>
      <c r="D116" s="22">
        <v>-40</v>
      </c>
      <c r="E116" s="21">
        <v>86</v>
      </c>
      <c r="F116" s="22">
        <v>49</v>
      </c>
      <c r="G116" s="23">
        <v>37</v>
      </c>
      <c r="H116" s="22">
        <v>12</v>
      </c>
      <c r="I116" s="22">
        <v>5</v>
      </c>
      <c r="J116" s="22">
        <v>7</v>
      </c>
      <c r="K116" s="21">
        <v>11</v>
      </c>
      <c r="L116" s="53">
        <v>1</v>
      </c>
      <c r="M116" s="54">
        <v>10</v>
      </c>
    </row>
    <row r="117" spans="1:13">
      <c r="A117" s="40" t="s">
        <v>120</v>
      </c>
      <c r="B117" s="21">
        <v>-85</v>
      </c>
      <c r="C117" s="22">
        <v>-46</v>
      </c>
      <c r="D117" s="22">
        <v>-39</v>
      </c>
      <c r="E117" s="21">
        <v>84</v>
      </c>
      <c r="F117" s="22">
        <v>47</v>
      </c>
      <c r="G117" s="23">
        <v>37</v>
      </c>
      <c r="H117" s="22">
        <v>11</v>
      </c>
      <c r="I117" s="22">
        <v>6</v>
      </c>
      <c r="J117" s="22">
        <v>5</v>
      </c>
      <c r="K117" s="21">
        <v>12</v>
      </c>
      <c r="L117" s="53">
        <v>5</v>
      </c>
      <c r="M117" s="54">
        <v>7</v>
      </c>
    </row>
    <row r="118" spans="1:13">
      <c r="A118" s="40" t="s">
        <v>121</v>
      </c>
      <c r="B118" s="21">
        <v>-90</v>
      </c>
      <c r="C118" s="22">
        <v>-53</v>
      </c>
      <c r="D118" s="22">
        <v>-37</v>
      </c>
      <c r="E118" s="21">
        <v>94</v>
      </c>
      <c r="F118" s="22">
        <v>53</v>
      </c>
      <c r="G118" s="23">
        <v>41</v>
      </c>
      <c r="H118" s="22">
        <v>15</v>
      </c>
      <c r="I118" s="22">
        <v>6</v>
      </c>
      <c r="J118" s="22">
        <v>9</v>
      </c>
      <c r="K118" s="21">
        <v>11</v>
      </c>
      <c r="L118" s="53">
        <v>6</v>
      </c>
      <c r="M118" s="54">
        <v>5</v>
      </c>
    </row>
    <row r="119" spans="1:13" ht="19.5" customHeight="1">
      <c r="A119" s="34" t="s">
        <v>122</v>
      </c>
      <c r="B119" s="17">
        <v>-429</v>
      </c>
      <c r="C119" s="18">
        <v>-240</v>
      </c>
      <c r="D119" s="18">
        <v>-189</v>
      </c>
      <c r="E119" s="17">
        <v>460</v>
      </c>
      <c r="F119" s="18">
        <v>250</v>
      </c>
      <c r="G119" s="19">
        <v>210</v>
      </c>
      <c r="H119" s="18">
        <v>92</v>
      </c>
      <c r="I119" s="18">
        <v>27</v>
      </c>
      <c r="J119" s="18">
        <v>65</v>
      </c>
      <c r="K119" s="17">
        <v>61</v>
      </c>
      <c r="L119" s="51">
        <v>17</v>
      </c>
      <c r="M119" s="52">
        <v>44</v>
      </c>
    </row>
    <row r="120" spans="1:13">
      <c r="A120" s="40" t="s">
        <v>123</v>
      </c>
      <c r="B120" s="21">
        <v>-76</v>
      </c>
      <c r="C120" s="22">
        <v>-51</v>
      </c>
      <c r="D120" s="22">
        <v>-25</v>
      </c>
      <c r="E120" s="21">
        <v>82</v>
      </c>
      <c r="F120" s="22">
        <v>52</v>
      </c>
      <c r="G120" s="23">
        <v>30</v>
      </c>
      <c r="H120" s="22">
        <v>16</v>
      </c>
      <c r="I120" s="22">
        <v>5</v>
      </c>
      <c r="J120" s="22">
        <v>11</v>
      </c>
      <c r="K120" s="21">
        <v>10</v>
      </c>
      <c r="L120" s="53">
        <v>4</v>
      </c>
      <c r="M120" s="54">
        <v>6</v>
      </c>
    </row>
    <row r="121" spans="1:13">
      <c r="A121" s="40" t="s">
        <v>124</v>
      </c>
      <c r="B121" s="21">
        <v>-95</v>
      </c>
      <c r="C121" s="22">
        <v>-49</v>
      </c>
      <c r="D121" s="22">
        <v>-46</v>
      </c>
      <c r="E121" s="21">
        <v>92</v>
      </c>
      <c r="F121" s="22">
        <v>50</v>
      </c>
      <c r="G121" s="23">
        <v>42</v>
      </c>
      <c r="H121" s="22">
        <v>15</v>
      </c>
      <c r="I121" s="22">
        <v>6</v>
      </c>
      <c r="J121" s="22">
        <v>9</v>
      </c>
      <c r="K121" s="21">
        <v>18</v>
      </c>
      <c r="L121" s="53">
        <v>5</v>
      </c>
      <c r="M121" s="54">
        <v>13</v>
      </c>
    </row>
    <row r="122" spans="1:13">
      <c r="A122" s="40" t="s">
        <v>125</v>
      </c>
      <c r="B122" s="21">
        <v>-76</v>
      </c>
      <c r="C122" s="22">
        <v>-47</v>
      </c>
      <c r="D122" s="22">
        <v>-29</v>
      </c>
      <c r="E122" s="21">
        <v>88</v>
      </c>
      <c r="F122" s="22">
        <v>48</v>
      </c>
      <c r="G122" s="23">
        <v>40</v>
      </c>
      <c r="H122" s="22">
        <v>25</v>
      </c>
      <c r="I122" s="22">
        <v>3</v>
      </c>
      <c r="J122" s="22">
        <v>22</v>
      </c>
      <c r="K122" s="21">
        <v>13</v>
      </c>
      <c r="L122" s="53">
        <v>2</v>
      </c>
      <c r="M122" s="54">
        <v>11</v>
      </c>
    </row>
    <row r="123" spans="1:13">
      <c r="A123" s="40" t="s">
        <v>126</v>
      </c>
      <c r="B123" s="21">
        <v>-100</v>
      </c>
      <c r="C123" s="22">
        <v>-62</v>
      </c>
      <c r="D123" s="22">
        <v>-38</v>
      </c>
      <c r="E123" s="21">
        <v>105</v>
      </c>
      <c r="F123" s="22">
        <v>66</v>
      </c>
      <c r="G123" s="23">
        <v>39</v>
      </c>
      <c r="H123" s="22">
        <v>18</v>
      </c>
      <c r="I123" s="22">
        <v>8</v>
      </c>
      <c r="J123" s="22">
        <v>10</v>
      </c>
      <c r="K123" s="21">
        <v>13</v>
      </c>
      <c r="L123" s="53">
        <v>4</v>
      </c>
      <c r="M123" s="54">
        <v>9</v>
      </c>
    </row>
    <row r="124" spans="1:13">
      <c r="A124" s="40" t="s">
        <v>127</v>
      </c>
      <c r="B124" s="21">
        <v>-82</v>
      </c>
      <c r="C124" s="22">
        <v>-31</v>
      </c>
      <c r="D124" s="22">
        <v>-51</v>
      </c>
      <c r="E124" s="21">
        <v>93</v>
      </c>
      <c r="F124" s="22">
        <v>34</v>
      </c>
      <c r="G124" s="23">
        <v>59</v>
      </c>
      <c r="H124" s="22">
        <v>18</v>
      </c>
      <c r="I124" s="22">
        <v>5</v>
      </c>
      <c r="J124" s="22">
        <v>13</v>
      </c>
      <c r="K124" s="21">
        <v>7</v>
      </c>
      <c r="L124" s="53">
        <v>2</v>
      </c>
      <c r="M124" s="54">
        <v>5</v>
      </c>
    </row>
    <row r="125" spans="1:13" ht="19.5" customHeight="1">
      <c r="A125" s="34" t="s">
        <v>128</v>
      </c>
      <c r="B125" s="17">
        <v>-400</v>
      </c>
      <c r="C125" s="18">
        <v>-146</v>
      </c>
      <c r="D125" s="18">
        <v>-254</v>
      </c>
      <c r="E125" s="17">
        <v>406</v>
      </c>
      <c r="F125" s="18">
        <v>139</v>
      </c>
      <c r="G125" s="19">
        <v>267</v>
      </c>
      <c r="H125" s="18">
        <v>38</v>
      </c>
      <c r="I125" s="18">
        <v>10</v>
      </c>
      <c r="J125" s="18">
        <v>28</v>
      </c>
      <c r="K125" s="17">
        <v>32</v>
      </c>
      <c r="L125" s="51">
        <v>17</v>
      </c>
      <c r="M125" s="52">
        <v>15</v>
      </c>
    </row>
    <row r="126" spans="1:13">
      <c r="A126" s="40" t="s">
        <v>129</v>
      </c>
      <c r="B126" s="21">
        <v>-79</v>
      </c>
      <c r="C126" s="22">
        <v>-34</v>
      </c>
      <c r="D126" s="22">
        <v>-45</v>
      </c>
      <c r="E126" s="21">
        <v>81</v>
      </c>
      <c r="F126" s="22">
        <v>32</v>
      </c>
      <c r="G126" s="23">
        <v>49</v>
      </c>
      <c r="H126" s="22">
        <v>10</v>
      </c>
      <c r="I126" s="22">
        <v>3</v>
      </c>
      <c r="J126" s="22">
        <v>7</v>
      </c>
      <c r="K126" s="21">
        <v>8</v>
      </c>
      <c r="L126" s="53">
        <v>5</v>
      </c>
      <c r="M126" s="54">
        <v>3</v>
      </c>
    </row>
    <row r="127" spans="1:13">
      <c r="A127" s="40" t="s">
        <v>130</v>
      </c>
      <c r="B127" s="21">
        <v>-91</v>
      </c>
      <c r="C127" s="22">
        <v>-35</v>
      </c>
      <c r="D127" s="22">
        <v>-56</v>
      </c>
      <c r="E127" s="21">
        <v>96</v>
      </c>
      <c r="F127" s="22">
        <v>34</v>
      </c>
      <c r="G127" s="23">
        <v>62</v>
      </c>
      <c r="H127" s="22">
        <v>12</v>
      </c>
      <c r="I127" s="22">
        <v>3</v>
      </c>
      <c r="J127" s="22">
        <v>9</v>
      </c>
      <c r="K127" s="21">
        <v>7</v>
      </c>
      <c r="L127" s="53">
        <v>4</v>
      </c>
      <c r="M127" s="54">
        <v>3</v>
      </c>
    </row>
    <row r="128" spans="1:13">
      <c r="A128" s="40" t="s">
        <v>131</v>
      </c>
      <c r="B128" s="21">
        <v>-85</v>
      </c>
      <c r="C128" s="22">
        <v>-25</v>
      </c>
      <c r="D128" s="22">
        <v>-60</v>
      </c>
      <c r="E128" s="21">
        <v>90</v>
      </c>
      <c r="F128" s="22">
        <v>24</v>
      </c>
      <c r="G128" s="23">
        <v>66</v>
      </c>
      <c r="H128" s="22">
        <v>12</v>
      </c>
      <c r="I128" s="22">
        <v>3</v>
      </c>
      <c r="J128" s="22">
        <v>9</v>
      </c>
      <c r="K128" s="21">
        <v>7</v>
      </c>
      <c r="L128" s="53">
        <v>4</v>
      </c>
      <c r="M128" s="54">
        <v>3</v>
      </c>
    </row>
    <row r="129" spans="1:13">
      <c r="A129" s="40" t="s">
        <v>132</v>
      </c>
      <c r="B129" s="21">
        <v>-83</v>
      </c>
      <c r="C129" s="22">
        <v>-33</v>
      </c>
      <c r="D129" s="22">
        <v>-50</v>
      </c>
      <c r="E129" s="21">
        <v>78</v>
      </c>
      <c r="F129" s="22">
        <v>30</v>
      </c>
      <c r="G129" s="23">
        <v>48</v>
      </c>
      <c r="H129" s="22">
        <v>1</v>
      </c>
      <c r="I129" s="22">
        <v>0</v>
      </c>
      <c r="J129" s="22">
        <v>1</v>
      </c>
      <c r="K129" s="21">
        <v>6</v>
      </c>
      <c r="L129" s="53">
        <v>3</v>
      </c>
      <c r="M129" s="54">
        <v>3</v>
      </c>
    </row>
    <row r="130" spans="1:13">
      <c r="A130" s="40" t="s">
        <v>133</v>
      </c>
      <c r="B130" s="21">
        <v>-62</v>
      </c>
      <c r="C130" s="22">
        <v>-19</v>
      </c>
      <c r="D130" s="22">
        <v>-43</v>
      </c>
      <c r="E130" s="21">
        <v>61</v>
      </c>
      <c r="F130" s="22">
        <v>19</v>
      </c>
      <c r="G130" s="23">
        <v>42</v>
      </c>
      <c r="H130" s="22">
        <v>3</v>
      </c>
      <c r="I130" s="22">
        <v>1</v>
      </c>
      <c r="J130" s="22">
        <v>2</v>
      </c>
      <c r="K130" s="21">
        <v>4</v>
      </c>
      <c r="L130" s="53">
        <v>1</v>
      </c>
      <c r="M130" s="54">
        <v>3</v>
      </c>
    </row>
    <row r="131" spans="1:13" ht="19.5" customHeight="1">
      <c r="A131" s="34" t="s">
        <v>134</v>
      </c>
      <c r="B131" s="17">
        <v>-176</v>
      </c>
      <c r="C131" s="18">
        <v>-46</v>
      </c>
      <c r="D131" s="18">
        <v>-130</v>
      </c>
      <c r="E131" s="17">
        <v>178</v>
      </c>
      <c r="F131" s="18">
        <v>47</v>
      </c>
      <c r="G131" s="19">
        <v>131</v>
      </c>
      <c r="H131" s="18">
        <v>11</v>
      </c>
      <c r="I131" s="18">
        <v>3</v>
      </c>
      <c r="J131" s="18">
        <v>8</v>
      </c>
      <c r="K131" s="17">
        <v>9</v>
      </c>
      <c r="L131" s="51">
        <v>2</v>
      </c>
      <c r="M131" s="52">
        <v>7</v>
      </c>
    </row>
    <row r="132" spans="1:13">
      <c r="A132" s="40" t="s">
        <v>135</v>
      </c>
      <c r="B132" s="21">
        <v>-41</v>
      </c>
      <c r="C132" s="22">
        <v>-12</v>
      </c>
      <c r="D132" s="22">
        <v>-29</v>
      </c>
      <c r="E132" s="21">
        <v>41</v>
      </c>
      <c r="F132" s="22">
        <v>14</v>
      </c>
      <c r="G132" s="23">
        <v>27</v>
      </c>
      <c r="H132" s="22">
        <v>3</v>
      </c>
      <c r="I132" s="22">
        <v>2</v>
      </c>
      <c r="J132" s="22">
        <v>1</v>
      </c>
      <c r="K132" s="21">
        <v>3</v>
      </c>
      <c r="L132" s="53">
        <v>0</v>
      </c>
      <c r="M132" s="54">
        <v>3</v>
      </c>
    </row>
    <row r="133" spans="1:13">
      <c r="A133" s="40" t="s">
        <v>136</v>
      </c>
      <c r="B133" s="21">
        <v>-44</v>
      </c>
      <c r="C133" s="22">
        <v>-9</v>
      </c>
      <c r="D133" s="22">
        <v>-35</v>
      </c>
      <c r="E133" s="21">
        <v>42</v>
      </c>
      <c r="F133" s="22">
        <v>9</v>
      </c>
      <c r="G133" s="23">
        <v>33</v>
      </c>
      <c r="H133" s="22">
        <v>2</v>
      </c>
      <c r="I133" s="22">
        <v>1</v>
      </c>
      <c r="J133" s="22">
        <v>1</v>
      </c>
      <c r="K133" s="21">
        <v>4</v>
      </c>
      <c r="L133" s="53">
        <v>1</v>
      </c>
      <c r="M133" s="54">
        <v>3</v>
      </c>
    </row>
    <row r="134" spans="1:13">
      <c r="A134" s="40" t="s">
        <v>137</v>
      </c>
      <c r="B134" s="21">
        <v>-39</v>
      </c>
      <c r="C134" s="22">
        <v>-12</v>
      </c>
      <c r="D134" s="22">
        <v>-27</v>
      </c>
      <c r="E134" s="21">
        <v>43</v>
      </c>
      <c r="F134" s="22">
        <v>11</v>
      </c>
      <c r="G134" s="23">
        <v>32</v>
      </c>
      <c r="H134" s="22">
        <v>5</v>
      </c>
      <c r="I134" s="22">
        <v>0</v>
      </c>
      <c r="J134" s="22">
        <v>5</v>
      </c>
      <c r="K134" s="21">
        <v>1</v>
      </c>
      <c r="L134" s="53">
        <v>1</v>
      </c>
      <c r="M134" s="54">
        <v>0</v>
      </c>
    </row>
    <row r="135" spans="1:13">
      <c r="A135" s="40" t="s">
        <v>138</v>
      </c>
      <c r="B135" s="21">
        <v>-21</v>
      </c>
      <c r="C135" s="22">
        <v>-5</v>
      </c>
      <c r="D135" s="22">
        <v>-16</v>
      </c>
      <c r="E135" s="21">
        <v>22</v>
      </c>
      <c r="F135" s="22">
        <v>5</v>
      </c>
      <c r="G135" s="23">
        <v>17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31</v>
      </c>
      <c r="C136" s="22">
        <v>-8</v>
      </c>
      <c r="D136" s="22">
        <v>-23</v>
      </c>
      <c r="E136" s="21">
        <v>30</v>
      </c>
      <c r="F136" s="22">
        <v>8</v>
      </c>
      <c r="G136" s="23">
        <v>22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57</v>
      </c>
      <c r="C137" s="43">
        <v>-7</v>
      </c>
      <c r="D137" s="43">
        <v>-50</v>
      </c>
      <c r="E137" s="42">
        <v>56</v>
      </c>
      <c r="F137" s="43">
        <v>7</v>
      </c>
      <c r="G137" s="44">
        <v>49</v>
      </c>
      <c r="H137" s="43">
        <v>0</v>
      </c>
      <c r="I137" s="43">
        <v>0</v>
      </c>
      <c r="J137" s="43">
        <v>0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4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200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491</v>
      </c>
      <c r="C5" s="14">
        <v>-249</v>
      </c>
      <c r="D5" s="14">
        <v>-242</v>
      </c>
      <c r="E5" s="13">
        <v>463</v>
      </c>
      <c r="F5" s="14">
        <v>246</v>
      </c>
      <c r="G5" s="15">
        <v>217</v>
      </c>
      <c r="H5" s="14">
        <v>1309</v>
      </c>
      <c r="I5" s="14">
        <v>706</v>
      </c>
      <c r="J5" s="14">
        <v>603</v>
      </c>
      <c r="K5" s="13">
        <v>1562</v>
      </c>
      <c r="L5" s="49">
        <v>814</v>
      </c>
      <c r="M5" s="50">
        <v>748</v>
      </c>
    </row>
    <row r="6" spans="1:13" ht="19.5" customHeight="1">
      <c r="A6" s="16" t="s">
        <v>13</v>
      </c>
      <c r="B6" s="17">
        <v>231</v>
      </c>
      <c r="C6" s="18">
        <v>114</v>
      </c>
      <c r="D6" s="18">
        <v>117</v>
      </c>
      <c r="E6" s="17">
        <v>0</v>
      </c>
      <c r="F6" s="18">
        <v>0</v>
      </c>
      <c r="G6" s="19">
        <v>0</v>
      </c>
      <c r="H6" s="18">
        <v>93</v>
      </c>
      <c r="I6" s="18">
        <v>50</v>
      </c>
      <c r="J6" s="18">
        <v>43</v>
      </c>
      <c r="K6" s="17">
        <v>87</v>
      </c>
      <c r="L6" s="51">
        <v>41</v>
      </c>
      <c r="M6" s="52">
        <v>46</v>
      </c>
    </row>
    <row r="7" spans="1:13">
      <c r="A7" s="20" t="s">
        <v>14</v>
      </c>
      <c r="B7" s="21">
        <v>224</v>
      </c>
      <c r="C7" s="22">
        <v>104</v>
      </c>
      <c r="D7" s="22">
        <v>120</v>
      </c>
      <c r="E7" s="21">
        <v>0</v>
      </c>
      <c r="F7" s="22">
        <v>0</v>
      </c>
      <c r="G7" s="23">
        <v>0</v>
      </c>
      <c r="H7" s="22">
        <v>10</v>
      </c>
      <c r="I7" s="22">
        <v>4</v>
      </c>
      <c r="J7" s="22">
        <v>6</v>
      </c>
      <c r="K7" s="21">
        <v>11</v>
      </c>
      <c r="L7" s="53">
        <v>5</v>
      </c>
      <c r="M7" s="54">
        <v>6</v>
      </c>
    </row>
    <row r="8" spans="1:13">
      <c r="A8" s="20" t="s">
        <v>15</v>
      </c>
      <c r="B8" s="21">
        <v>4</v>
      </c>
      <c r="C8" s="22">
        <v>11</v>
      </c>
      <c r="D8" s="22">
        <v>-7</v>
      </c>
      <c r="E8" s="21">
        <v>0</v>
      </c>
      <c r="F8" s="22">
        <v>0</v>
      </c>
      <c r="G8" s="23">
        <v>0</v>
      </c>
      <c r="H8" s="22">
        <v>24</v>
      </c>
      <c r="I8" s="22">
        <v>19</v>
      </c>
      <c r="J8" s="22">
        <v>5</v>
      </c>
      <c r="K8" s="21">
        <v>20</v>
      </c>
      <c r="L8" s="53">
        <v>8</v>
      </c>
      <c r="M8" s="54">
        <v>12</v>
      </c>
    </row>
    <row r="9" spans="1:13">
      <c r="A9" s="20" t="s">
        <v>16</v>
      </c>
      <c r="B9" s="21">
        <v>4</v>
      </c>
      <c r="C9" s="22">
        <v>-3</v>
      </c>
      <c r="D9" s="22">
        <v>7</v>
      </c>
      <c r="E9" s="21">
        <v>0</v>
      </c>
      <c r="F9" s="22">
        <v>0</v>
      </c>
      <c r="G9" s="23">
        <v>0</v>
      </c>
      <c r="H9" s="22">
        <v>26</v>
      </c>
      <c r="I9" s="22">
        <v>9</v>
      </c>
      <c r="J9" s="22">
        <v>17</v>
      </c>
      <c r="K9" s="21">
        <v>22</v>
      </c>
      <c r="L9" s="53">
        <v>12</v>
      </c>
      <c r="M9" s="54">
        <v>10</v>
      </c>
    </row>
    <row r="10" spans="1:13">
      <c r="A10" s="20" t="s">
        <v>17</v>
      </c>
      <c r="B10" s="21">
        <v>-1</v>
      </c>
      <c r="C10" s="22">
        <v>1</v>
      </c>
      <c r="D10" s="22">
        <v>-2</v>
      </c>
      <c r="E10" s="21">
        <v>0</v>
      </c>
      <c r="F10" s="22">
        <v>0</v>
      </c>
      <c r="G10" s="23">
        <v>0</v>
      </c>
      <c r="H10" s="22">
        <v>12</v>
      </c>
      <c r="I10" s="22">
        <v>7</v>
      </c>
      <c r="J10" s="22">
        <v>5</v>
      </c>
      <c r="K10" s="21">
        <v>13</v>
      </c>
      <c r="L10" s="53">
        <v>6</v>
      </c>
      <c r="M10" s="54">
        <v>7</v>
      </c>
    </row>
    <row r="11" spans="1:13">
      <c r="A11" s="20" t="s">
        <v>18</v>
      </c>
      <c r="B11" s="21">
        <v>0</v>
      </c>
      <c r="C11" s="22">
        <v>1</v>
      </c>
      <c r="D11" s="22">
        <v>-1</v>
      </c>
      <c r="E11" s="21">
        <v>0</v>
      </c>
      <c r="F11" s="22">
        <v>0</v>
      </c>
      <c r="G11" s="23">
        <v>0</v>
      </c>
      <c r="H11" s="22">
        <v>21</v>
      </c>
      <c r="I11" s="22">
        <v>11</v>
      </c>
      <c r="J11" s="22">
        <v>10</v>
      </c>
      <c r="K11" s="21">
        <v>21</v>
      </c>
      <c r="L11" s="53">
        <v>10</v>
      </c>
      <c r="M11" s="54">
        <v>11</v>
      </c>
    </row>
    <row r="12" spans="1:13" ht="20.100000000000001" customHeight="1">
      <c r="A12" s="16" t="s">
        <v>19</v>
      </c>
      <c r="B12" s="17">
        <v>-10</v>
      </c>
      <c r="C12" s="18">
        <v>-3</v>
      </c>
      <c r="D12" s="18">
        <v>-7</v>
      </c>
      <c r="E12" s="17">
        <v>0</v>
      </c>
      <c r="F12" s="18">
        <v>0</v>
      </c>
      <c r="G12" s="19">
        <v>0</v>
      </c>
      <c r="H12" s="18">
        <v>36</v>
      </c>
      <c r="I12" s="18">
        <v>19</v>
      </c>
      <c r="J12" s="18">
        <v>17</v>
      </c>
      <c r="K12" s="17">
        <v>46</v>
      </c>
      <c r="L12" s="51">
        <v>22</v>
      </c>
      <c r="M12" s="52">
        <v>24</v>
      </c>
    </row>
    <row r="13" spans="1:13">
      <c r="A13" s="20" t="s">
        <v>20</v>
      </c>
      <c r="B13" s="21">
        <v>-3</v>
      </c>
      <c r="C13" s="22">
        <v>0</v>
      </c>
      <c r="D13" s="22">
        <v>-3</v>
      </c>
      <c r="E13" s="21">
        <v>0</v>
      </c>
      <c r="F13" s="22">
        <v>0</v>
      </c>
      <c r="G13" s="23">
        <v>0</v>
      </c>
      <c r="H13" s="22">
        <v>9</v>
      </c>
      <c r="I13" s="22">
        <v>7</v>
      </c>
      <c r="J13" s="22">
        <v>2</v>
      </c>
      <c r="K13" s="21">
        <v>12</v>
      </c>
      <c r="L13" s="53">
        <v>7</v>
      </c>
      <c r="M13" s="54">
        <v>5</v>
      </c>
    </row>
    <row r="14" spans="1:13">
      <c r="A14" s="20" t="s">
        <v>21</v>
      </c>
      <c r="B14" s="21">
        <v>4</v>
      </c>
      <c r="C14" s="22">
        <v>3</v>
      </c>
      <c r="D14" s="22">
        <v>1</v>
      </c>
      <c r="E14" s="21">
        <v>0</v>
      </c>
      <c r="F14" s="22">
        <v>0</v>
      </c>
      <c r="G14" s="23">
        <v>0</v>
      </c>
      <c r="H14" s="22">
        <v>15</v>
      </c>
      <c r="I14" s="22">
        <v>7</v>
      </c>
      <c r="J14" s="22">
        <v>8</v>
      </c>
      <c r="K14" s="21">
        <v>11</v>
      </c>
      <c r="L14" s="53">
        <v>4</v>
      </c>
      <c r="M14" s="54">
        <v>7</v>
      </c>
    </row>
    <row r="15" spans="1:13">
      <c r="A15" s="20" t="s">
        <v>22</v>
      </c>
      <c r="B15" s="21">
        <v>-3</v>
      </c>
      <c r="C15" s="22">
        <v>-1</v>
      </c>
      <c r="D15" s="22">
        <v>-2</v>
      </c>
      <c r="E15" s="21">
        <v>0</v>
      </c>
      <c r="F15" s="22">
        <v>0</v>
      </c>
      <c r="G15" s="23">
        <v>0</v>
      </c>
      <c r="H15" s="22">
        <v>7</v>
      </c>
      <c r="I15" s="22">
        <v>3</v>
      </c>
      <c r="J15" s="22">
        <v>4</v>
      </c>
      <c r="K15" s="21">
        <v>10</v>
      </c>
      <c r="L15" s="53">
        <v>4</v>
      </c>
      <c r="M15" s="54">
        <v>6</v>
      </c>
    </row>
    <row r="16" spans="1:13">
      <c r="A16" s="20" t="s">
        <v>23</v>
      </c>
      <c r="B16" s="21">
        <v>-3</v>
      </c>
      <c r="C16" s="22">
        <v>-2</v>
      </c>
      <c r="D16" s="22">
        <v>-1</v>
      </c>
      <c r="E16" s="21">
        <v>0</v>
      </c>
      <c r="F16" s="22">
        <v>0</v>
      </c>
      <c r="G16" s="23">
        <v>0</v>
      </c>
      <c r="H16" s="22">
        <v>2</v>
      </c>
      <c r="I16" s="22">
        <v>0</v>
      </c>
      <c r="J16" s="22">
        <v>2</v>
      </c>
      <c r="K16" s="21">
        <v>5</v>
      </c>
      <c r="L16" s="53">
        <v>2</v>
      </c>
      <c r="M16" s="54">
        <v>3</v>
      </c>
    </row>
    <row r="17" spans="1:13">
      <c r="A17" s="20" t="s">
        <v>24</v>
      </c>
      <c r="B17" s="21">
        <v>-5</v>
      </c>
      <c r="C17" s="22">
        <v>-3</v>
      </c>
      <c r="D17" s="22">
        <v>-2</v>
      </c>
      <c r="E17" s="21">
        <v>0</v>
      </c>
      <c r="F17" s="22">
        <v>0</v>
      </c>
      <c r="G17" s="23">
        <v>0</v>
      </c>
      <c r="H17" s="22">
        <v>3</v>
      </c>
      <c r="I17" s="22">
        <v>2</v>
      </c>
      <c r="J17" s="22">
        <v>1</v>
      </c>
      <c r="K17" s="21">
        <v>8</v>
      </c>
      <c r="L17" s="53">
        <v>5</v>
      </c>
      <c r="M17" s="54">
        <v>3</v>
      </c>
    </row>
    <row r="18" spans="1:13" ht="20.100000000000001" customHeight="1">
      <c r="A18" s="16" t="s">
        <v>25</v>
      </c>
      <c r="B18" s="17">
        <v>3</v>
      </c>
      <c r="C18" s="18">
        <v>5</v>
      </c>
      <c r="D18" s="18">
        <v>-2</v>
      </c>
      <c r="E18" s="17">
        <v>0</v>
      </c>
      <c r="F18" s="18">
        <v>0</v>
      </c>
      <c r="G18" s="19">
        <v>0</v>
      </c>
      <c r="H18" s="18">
        <v>24</v>
      </c>
      <c r="I18" s="18">
        <v>15</v>
      </c>
      <c r="J18" s="18">
        <v>9</v>
      </c>
      <c r="K18" s="17">
        <v>21</v>
      </c>
      <c r="L18" s="51">
        <v>10</v>
      </c>
      <c r="M18" s="52">
        <v>11</v>
      </c>
    </row>
    <row r="19" spans="1:13">
      <c r="A19" s="20" t="s">
        <v>26</v>
      </c>
      <c r="B19" s="21">
        <v>3</v>
      </c>
      <c r="C19" s="22">
        <v>2</v>
      </c>
      <c r="D19" s="22">
        <v>1</v>
      </c>
      <c r="E19" s="21">
        <v>0</v>
      </c>
      <c r="F19" s="22">
        <v>0</v>
      </c>
      <c r="G19" s="23">
        <v>0</v>
      </c>
      <c r="H19" s="22">
        <v>8</v>
      </c>
      <c r="I19" s="22">
        <v>4</v>
      </c>
      <c r="J19" s="22">
        <v>4</v>
      </c>
      <c r="K19" s="21">
        <v>5</v>
      </c>
      <c r="L19" s="53">
        <v>2</v>
      </c>
      <c r="M19" s="54">
        <v>3</v>
      </c>
    </row>
    <row r="20" spans="1:13">
      <c r="A20" s="20" t="s">
        <v>27</v>
      </c>
      <c r="B20" s="21">
        <v>-1</v>
      </c>
      <c r="C20" s="22">
        <v>1</v>
      </c>
      <c r="D20" s="22">
        <v>-2</v>
      </c>
      <c r="E20" s="21">
        <v>0</v>
      </c>
      <c r="F20" s="22">
        <v>0</v>
      </c>
      <c r="G20" s="23">
        <v>0</v>
      </c>
      <c r="H20" s="22">
        <v>3</v>
      </c>
      <c r="I20" s="22">
        <v>3</v>
      </c>
      <c r="J20" s="22">
        <v>0</v>
      </c>
      <c r="K20" s="21">
        <v>4</v>
      </c>
      <c r="L20" s="53">
        <v>2</v>
      </c>
      <c r="M20" s="54">
        <v>2</v>
      </c>
    </row>
    <row r="21" spans="1:13">
      <c r="A21" s="20" t="s">
        <v>28</v>
      </c>
      <c r="B21" s="21">
        <v>3</v>
      </c>
      <c r="C21" s="22">
        <v>0</v>
      </c>
      <c r="D21" s="22">
        <v>3</v>
      </c>
      <c r="E21" s="21">
        <v>0</v>
      </c>
      <c r="F21" s="22">
        <v>0</v>
      </c>
      <c r="G21" s="23">
        <v>0</v>
      </c>
      <c r="H21" s="22">
        <v>7</v>
      </c>
      <c r="I21" s="22">
        <v>3</v>
      </c>
      <c r="J21" s="22">
        <v>4</v>
      </c>
      <c r="K21" s="21">
        <v>4</v>
      </c>
      <c r="L21" s="53">
        <v>3</v>
      </c>
      <c r="M21" s="54">
        <v>1</v>
      </c>
    </row>
    <row r="22" spans="1:13">
      <c r="A22" s="20" t="s">
        <v>29</v>
      </c>
      <c r="B22" s="21">
        <v>-3</v>
      </c>
      <c r="C22" s="22">
        <v>0</v>
      </c>
      <c r="D22" s="22">
        <v>-3</v>
      </c>
      <c r="E22" s="21">
        <v>0</v>
      </c>
      <c r="F22" s="22">
        <v>0</v>
      </c>
      <c r="G22" s="23">
        <v>0</v>
      </c>
      <c r="H22" s="22">
        <v>2</v>
      </c>
      <c r="I22" s="22">
        <v>2</v>
      </c>
      <c r="J22" s="22">
        <v>0</v>
      </c>
      <c r="K22" s="21">
        <v>5</v>
      </c>
      <c r="L22" s="53">
        <v>2</v>
      </c>
      <c r="M22" s="54">
        <v>3</v>
      </c>
    </row>
    <row r="23" spans="1:13">
      <c r="A23" s="20" t="s">
        <v>30</v>
      </c>
      <c r="B23" s="21">
        <v>1</v>
      </c>
      <c r="C23" s="22">
        <v>2</v>
      </c>
      <c r="D23" s="22">
        <v>-1</v>
      </c>
      <c r="E23" s="21">
        <v>0</v>
      </c>
      <c r="F23" s="22">
        <v>0</v>
      </c>
      <c r="G23" s="23">
        <v>0</v>
      </c>
      <c r="H23" s="22">
        <v>4</v>
      </c>
      <c r="I23" s="22">
        <v>3</v>
      </c>
      <c r="J23" s="22">
        <v>1</v>
      </c>
      <c r="K23" s="21">
        <v>3</v>
      </c>
      <c r="L23" s="53">
        <v>1</v>
      </c>
      <c r="M23" s="54">
        <v>2</v>
      </c>
    </row>
    <row r="24" spans="1:13" ht="20.100000000000001" customHeight="1">
      <c r="A24" s="16" t="s">
        <v>31</v>
      </c>
      <c r="B24" s="17">
        <v>-15</v>
      </c>
      <c r="C24" s="18">
        <v>1</v>
      </c>
      <c r="D24" s="18">
        <v>-16</v>
      </c>
      <c r="E24" s="17">
        <v>0</v>
      </c>
      <c r="F24" s="18">
        <v>0</v>
      </c>
      <c r="G24" s="19">
        <v>0</v>
      </c>
      <c r="H24" s="18">
        <v>41</v>
      </c>
      <c r="I24" s="18">
        <v>24</v>
      </c>
      <c r="J24" s="18">
        <v>17</v>
      </c>
      <c r="K24" s="17">
        <v>56</v>
      </c>
      <c r="L24" s="51">
        <v>23</v>
      </c>
      <c r="M24" s="52">
        <v>33</v>
      </c>
    </row>
    <row r="25" spans="1:13">
      <c r="A25" s="20" t="s">
        <v>32</v>
      </c>
      <c r="B25" s="21">
        <v>1</v>
      </c>
      <c r="C25" s="22">
        <v>1</v>
      </c>
      <c r="D25" s="22">
        <v>0</v>
      </c>
      <c r="E25" s="21">
        <v>0</v>
      </c>
      <c r="F25" s="22">
        <v>0</v>
      </c>
      <c r="G25" s="23">
        <v>0</v>
      </c>
      <c r="H25" s="22">
        <v>5</v>
      </c>
      <c r="I25" s="22">
        <v>2</v>
      </c>
      <c r="J25" s="22">
        <v>3</v>
      </c>
      <c r="K25" s="21">
        <v>4</v>
      </c>
      <c r="L25" s="53">
        <v>1</v>
      </c>
      <c r="M25" s="54">
        <v>3</v>
      </c>
    </row>
    <row r="26" spans="1:13">
      <c r="A26" s="20" t="s">
        <v>33</v>
      </c>
      <c r="B26" s="21">
        <v>-6</v>
      </c>
      <c r="C26" s="22">
        <v>-2</v>
      </c>
      <c r="D26" s="22">
        <v>-4</v>
      </c>
      <c r="E26" s="21">
        <v>0</v>
      </c>
      <c r="F26" s="22">
        <v>0</v>
      </c>
      <c r="G26" s="23">
        <v>0</v>
      </c>
      <c r="H26" s="22">
        <v>2</v>
      </c>
      <c r="I26" s="22">
        <v>1</v>
      </c>
      <c r="J26" s="22">
        <v>1</v>
      </c>
      <c r="K26" s="21">
        <v>8</v>
      </c>
      <c r="L26" s="53">
        <v>3</v>
      </c>
      <c r="M26" s="54">
        <v>5</v>
      </c>
    </row>
    <row r="27" spans="1:13">
      <c r="A27" s="20" t="s">
        <v>34</v>
      </c>
      <c r="B27" s="21">
        <v>0</v>
      </c>
      <c r="C27" s="22">
        <v>1</v>
      </c>
      <c r="D27" s="22">
        <v>-1</v>
      </c>
      <c r="E27" s="21">
        <v>0</v>
      </c>
      <c r="F27" s="22">
        <v>0</v>
      </c>
      <c r="G27" s="23">
        <v>0</v>
      </c>
      <c r="H27" s="22">
        <v>5</v>
      </c>
      <c r="I27" s="22">
        <v>3</v>
      </c>
      <c r="J27" s="22">
        <v>2</v>
      </c>
      <c r="K27" s="21">
        <v>5</v>
      </c>
      <c r="L27" s="53">
        <v>2</v>
      </c>
      <c r="M27" s="54">
        <v>3</v>
      </c>
    </row>
    <row r="28" spans="1:13">
      <c r="A28" s="20" t="s">
        <v>35</v>
      </c>
      <c r="B28" s="21">
        <v>3</v>
      </c>
      <c r="C28" s="22">
        <v>1</v>
      </c>
      <c r="D28" s="22">
        <v>2</v>
      </c>
      <c r="E28" s="21">
        <v>0</v>
      </c>
      <c r="F28" s="22">
        <v>0</v>
      </c>
      <c r="G28" s="23">
        <v>0</v>
      </c>
      <c r="H28" s="22">
        <v>13</v>
      </c>
      <c r="I28" s="22">
        <v>5</v>
      </c>
      <c r="J28" s="22">
        <v>8</v>
      </c>
      <c r="K28" s="21">
        <v>10</v>
      </c>
      <c r="L28" s="53">
        <v>4</v>
      </c>
      <c r="M28" s="54">
        <v>6</v>
      </c>
    </row>
    <row r="29" spans="1:13">
      <c r="A29" s="20" t="s">
        <v>36</v>
      </c>
      <c r="B29" s="21">
        <v>-13</v>
      </c>
      <c r="C29" s="22">
        <v>0</v>
      </c>
      <c r="D29" s="22">
        <v>-13</v>
      </c>
      <c r="E29" s="21">
        <v>0</v>
      </c>
      <c r="F29" s="22">
        <v>0</v>
      </c>
      <c r="G29" s="23">
        <v>0</v>
      </c>
      <c r="H29" s="22">
        <v>16</v>
      </c>
      <c r="I29" s="22">
        <v>13</v>
      </c>
      <c r="J29" s="22">
        <v>3</v>
      </c>
      <c r="K29" s="21">
        <v>29</v>
      </c>
      <c r="L29" s="53">
        <v>13</v>
      </c>
      <c r="M29" s="54">
        <v>16</v>
      </c>
    </row>
    <row r="30" spans="1:13" ht="20.100000000000001" customHeight="1">
      <c r="A30" s="16" t="s">
        <v>37</v>
      </c>
      <c r="B30" s="17">
        <v>-115</v>
      </c>
      <c r="C30" s="18">
        <v>-58</v>
      </c>
      <c r="D30" s="18">
        <v>-57</v>
      </c>
      <c r="E30" s="17">
        <v>0</v>
      </c>
      <c r="F30" s="18">
        <v>0</v>
      </c>
      <c r="G30" s="19">
        <v>0</v>
      </c>
      <c r="H30" s="18">
        <v>146</v>
      </c>
      <c r="I30" s="18">
        <v>76</v>
      </c>
      <c r="J30" s="18">
        <v>70</v>
      </c>
      <c r="K30" s="17">
        <v>261</v>
      </c>
      <c r="L30" s="51">
        <v>134</v>
      </c>
      <c r="M30" s="52">
        <v>127</v>
      </c>
    </row>
    <row r="31" spans="1:13">
      <c r="A31" s="20" t="s">
        <v>38</v>
      </c>
      <c r="B31" s="21">
        <v>-3</v>
      </c>
      <c r="C31" s="22">
        <v>-4</v>
      </c>
      <c r="D31" s="22">
        <v>1</v>
      </c>
      <c r="E31" s="21">
        <v>0</v>
      </c>
      <c r="F31" s="22">
        <v>0</v>
      </c>
      <c r="G31" s="23">
        <v>0</v>
      </c>
      <c r="H31" s="22">
        <v>20</v>
      </c>
      <c r="I31" s="22">
        <v>6</v>
      </c>
      <c r="J31" s="22">
        <v>14</v>
      </c>
      <c r="K31" s="21">
        <v>23</v>
      </c>
      <c r="L31" s="53">
        <v>10</v>
      </c>
      <c r="M31" s="54">
        <v>13</v>
      </c>
    </row>
    <row r="32" spans="1:13">
      <c r="A32" s="20" t="s">
        <v>39</v>
      </c>
      <c r="B32" s="21">
        <v>-24</v>
      </c>
      <c r="C32" s="22">
        <v>-5</v>
      </c>
      <c r="D32" s="22">
        <v>-19</v>
      </c>
      <c r="E32" s="21">
        <v>0</v>
      </c>
      <c r="F32" s="22">
        <v>0</v>
      </c>
      <c r="G32" s="23">
        <v>0</v>
      </c>
      <c r="H32" s="22">
        <v>19</v>
      </c>
      <c r="I32" s="22">
        <v>11</v>
      </c>
      <c r="J32" s="22">
        <v>8</v>
      </c>
      <c r="K32" s="21">
        <v>43</v>
      </c>
      <c r="L32" s="53">
        <v>16</v>
      </c>
      <c r="M32" s="54">
        <v>27</v>
      </c>
    </row>
    <row r="33" spans="1:13">
      <c r="A33" s="20" t="s">
        <v>40</v>
      </c>
      <c r="B33" s="21">
        <v>-33</v>
      </c>
      <c r="C33" s="22">
        <v>-17</v>
      </c>
      <c r="D33" s="22">
        <v>-16</v>
      </c>
      <c r="E33" s="21">
        <v>0</v>
      </c>
      <c r="F33" s="22">
        <v>0</v>
      </c>
      <c r="G33" s="23">
        <v>0</v>
      </c>
      <c r="H33" s="22">
        <v>22</v>
      </c>
      <c r="I33" s="22">
        <v>13</v>
      </c>
      <c r="J33" s="22">
        <v>9</v>
      </c>
      <c r="K33" s="21">
        <v>55</v>
      </c>
      <c r="L33" s="53">
        <v>30</v>
      </c>
      <c r="M33" s="54">
        <v>25</v>
      </c>
    </row>
    <row r="34" spans="1:13">
      <c r="A34" s="20" t="s">
        <v>41</v>
      </c>
      <c r="B34" s="21">
        <v>-45</v>
      </c>
      <c r="C34" s="22">
        <v>-26</v>
      </c>
      <c r="D34" s="22">
        <v>-19</v>
      </c>
      <c r="E34" s="21">
        <v>0</v>
      </c>
      <c r="F34" s="22">
        <v>0</v>
      </c>
      <c r="G34" s="23">
        <v>0</v>
      </c>
      <c r="H34" s="22">
        <v>46</v>
      </c>
      <c r="I34" s="22">
        <v>24</v>
      </c>
      <c r="J34" s="22">
        <v>22</v>
      </c>
      <c r="K34" s="21">
        <v>91</v>
      </c>
      <c r="L34" s="53">
        <v>50</v>
      </c>
      <c r="M34" s="54">
        <v>41</v>
      </c>
    </row>
    <row r="35" spans="1:13">
      <c r="A35" s="20" t="s">
        <v>42</v>
      </c>
      <c r="B35" s="21">
        <v>-10</v>
      </c>
      <c r="C35" s="22">
        <v>-6</v>
      </c>
      <c r="D35" s="22">
        <v>-4</v>
      </c>
      <c r="E35" s="21">
        <v>0</v>
      </c>
      <c r="F35" s="22">
        <v>0</v>
      </c>
      <c r="G35" s="23">
        <v>0</v>
      </c>
      <c r="H35" s="22">
        <v>39</v>
      </c>
      <c r="I35" s="22">
        <v>22</v>
      </c>
      <c r="J35" s="22">
        <v>17</v>
      </c>
      <c r="K35" s="21">
        <v>49</v>
      </c>
      <c r="L35" s="53">
        <v>28</v>
      </c>
      <c r="M35" s="54">
        <v>21</v>
      </c>
    </row>
    <row r="36" spans="1:13" ht="20.100000000000001" customHeight="1">
      <c r="A36" s="16" t="s">
        <v>43</v>
      </c>
      <c r="B36" s="17">
        <v>-102</v>
      </c>
      <c r="C36" s="18">
        <v>-27</v>
      </c>
      <c r="D36" s="18">
        <v>-75</v>
      </c>
      <c r="E36" s="17">
        <v>0</v>
      </c>
      <c r="F36" s="18">
        <v>0</v>
      </c>
      <c r="G36" s="19">
        <v>0</v>
      </c>
      <c r="H36" s="18">
        <v>213</v>
      </c>
      <c r="I36" s="18">
        <v>127</v>
      </c>
      <c r="J36" s="18">
        <v>86</v>
      </c>
      <c r="K36" s="17">
        <v>315</v>
      </c>
      <c r="L36" s="51">
        <v>154</v>
      </c>
      <c r="M36" s="52">
        <v>161</v>
      </c>
    </row>
    <row r="37" spans="1:13">
      <c r="A37" s="20" t="s">
        <v>44</v>
      </c>
      <c r="B37" s="21">
        <v>-21</v>
      </c>
      <c r="C37" s="22">
        <v>-1</v>
      </c>
      <c r="D37" s="22">
        <v>-20</v>
      </c>
      <c r="E37" s="21">
        <v>0</v>
      </c>
      <c r="F37" s="22">
        <v>0</v>
      </c>
      <c r="G37" s="23">
        <v>0</v>
      </c>
      <c r="H37" s="22">
        <v>50</v>
      </c>
      <c r="I37" s="22">
        <v>34</v>
      </c>
      <c r="J37" s="22">
        <v>16</v>
      </c>
      <c r="K37" s="21">
        <v>71</v>
      </c>
      <c r="L37" s="53">
        <v>35</v>
      </c>
      <c r="M37" s="54">
        <v>36</v>
      </c>
    </row>
    <row r="38" spans="1:13">
      <c r="A38" s="20" t="s">
        <v>45</v>
      </c>
      <c r="B38" s="21">
        <v>-26</v>
      </c>
      <c r="C38" s="22">
        <v>-11</v>
      </c>
      <c r="D38" s="22">
        <v>-15</v>
      </c>
      <c r="E38" s="21">
        <v>0</v>
      </c>
      <c r="F38" s="22">
        <v>0</v>
      </c>
      <c r="G38" s="23">
        <v>0</v>
      </c>
      <c r="H38" s="22">
        <v>39</v>
      </c>
      <c r="I38" s="22">
        <v>22</v>
      </c>
      <c r="J38" s="22">
        <v>17</v>
      </c>
      <c r="K38" s="21">
        <v>65</v>
      </c>
      <c r="L38" s="53">
        <v>33</v>
      </c>
      <c r="M38" s="54">
        <v>32</v>
      </c>
    </row>
    <row r="39" spans="1:13">
      <c r="A39" s="20" t="s">
        <v>46</v>
      </c>
      <c r="B39" s="21">
        <v>-16</v>
      </c>
      <c r="C39" s="22">
        <v>-6</v>
      </c>
      <c r="D39" s="22">
        <v>-10</v>
      </c>
      <c r="E39" s="21">
        <v>0</v>
      </c>
      <c r="F39" s="22">
        <v>0</v>
      </c>
      <c r="G39" s="23">
        <v>0</v>
      </c>
      <c r="H39" s="22">
        <v>36</v>
      </c>
      <c r="I39" s="22">
        <v>20</v>
      </c>
      <c r="J39" s="22">
        <v>16</v>
      </c>
      <c r="K39" s="21">
        <v>52</v>
      </c>
      <c r="L39" s="53">
        <v>26</v>
      </c>
      <c r="M39" s="54">
        <v>26</v>
      </c>
    </row>
    <row r="40" spans="1:13">
      <c r="A40" s="20" t="s">
        <v>47</v>
      </c>
      <c r="B40" s="21">
        <v>-33</v>
      </c>
      <c r="C40" s="22">
        <v>-10</v>
      </c>
      <c r="D40" s="22">
        <v>-23</v>
      </c>
      <c r="E40" s="21">
        <v>0</v>
      </c>
      <c r="F40" s="22">
        <v>0</v>
      </c>
      <c r="G40" s="23">
        <v>0</v>
      </c>
      <c r="H40" s="22">
        <v>44</v>
      </c>
      <c r="I40" s="22">
        <v>25</v>
      </c>
      <c r="J40" s="22">
        <v>19</v>
      </c>
      <c r="K40" s="21">
        <v>77</v>
      </c>
      <c r="L40" s="53">
        <v>35</v>
      </c>
      <c r="M40" s="54">
        <v>42</v>
      </c>
    </row>
    <row r="41" spans="1:13">
      <c r="A41" s="20" t="s">
        <v>48</v>
      </c>
      <c r="B41" s="21">
        <v>-6</v>
      </c>
      <c r="C41" s="22">
        <v>1</v>
      </c>
      <c r="D41" s="22">
        <v>-7</v>
      </c>
      <c r="E41" s="21">
        <v>0</v>
      </c>
      <c r="F41" s="22">
        <v>0</v>
      </c>
      <c r="G41" s="23">
        <v>0</v>
      </c>
      <c r="H41" s="22">
        <v>44</v>
      </c>
      <c r="I41" s="22">
        <v>26</v>
      </c>
      <c r="J41" s="22">
        <v>18</v>
      </c>
      <c r="K41" s="21">
        <v>50</v>
      </c>
      <c r="L41" s="53">
        <v>25</v>
      </c>
      <c r="M41" s="54">
        <v>25</v>
      </c>
    </row>
    <row r="42" spans="1:13" ht="20.100000000000001" customHeight="1">
      <c r="A42" s="16" t="s">
        <v>49</v>
      </c>
      <c r="B42" s="17">
        <v>-30</v>
      </c>
      <c r="C42" s="18">
        <v>-21</v>
      </c>
      <c r="D42" s="18">
        <v>-9</v>
      </c>
      <c r="E42" s="17">
        <v>2</v>
      </c>
      <c r="F42" s="18">
        <v>1</v>
      </c>
      <c r="G42" s="19">
        <v>1</v>
      </c>
      <c r="H42" s="18">
        <v>163</v>
      </c>
      <c r="I42" s="18">
        <v>88</v>
      </c>
      <c r="J42" s="18">
        <v>75</v>
      </c>
      <c r="K42" s="17">
        <v>191</v>
      </c>
      <c r="L42" s="51">
        <v>108</v>
      </c>
      <c r="M42" s="52">
        <v>83</v>
      </c>
    </row>
    <row r="43" spans="1:13">
      <c r="A43" s="20" t="s">
        <v>50</v>
      </c>
      <c r="B43" s="21">
        <v>-8</v>
      </c>
      <c r="C43" s="22">
        <v>-9</v>
      </c>
      <c r="D43" s="22">
        <v>1</v>
      </c>
      <c r="E43" s="21">
        <v>1</v>
      </c>
      <c r="F43" s="22">
        <v>1</v>
      </c>
      <c r="G43" s="23">
        <v>0</v>
      </c>
      <c r="H43" s="22">
        <v>42</v>
      </c>
      <c r="I43" s="22">
        <v>18</v>
      </c>
      <c r="J43" s="22">
        <v>24</v>
      </c>
      <c r="K43" s="21">
        <v>49</v>
      </c>
      <c r="L43" s="53">
        <v>26</v>
      </c>
      <c r="M43" s="54">
        <v>23</v>
      </c>
    </row>
    <row r="44" spans="1:13">
      <c r="A44" s="20" t="s">
        <v>51</v>
      </c>
      <c r="B44" s="21">
        <v>-9</v>
      </c>
      <c r="C44" s="22">
        <v>-6</v>
      </c>
      <c r="D44" s="22">
        <v>-3</v>
      </c>
      <c r="E44" s="21">
        <v>0</v>
      </c>
      <c r="F44" s="22">
        <v>0</v>
      </c>
      <c r="G44" s="23">
        <v>0</v>
      </c>
      <c r="H44" s="22">
        <v>27</v>
      </c>
      <c r="I44" s="22">
        <v>15</v>
      </c>
      <c r="J44" s="22">
        <v>12</v>
      </c>
      <c r="K44" s="21">
        <v>36</v>
      </c>
      <c r="L44" s="53">
        <v>21</v>
      </c>
      <c r="M44" s="54">
        <v>15</v>
      </c>
    </row>
    <row r="45" spans="1:13">
      <c r="A45" s="20" t="s">
        <v>52</v>
      </c>
      <c r="B45" s="21">
        <v>-12</v>
      </c>
      <c r="C45" s="22">
        <v>-8</v>
      </c>
      <c r="D45" s="22">
        <v>-4</v>
      </c>
      <c r="E45" s="21">
        <v>0</v>
      </c>
      <c r="F45" s="22">
        <v>0</v>
      </c>
      <c r="G45" s="23">
        <v>0</v>
      </c>
      <c r="H45" s="22">
        <v>28</v>
      </c>
      <c r="I45" s="22">
        <v>17</v>
      </c>
      <c r="J45" s="22">
        <v>11</v>
      </c>
      <c r="K45" s="21">
        <v>40</v>
      </c>
      <c r="L45" s="53">
        <v>25</v>
      </c>
      <c r="M45" s="54">
        <v>15</v>
      </c>
    </row>
    <row r="46" spans="1:13">
      <c r="A46" s="20" t="s">
        <v>53</v>
      </c>
      <c r="B46" s="21">
        <v>2</v>
      </c>
      <c r="C46" s="22">
        <v>5</v>
      </c>
      <c r="D46" s="22">
        <v>-3</v>
      </c>
      <c r="E46" s="21">
        <v>1</v>
      </c>
      <c r="F46" s="22">
        <v>0</v>
      </c>
      <c r="G46" s="23">
        <v>1</v>
      </c>
      <c r="H46" s="22">
        <v>34</v>
      </c>
      <c r="I46" s="22">
        <v>20</v>
      </c>
      <c r="J46" s="22">
        <v>14</v>
      </c>
      <c r="K46" s="21">
        <v>31</v>
      </c>
      <c r="L46" s="53">
        <v>15</v>
      </c>
      <c r="M46" s="54">
        <v>16</v>
      </c>
    </row>
    <row r="47" spans="1:13">
      <c r="A47" s="20" t="s">
        <v>54</v>
      </c>
      <c r="B47" s="21">
        <v>-3</v>
      </c>
      <c r="C47" s="22">
        <v>-3</v>
      </c>
      <c r="D47" s="22">
        <v>0</v>
      </c>
      <c r="E47" s="21">
        <v>0</v>
      </c>
      <c r="F47" s="22">
        <v>0</v>
      </c>
      <c r="G47" s="23">
        <v>0</v>
      </c>
      <c r="H47" s="22">
        <v>32</v>
      </c>
      <c r="I47" s="22">
        <v>18</v>
      </c>
      <c r="J47" s="22">
        <v>14</v>
      </c>
      <c r="K47" s="21">
        <v>35</v>
      </c>
      <c r="L47" s="53">
        <v>21</v>
      </c>
      <c r="M47" s="54">
        <v>14</v>
      </c>
    </row>
    <row r="48" spans="1:13" ht="20.100000000000001" customHeight="1">
      <c r="A48" s="16" t="s">
        <v>55</v>
      </c>
      <c r="B48" s="17">
        <v>-13</v>
      </c>
      <c r="C48" s="18">
        <v>-15</v>
      </c>
      <c r="D48" s="18">
        <v>2</v>
      </c>
      <c r="E48" s="17">
        <v>2</v>
      </c>
      <c r="F48" s="18">
        <v>2</v>
      </c>
      <c r="G48" s="19">
        <v>0</v>
      </c>
      <c r="H48" s="18">
        <v>133</v>
      </c>
      <c r="I48" s="18">
        <v>74</v>
      </c>
      <c r="J48" s="18">
        <v>59</v>
      </c>
      <c r="K48" s="17">
        <v>144</v>
      </c>
      <c r="L48" s="51">
        <v>87</v>
      </c>
      <c r="M48" s="52">
        <v>57</v>
      </c>
    </row>
    <row r="49" spans="1:13">
      <c r="A49" s="20" t="s">
        <v>56</v>
      </c>
      <c r="B49" s="21">
        <v>-11</v>
      </c>
      <c r="C49" s="22">
        <v>-4</v>
      </c>
      <c r="D49" s="22">
        <v>-7</v>
      </c>
      <c r="E49" s="21">
        <v>0</v>
      </c>
      <c r="F49" s="22">
        <v>0</v>
      </c>
      <c r="G49" s="23">
        <v>0</v>
      </c>
      <c r="H49" s="22">
        <v>22</v>
      </c>
      <c r="I49" s="22">
        <v>15</v>
      </c>
      <c r="J49" s="22">
        <v>7</v>
      </c>
      <c r="K49" s="21">
        <v>33</v>
      </c>
      <c r="L49" s="53">
        <v>19</v>
      </c>
      <c r="M49" s="54">
        <v>14</v>
      </c>
    </row>
    <row r="50" spans="1:13">
      <c r="A50" s="20" t="s">
        <v>57</v>
      </c>
      <c r="B50" s="21">
        <v>-9</v>
      </c>
      <c r="C50" s="22">
        <v>-9</v>
      </c>
      <c r="D50" s="22">
        <v>0</v>
      </c>
      <c r="E50" s="21">
        <v>1</v>
      </c>
      <c r="F50" s="22">
        <v>1</v>
      </c>
      <c r="G50" s="23">
        <v>0</v>
      </c>
      <c r="H50" s="22">
        <v>27</v>
      </c>
      <c r="I50" s="22">
        <v>16</v>
      </c>
      <c r="J50" s="22">
        <v>11</v>
      </c>
      <c r="K50" s="21">
        <v>35</v>
      </c>
      <c r="L50" s="53">
        <v>24</v>
      </c>
      <c r="M50" s="54">
        <v>11</v>
      </c>
    </row>
    <row r="51" spans="1:13">
      <c r="A51" s="20" t="s">
        <v>58</v>
      </c>
      <c r="B51" s="21">
        <v>2</v>
      </c>
      <c r="C51" s="22">
        <v>1</v>
      </c>
      <c r="D51" s="22">
        <v>1</v>
      </c>
      <c r="E51" s="21">
        <v>0</v>
      </c>
      <c r="F51" s="22">
        <v>0</v>
      </c>
      <c r="G51" s="23">
        <v>0</v>
      </c>
      <c r="H51" s="22">
        <v>29</v>
      </c>
      <c r="I51" s="22">
        <v>18</v>
      </c>
      <c r="J51" s="22">
        <v>11</v>
      </c>
      <c r="K51" s="21">
        <v>27</v>
      </c>
      <c r="L51" s="53">
        <v>17</v>
      </c>
      <c r="M51" s="54">
        <v>10</v>
      </c>
    </row>
    <row r="52" spans="1:13">
      <c r="A52" s="20" t="s">
        <v>59</v>
      </c>
      <c r="B52" s="21">
        <v>2</v>
      </c>
      <c r="C52" s="22">
        <v>-1</v>
      </c>
      <c r="D52" s="22">
        <v>3</v>
      </c>
      <c r="E52" s="21">
        <v>0</v>
      </c>
      <c r="F52" s="22">
        <v>0</v>
      </c>
      <c r="G52" s="23">
        <v>0</v>
      </c>
      <c r="H52" s="22">
        <v>26</v>
      </c>
      <c r="I52" s="22">
        <v>16</v>
      </c>
      <c r="J52" s="22">
        <v>10</v>
      </c>
      <c r="K52" s="21">
        <v>24</v>
      </c>
      <c r="L52" s="53">
        <v>17</v>
      </c>
      <c r="M52" s="54">
        <v>7</v>
      </c>
    </row>
    <row r="53" spans="1:13">
      <c r="A53" s="20" t="s">
        <v>60</v>
      </c>
      <c r="B53" s="21">
        <v>3</v>
      </c>
      <c r="C53" s="22">
        <v>-2</v>
      </c>
      <c r="D53" s="22">
        <v>5</v>
      </c>
      <c r="E53" s="21">
        <v>1</v>
      </c>
      <c r="F53" s="22">
        <v>1</v>
      </c>
      <c r="G53" s="23">
        <v>0</v>
      </c>
      <c r="H53" s="22">
        <v>29</v>
      </c>
      <c r="I53" s="22">
        <v>9</v>
      </c>
      <c r="J53" s="22">
        <v>20</v>
      </c>
      <c r="K53" s="21">
        <v>25</v>
      </c>
      <c r="L53" s="53">
        <v>10</v>
      </c>
      <c r="M53" s="54">
        <v>15</v>
      </c>
    </row>
    <row r="54" spans="1:13" ht="20.100000000000001" customHeight="1">
      <c r="A54" s="16" t="s">
        <v>61</v>
      </c>
      <c r="B54" s="17">
        <v>-27</v>
      </c>
      <c r="C54" s="18">
        <v>-17</v>
      </c>
      <c r="D54" s="18">
        <v>-10</v>
      </c>
      <c r="E54" s="17">
        <v>1</v>
      </c>
      <c r="F54" s="18">
        <v>0</v>
      </c>
      <c r="G54" s="19">
        <v>1</v>
      </c>
      <c r="H54" s="18">
        <v>92</v>
      </c>
      <c r="I54" s="18">
        <v>49</v>
      </c>
      <c r="J54" s="18">
        <v>43</v>
      </c>
      <c r="K54" s="17">
        <v>118</v>
      </c>
      <c r="L54" s="51">
        <v>66</v>
      </c>
      <c r="M54" s="52">
        <v>52</v>
      </c>
    </row>
    <row r="55" spans="1:13">
      <c r="A55" s="20" t="s">
        <v>62</v>
      </c>
      <c r="B55" s="21">
        <v>-4</v>
      </c>
      <c r="C55" s="22">
        <v>-3</v>
      </c>
      <c r="D55" s="22">
        <v>-1</v>
      </c>
      <c r="E55" s="21">
        <v>0</v>
      </c>
      <c r="F55" s="22">
        <v>0</v>
      </c>
      <c r="G55" s="23">
        <v>0</v>
      </c>
      <c r="H55" s="22">
        <v>20</v>
      </c>
      <c r="I55" s="22">
        <v>11</v>
      </c>
      <c r="J55" s="22">
        <v>9</v>
      </c>
      <c r="K55" s="21">
        <v>24</v>
      </c>
      <c r="L55" s="53">
        <v>14</v>
      </c>
      <c r="M55" s="54">
        <v>10</v>
      </c>
    </row>
    <row r="56" spans="1:13">
      <c r="A56" s="20" t="s">
        <v>63</v>
      </c>
      <c r="B56" s="21">
        <v>-10</v>
      </c>
      <c r="C56" s="22">
        <v>-2</v>
      </c>
      <c r="D56" s="22">
        <v>-8</v>
      </c>
      <c r="E56" s="21">
        <v>1</v>
      </c>
      <c r="F56" s="22">
        <v>0</v>
      </c>
      <c r="G56" s="23">
        <v>1</v>
      </c>
      <c r="H56" s="22">
        <v>12</v>
      </c>
      <c r="I56" s="22">
        <v>7</v>
      </c>
      <c r="J56" s="22">
        <v>5</v>
      </c>
      <c r="K56" s="21">
        <v>21</v>
      </c>
      <c r="L56" s="53">
        <v>9</v>
      </c>
      <c r="M56" s="54">
        <v>12</v>
      </c>
    </row>
    <row r="57" spans="1:13">
      <c r="A57" s="20" t="s">
        <v>64</v>
      </c>
      <c r="B57" s="21">
        <v>-9</v>
      </c>
      <c r="C57" s="22">
        <v>-6</v>
      </c>
      <c r="D57" s="22">
        <v>-3</v>
      </c>
      <c r="E57" s="21">
        <v>0</v>
      </c>
      <c r="F57" s="22">
        <v>0</v>
      </c>
      <c r="G57" s="23">
        <v>0</v>
      </c>
      <c r="H57" s="22">
        <v>19</v>
      </c>
      <c r="I57" s="22">
        <v>11</v>
      </c>
      <c r="J57" s="22">
        <v>8</v>
      </c>
      <c r="K57" s="21">
        <v>28</v>
      </c>
      <c r="L57" s="53">
        <v>17</v>
      </c>
      <c r="M57" s="54">
        <v>11</v>
      </c>
    </row>
    <row r="58" spans="1:13">
      <c r="A58" s="20" t="s">
        <v>65</v>
      </c>
      <c r="B58" s="21">
        <v>1</v>
      </c>
      <c r="C58" s="22">
        <v>-1</v>
      </c>
      <c r="D58" s="22">
        <v>2</v>
      </c>
      <c r="E58" s="21">
        <v>0</v>
      </c>
      <c r="F58" s="22">
        <v>0</v>
      </c>
      <c r="G58" s="23">
        <v>0</v>
      </c>
      <c r="H58" s="22">
        <v>24</v>
      </c>
      <c r="I58" s="22">
        <v>12</v>
      </c>
      <c r="J58" s="22">
        <v>12</v>
      </c>
      <c r="K58" s="21">
        <v>23</v>
      </c>
      <c r="L58" s="53">
        <v>13</v>
      </c>
      <c r="M58" s="54">
        <v>10</v>
      </c>
    </row>
    <row r="59" spans="1:13">
      <c r="A59" s="20" t="s">
        <v>66</v>
      </c>
      <c r="B59" s="21">
        <v>-5</v>
      </c>
      <c r="C59" s="22">
        <v>-5</v>
      </c>
      <c r="D59" s="22">
        <v>0</v>
      </c>
      <c r="E59" s="21">
        <v>0</v>
      </c>
      <c r="F59" s="22">
        <v>0</v>
      </c>
      <c r="G59" s="23">
        <v>0</v>
      </c>
      <c r="H59" s="22">
        <v>17</v>
      </c>
      <c r="I59" s="22">
        <v>8</v>
      </c>
      <c r="J59" s="22">
        <v>9</v>
      </c>
      <c r="K59" s="21">
        <v>22</v>
      </c>
      <c r="L59" s="53">
        <v>13</v>
      </c>
      <c r="M59" s="54">
        <v>9</v>
      </c>
    </row>
    <row r="60" spans="1:13" ht="20.100000000000001" customHeight="1">
      <c r="A60" s="16" t="s">
        <v>67</v>
      </c>
      <c r="B60" s="17">
        <v>-14</v>
      </c>
      <c r="C60" s="18">
        <v>-17</v>
      </c>
      <c r="D60" s="18">
        <v>3</v>
      </c>
      <c r="E60" s="17">
        <v>7</v>
      </c>
      <c r="F60" s="18">
        <v>6</v>
      </c>
      <c r="G60" s="19">
        <v>1</v>
      </c>
      <c r="H60" s="18">
        <v>77</v>
      </c>
      <c r="I60" s="18">
        <v>42</v>
      </c>
      <c r="J60" s="18">
        <v>35</v>
      </c>
      <c r="K60" s="17">
        <v>84</v>
      </c>
      <c r="L60" s="51">
        <v>53</v>
      </c>
      <c r="M60" s="52">
        <v>31</v>
      </c>
    </row>
    <row r="61" spans="1:13">
      <c r="A61" s="20" t="s">
        <v>68</v>
      </c>
      <c r="B61" s="21">
        <v>-4</v>
      </c>
      <c r="C61" s="22">
        <v>-1</v>
      </c>
      <c r="D61" s="22">
        <v>-3</v>
      </c>
      <c r="E61" s="21">
        <v>1</v>
      </c>
      <c r="F61" s="22">
        <v>0</v>
      </c>
      <c r="G61" s="23">
        <v>1</v>
      </c>
      <c r="H61" s="22">
        <v>13</v>
      </c>
      <c r="I61" s="22">
        <v>8</v>
      </c>
      <c r="J61" s="22">
        <v>5</v>
      </c>
      <c r="K61" s="21">
        <v>16</v>
      </c>
      <c r="L61" s="53">
        <v>9</v>
      </c>
      <c r="M61" s="54">
        <v>7</v>
      </c>
    </row>
    <row r="62" spans="1:13">
      <c r="A62" s="20" t="s">
        <v>69</v>
      </c>
      <c r="B62" s="21">
        <v>8</v>
      </c>
      <c r="C62" s="22">
        <v>2</v>
      </c>
      <c r="D62" s="22">
        <v>6</v>
      </c>
      <c r="E62" s="21">
        <v>0</v>
      </c>
      <c r="F62" s="22">
        <v>0</v>
      </c>
      <c r="G62" s="23">
        <v>0</v>
      </c>
      <c r="H62" s="22">
        <v>22</v>
      </c>
      <c r="I62" s="22">
        <v>13</v>
      </c>
      <c r="J62" s="22">
        <v>9</v>
      </c>
      <c r="K62" s="21">
        <v>14</v>
      </c>
      <c r="L62" s="53">
        <v>11</v>
      </c>
      <c r="M62" s="54">
        <v>3</v>
      </c>
    </row>
    <row r="63" spans="1:13">
      <c r="A63" s="20" t="s">
        <v>70</v>
      </c>
      <c r="B63" s="21">
        <v>-4</v>
      </c>
      <c r="C63" s="22">
        <v>-3</v>
      </c>
      <c r="D63" s="22">
        <v>-1</v>
      </c>
      <c r="E63" s="21">
        <v>1</v>
      </c>
      <c r="F63" s="22">
        <v>1</v>
      </c>
      <c r="G63" s="23">
        <v>0</v>
      </c>
      <c r="H63" s="22">
        <v>13</v>
      </c>
      <c r="I63" s="22">
        <v>5</v>
      </c>
      <c r="J63" s="22">
        <v>8</v>
      </c>
      <c r="K63" s="21">
        <v>16</v>
      </c>
      <c r="L63" s="53">
        <v>7</v>
      </c>
      <c r="M63" s="54">
        <v>9</v>
      </c>
    </row>
    <row r="64" spans="1:13">
      <c r="A64" s="20" t="s">
        <v>71</v>
      </c>
      <c r="B64" s="21">
        <v>-8</v>
      </c>
      <c r="C64" s="22">
        <v>-8</v>
      </c>
      <c r="D64" s="22">
        <v>0</v>
      </c>
      <c r="E64" s="21">
        <v>3</v>
      </c>
      <c r="F64" s="22">
        <v>3</v>
      </c>
      <c r="G64" s="23">
        <v>0</v>
      </c>
      <c r="H64" s="22">
        <v>17</v>
      </c>
      <c r="I64" s="22">
        <v>10</v>
      </c>
      <c r="J64" s="22">
        <v>7</v>
      </c>
      <c r="K64" s="21">
        <v>22</v>
      </c>
      <c r="L64" s="53">
        <v>15</v>
      </c>
      <c r="M64" s="54">
        <v>7</v>
      </c>
    </row>
    <row r="65" spans="1:13">
      <c r="A65" s="24" t="s">
        <v>72</v>
      </c>
      <c r="B65" s="25">
        <v>-6</v>
      </c>
      <c r="C65" s="26">
        <v>-7</v>
      </c>
      <c r="D65" s="26">
        <v>1</v>
      </c>
      <c r="E65" s="25">
        <v>2</v>
      </c>
      <c r="F65" s="26">
        <v>2</v>
      </c>
      <c r="G65" s="27">
        <v>0</v>
      </c>
      <c r="H65" s="26">
        <v>12</v>
      </c>
      <c r="I65" s="26">
        <v>6</v>
      </c>
      <c r="J65" s="26">
        <v>6</v>
      </c>
      <c r="K65" s="25">
        <v>16</v>
      </c>
      <c r="L65" s="55">
        <v>11</v>
      </c>
      <c r="M65" s="56">
        <v>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25</v>
      </c>
      <c r="C69" s="58">
        <v>105</v>
      </c>
      <c r="D69" s="59">
        <v>12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25</v>
      </c>
      <c r="C70" s="61">
        <v>105</v>
      </c>
      <c r="D70" s="62">
        <v>120</v>
      </c>
    </row>
    <row r="71" spans="1:13">
      <c r="A71" s="24" t="s">
        <v>14</v>
      </c>
      <c r="B71" s="63">
        <v>225</v>
      </c>
      <c r="C71" s="64">
        <v>105</v>
      </c>
      <c r="D71" s="65">
        <v>120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20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5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2</v>
      </c>
      <c r="C77" s="18">
        <v>-16</v>
      </c>
      <c r="D77" s="18">
        <v>4</v>
      </c>
      <c r="E77" s="17">
        <v>6</v>
      </c>
      <c r="F77" s="18">
        <v>5</v>
      </c>
      <c r="G77" s="19">
        <v>1</v>
      </c>
      <c r="H77" s="18">
        <v>60</v>
      </c>
      <c r="I77" s="18">
        <v>23</v>
      </c>
      <c r="J77" s="18">
        <v>37</v>
      </c>
      <c r="K77" s="17">
        <v>66</v>
      </c>
      <c r="L77" s="51">
        <v>34</v>
      </c>
      <c r="M77" s="52">
        <v>32</v>
      </c>
    </row>
    <row r="78" spans="1:13">
      <c r="A78" s="40" t="s">
        <v>81</v>
      </c>
      <c r="B78" s="21">
        <v>-8</v>
      </c>
      <c r="C78" s="22">
        <v>-5</v>
      </c>
      <c r="D78" s="22">
        <v>-3</v>
      </c>
      <c r="E78" s="21">
        <v>1</v>
      </c>
      <c r="F78" s="22">
        <v>1</v>
      </c>
      <c r="G78" s="23">
        <v>0</v>
      </c>
      <c r="H78" s="22">
        <v>13</v>
      </c>
      <c r="I78" s="22">
        <v>6</v>
      </c>
      <c r="J78" s="22">
        <v>7</v>
      </c>
      <c r="K78" s="21">
        <v>20</v>
      </c>
      <c r="L78" s="53">
        <v>10</v>
      </c>
      <c r="M78" s="54">
        <v>10</v>
      </c>
    </row>
    <row r="79" spans="1:13">
      <c r="A79" s="40" t="s">
        <v>82</v>
      </c>
      <c r="B79" s="21">
        <v>2</v>
      </c>
      <c r="C79" s="22">
        <v>0</v>
      </c>
      <c r="D79" s="22">
        <v>2</v>
      </c>
      <c r="E79" s="21">
        <v>0</v>
      </c>
      <c r="F79" s="22">
        <v>0</v>
      </c>
      <c r="G79" s="23">
        <v>0</v>
      </c>
      <c r="H79" s="22">
        <v>10</v>
      </c>
      <c r="I79" s="22">
        <v>4</v>
      </c>
      <c r="J79" s="22">
        <v>6</v>
      </c>
      <c r="K79" s="21">
        <v>8</v>
      </c>
      <c r="L79" s="53">
        <v>4</v>
      </c>
      <c r="M79" s="54">
        <v>4</v>
      </c>
    </row>
    <row r="80" spans="1:13">
      <c r="A80" s="40" t="s">
        <v>83</v>
      </c>
      <c r="B80" s="21">
        <v>-8</v>
      </c>
      <c r="C80" s="22">
        <v>-7</v>
      </c>
      <c r="D80" s="22">
        <v>-1</v>
      </c>
      <c r="E80" s="21">
        <v>2</v>
      </c>
      <c r="F80" s="22">
        <v>1</v>
      </c>
      <c r="G80" s="23">
        <v>1</v>
      </c>
      <c r="H80" s="22">
        <v>16</v>
      </c>
      <c r="I80" s="22">
        <v>6</v>
      </c>
      <c r="J80" s="22">
        <v>10</v>
      </c>
      <c r="K80" s="21">
        <v>22</v>
      </c>
      <c r="L80" s="53">
        <v>12</v>
      </c>
      <c r="M80" s="54">
        <v>10</v>
      </c>
    </row>
    <row r="81" spans="1:13">
      <c r="A81" s="40" t="s">
        <v>84</v>
      </c>
      <c r="B81" s="21">
        <v>-1</v>
      </c>
      <c r="C81" s="22">
        <v>-3</v>
      </c>
      <c r="D81" s="22">
        <v>2</v>
      </c>
      <c r="E81" s="21">
        <v>0</v>
      </c>
      <c r="F81" s="22">
        <v>0</v>
      </c>
      <c r="G81" s="23">
        <v>0</v>
      </c>
      <c r="H81" s="22">
        <v>10</v>
      </c>
      <c r="I81" s="22">
        <v>3</v>
      </c>
      <c r="J81" s="22">
        <v>7</v>
      </c>
      <c r="K81" s="21">
        <v>11</v>
      </c>
      <c r="L81" s="53">
        <v>6</v>
      </c>
      <c r="M81" s="54">
        <v>5</v>
      </c>
    </row>
    <row r="82" spans="1:13">
      <c r="A82" s="40" t="s">
        <v>85</v>
      </c>
      <c r="B82" s="21">
        <v>3</v>
      </c>
      <c r="C82" s="22">
        <v>-1</v>
      </c>
      <c r="D82" s="22">
        <v>4</v>
      </c>
      <c r="E82" s="21">
        <v>3</v>
      </c>
      <c r="F82" s="22">
        <v>3</v>
      </c>
      <c r="G82" s="23">
        <v>0</v>
      </c>
      <c r="H82" s="22">
        <v>11</v>
      </c>
      <c r="I82" s="22">
        <v>4</v>
      </c>
      <c r="J82" s="22">
        <v>7</v>
      </c>
      <c r="K82" s="21">
        <v>5</v>
      </c>
      <c r="L82" s="53">
        <v>2</v>
      </c>
      <c r="M82" s="54">
        <v>3</v>
      </c>
    </row>
    <row r="83" spans="1:13" ht="19.5" customHeight="1">
      <c r="A83" s="34" t="s">
        <v>86</v>
      </c>
      <c r="B83" s="17">
        <v>18</v>
      </c>
      <c r="C83" s="18">
        <v>11</v>
      </c>
      <c r="D83" s="18">
        <v>7</v>
      </c>
      <c r="E83" s="17">
        <v>5</v>
      </c>
      <c r="F83" s="18">
        <v>4</v>
      </c>
      <c r="G83" s="19">
        <v>1</v>
      </c>
      <c r="H83" s="18">
        <v>52</v>
      </c>
      <c r="I83" s="18">
        <v>33</v>
      </c>
      <c r="J83" s="18">
        <v>19</v>
      </c>
      <c r="K83" s="17">
        <v>29</v>
      </c>
      <c r="L83" s="51">
        <v>18</v>
      </c>
      <c r="M83" s="52">
        <v>11</v>
      </c>
    </row>
    <row r="84" spans="1:13">
      <c r="A84" s="40" t="s">
        <v>87</v>
      </c>
      <c r="B84" s="21">
        <v>6</v>
      </c>
      <c r="C84" s="22">
        <v>5</v>
      </c>
      <c r="D84" s="22">
        <v>1</v>
      </c>
      <c r="E84" s="21">
        <v>1</v>
      </c>
      <c r="F84" s="22">
        <v>1</v>
      </c>
      <c r="G84" s="23">
        <v>0</v>
      </c>
      <c r="H84" s="22">
        <v>13</v>
      </c>
      <c r="I84" s="22">
        <v>10</v>
      </c>
      <c r="J84" s="22">
        <v>3</v>
      </c>
      <c r="K84" s="21">
        <v>6</v>
      </c>
      <c r="L84" s="53">
        <v>4</v>
      </c>
      <c r="M84" s="54">
        <v>2</v>
      </c>
    </row>
    <row r="85" spans="1:13">
      <c r="A85" s="40" t="s">
        <v>88</v>
      </c>
      <c r="B85" s="21">
        <v>2</v>
      </c>
      <c r="C85" s="22">
        <v>1</v>
      </c>
      <c r="D85" s="22">
        <v>1</v>
      </c>
      <c r="E85" s="21">
        <v>3</v>
      </c>
      <c r="F85" s="22">
        <v>3</v>
      </c>
      <c r="G85" s="23">
        <v>0</v>
      </c>
      <c r="H85" s="22">
        <v>11</v>
      </c>
      <c r="I85" s="22">
        <v>7</v>
      </c>
      <c r="J85" s="22">
        <v>4</v>
      </c>
      <c r="K85" s="21">
        <v>6</v>
      </c>
      <c r="L85" s="53">
        <v>3</v>
      </c>
      <c r="M85" s="54">
        <v>3</v>
      </c>
    </row>
    <row r="86" spans="1:13">
      <c r="A86" s="40" t="s">
        <v>89</v>
      </c>
      <c r="B86" s="21">
        <v>1</v>
      </c>
      <c r="C86" s="22">
        <v>0</v>
      </c>
      <c r="D86" s="22">
        <v>1</v>
      </c>
      <c r="E86" s="21">
        <v>0</v>
      </c>
      <c r="F86" s="22">
        <v>0</v>
      </c>
      <c r="G86" s="23">
        <v>0</v>
      </c>
      <c r="H86" s="22">
        <v>7</v>
      </c>
      <c r="I86" s="22">
        <v>5</v>
      </c>
      <c r="J86" s="22">
        <v>2</v>
      </c>
      <c r="K86" s="21">
        <v>6</v>
      </c>
      <c r="L86" s="53">
        <v>5</v>
      </c>
      <c r="M86" s="54">
        <v>1</v>
      </c>
    </row>
    <row r="87" spans="1:13">
      <c r="A87" s="40" t="s">
        <v>90</v>
      </c>
      <c r="B87" s="21">
        <v>5</v>
      </c>
      <c r="C87" s="22">
        <v>4</v>
      </c>
      <c r="D87" s="22">
        <v>1</v>
      </c>
      <c r="E87" s="21">
        <v>0</v>
      </c>
      <c r="F87" s="22">
        <v>0</v>
      </c>
      <c r="G87" s="23">
        <v>0</v>
      </c>
      <c r="H87" s="22">
        <v>11</v>
      </c>
      <c r="I87" s="22">
        <v>6</v>
      </c>
      <c r="J87" s="22">
        <v>5</v>
      </c>
      <c r="K87" s="21">
        <v>6</v>
      </c>
      <c r="L87" s="53">
        <v>2</v>
      </c>
      <c r="M87" s="54">
        <v>4</v>
      </c>
    </row>
    <row r="88" spans="1:13">
      <c r="A88" s="40" t="s">
        <v>91</v>
      </c>
      <c r="B88" s="21">
        <v>4</v>
      </c>
      <c r="C88" s="22">
        <v>1</v>
      </c>
      <c r="D88" s="22">
        <v>3</v>
      </c>
      <c r="E88" s="21">
        <v>1</v>
      </c>
      <c r="F88" s="22">
        <v>0</v>
      </c>
      <c r="G88" s="23">
        <v>1</v>
      </c>
      <c r="H88" s="22">
        <v>10</v>
      </c>
      <c r="I88" s="22">
        <v>5</v>
      </c>
      <c r="J88" s="22">
        <v>5</v>
      </c>
      <c r="K88" s="21">
        <v>5</v>
      </c>
      <c r="L88" s="53">
        <v>4</v>
      </c>
      <c r="M88" s="54">
        <v>1</v>
      </c>
    </row>
    <row r="89" spans="1:13" ht="19.5" customHeight="1">
      <c r="A89" s="34" t="s">
        <v>92</v>
      </c>
      <c r="B89" s="17">
        <v>2</v>
      </c>
      <c r="C89" s="18">
        <v>-4</v>
      </c>
      <c r="D89" s="18">
        <v>6</v>
      </c>
      <c r="E89" s="17">
        <v>13</v>
      </c>
      <c r="F89" s="18">
        <v>9</v>
      </c>
      <c r="G89" s="19">
        <v>4</v>
      </c>
      <c r="H89" s="18">
        <v>33</v>
      </c>
      <c r="I89" s="18">
        <v>14</v>
      </c>
      <c r="J89" s="18">
        <v>19</v>
      </c>
      <c r="K89" s="17">
        <v>18</v>
      </c>
      <c r="L89" s="51">
        <v>9</v>
      </c>
      <c r="M89" s="52">
        <v>9</v>
      </c>
    </row>
    <row r="90" spans="1:13">
      <c r="A90" s="40" t="s">
        <v>93</v>
      </c>
      <c r="B90" s="21">
        <v>-4</v>
      </c>
      <c r="C90" s="22">
        <v>1</v>
      </c>
      <c r="D90" s="22">
        <v>-5</v>
      </c>
      <c r="E90" s="21">
        <v>2</v>
      </c>
      <c r="F90" s="22">
        <v>1</v>
      </c>
      <c r="G90" s="23">
        <v>1</v>
      </c>
      <c r="H90" s="22">
        <v>6</v>
      </c>
      <c r="I90" s="22">
        <v>6</v>
      </c>
      <c r="J90" s="22">
        <v>0</v>
      </c>
      <c r="K90" s="21">
        <v>8</v>
      </c>
      <c r="L90" s="53">
        <v>4</v>
      </c>
      <c r="M90" s="54">
        <v>4</v>
      </c>
    </row>
    <row r="91" spans="1:13">
      <c r="A91" s="40" t="s">
        <v>94</v>
      </c>
      <c r="B91" s="21">
        <v>-5</v>
      </c>
      <c r="C91" s="22">
        <v>-2</v>
      </c>
      <c r="D91" s="22">
        <v>-3</v>
      </c>
      <c r="E91" s="21">
        <v>3</v>
      </c>
      <c r="F91" s="22">
        <v>2</v>
      </c>
      <c r="G91" s="23">
        <v>1</v>
      </c>
      <c r="H91" s="22">
        <v>3</v>
      </c>
      <c r="I91" s="22">
        <v>2</v>
      </c>
      <c r="J91" s="22">
        <v>1</v>
      </c>
      <c r="K91" s="21">
        <v>5</v>
      </c>
      <c r="L91" s="53">
        <v>2</v>
      </c>
      <c r="M91" s="54">
        <v>3</v>
      </c>
    </row>
    <row r="92" spans="1:13">
      <c r="A92" s="40" t="s">
        <v>95</v>
      </c>
      <c r="B92" s="21">
        <v>1</v>
      </c>
      <c r="C92" s="22">
        <v>-2</v>
      </c>
      <c r="D92" s="22">
        <v>3</v>
      </c>
      <c r="E92" s="21">
        <v>4</v>
      </c>
      <c r="F92" s="22">
        <v>3</v>
      </c>
      <c r="G92" s="23">
        <v>1</v>
      </c>
      <c r="H92" s="22">
        <v>8</v>
      </c>
      <c r="I92" s="22">
        <v>2</v>
      </c>
      <c r="J92" s="22">
        <v>6</v>
      </c>
      <c r="K92" s="21">
        <v>3</v>
      </c>
      <c r="L92" s="53">
        <v>1</v>
      </c>
      <c r="M92" s="54">
        <v>2</v>
      </c>
    </row>
    <row r="93" spans="1:13">
      <c r="A93" s="40" t="s">
        <v>96</v>
      </c>
      <c r="B93" s="21">
        <v>4</v>
      </c>
      <c r="C93" s="22">
        <v>1</v>
      </c>
      <c r="D93" s="22">
        <v>3</v>
      </c>
      <c r="E93" s="21">
        <v>2</v>
      </c>
      <c r="F93" s="22">
        <v>1</v>
      </c>
      <c r="G93" s="23">
        <v>1</v>
      </c>
      <c r="H93" s="22">
        <v>7</v>
      </c>
      <c r="I93" s="22">
        <v>3</v>
      </c>
      <c r="J93" s="22">
        <v>4</v>
      </c>
      <c r="K93" s="21">
        <v>1</v>
      </c>
      <c r="L93" s="53">
        <v>1</v>
      </c>
      <c r="M93" s="54">
        <v>0</v>
      </c>
    </row>
    <row r="94" spans="1:13">
      <c r="A94" s="40" t="s">
        <v>97</v>
      </c>
      <c r="B94" s="21">
        <v>6</v>
      </c>
      <c r="C94" s="22">
        <v>-2</v>
      </c>
      <c r="D94" s="22">
        <v>8</v>
      </c>
      <c r="E94" s="21">
        <v>2</v>
      </c>
      <c r="F94" s="22">
        <v>2</v>
      </c>
      <c r="G94" s="23">
        <v>0</v>
      </c>
      <c r="H94" s="22">
        <v>9</v>
      </c>
      <c r="I94" s="22">
        <v>1</v>
      </c>
      <c r="J94" s="22">
        <v>8</v>
      </c>
      <c r="K94" s="21">
        <v>1</v>
      </c>
      <c r="L94" s="53">
        <v>1</v>
      </c>
      <c r="M94" s="54">
        <v>0</v>
      </c>
    </row>
    <row r="95" spans="1:13" ht="19.5" customHeight="1">
      <c r="A95" s="34" t="s">
        <v>98</v>
      </c>
      <c r="B95" s="17">
        <v>-13</v>
      </c>
      <c r="C95" s="18">
        <v>-4</v>
      </c>
      <c r="D95" s="18">
        <v>-9</v>
      </c>
      <c r="E95" s="17">
        <v>20</v>
      </c>
      <c r="F95" s="18">
        <v>12</v>
      </c>
      <c r="G95" s="19">
        <v>8</v>
      </c>
      <c r="H95" s="18">
        <v>27</v>
      </c>
      <c r="I95" s="18">
        <v>18</v>
      </c>
      <c r="J95" s="18">
        <v>9</v>
      </c>
      <c r="K95" s="17">
        <v>20</v>
      </c>
      <c r="L95" s="51">
        <v>10</v>
      </c>
      <c r="M95" s="52">
        <v>10</v>
      </c>
    </row>
    <row r="96" spans="1:13">
      <c r="A96" s="40" t="s">
        <v>99</v>
      </c>
      <c r="B96" s="21">
        <v>3</v>
      </c>
      <c r="C96" s="22">
        <v>3</v>
      </c>
      <c r="D96" s="22">
        <v>0</v>
      </c>
      <c r="E96" s="21">
        <v>1</v>
      </c>
      <c r="F96" s="22">
        <v>0</v>
      </c>
      <c r="G96" s="23">
        <v>1</v>
      </c>
      <c r="H96" s="22">
        <v>6</v>
      </c>
      <c r="I96" s="22">
        <v>3</v>
      </c>
      <c r="J96" s="22">
        <v>3</v>
      </c>
      <c r="K96" s="21">
        <v>2</v>
      </c>
      <c r="L96" s="53">
        <v>0</v>
      </c>
      <c r="M96" s="54">
        <v>2</v>
      </c>
    </row>
    <row r="97" spans="1:13">
      <c r="A97" s="40" t="s">
        <v>100</v>
      </c>
      <c r="B97" s="21">
        <v>-4</v>
      </c>
      <c r="C97" s="22">
        <v>0</v>
      </c>
      <c r="D97" s="22">
        <v>-4</v>
      </c>
      <c r="E97" s="21">
        <v>5</v>
      </c>
      <c r="F97" s="22">
        <v>2</v>
      </c>
      <c r="G97" s="23">
        <v>3</v>
      </c>
      <c r="H97" s="22">
        <v>5</v>
      </c>
      <c r="I97" s="22">
        <v>5</v>
      </c>
      <c r="J97" s="22">
        <v>0</v>
      </c>
      <c r="K97" s="21">
        <v>4</v>
      </c>
      <c r="L97" s="53">
        <v>3</v>
      </c>
      <c r="M97" s="54">
        <v>1</v>
      </c>
    </row>
    <row r="98" spans="1:13">
      <c r="A98" s="40" t="s">
        <v>101</v>
      </c>
      <c r="B98" s="21">
        <v>-10</v>
      </c>
      <c r="C98" s="22">
        <v>-8</v>
      </c>
      <c r="D98" s="22">
        <v>-2</v>
      </c>
      <c r="E98" s="21">
        <v>3</v>
      </c>
      <c r="F98" s="22">
        <v>3</v>
      </c>
      <c r="G98" s="23">
        <v>0</v>
      </c>
      <c r="H98" s="22">
        <v>2</v>
      </c>
      <c r="I98" s="22">
        <v>1</v>
      </c>
      <c r="J98" s="22">
        <v>1</v>
      </c>
      <c r="K98" s="21">
        <v>9</v>
      </c>
      <c r="L98" s="53">
        <v>6</v>
      </c>
      <c r="M98" s="54">
        <v>3</v>
      </c>
    </row>
    <row r="99" spans="1:13">
      <c r="A99" s="40" t="s">
        <v>102</v>
      </c>
      <c r="B99" s="21">
        <v>2</v>
      </c>
      <c r="C99" s="22">
        <v>2</v>
      </c>
      <c r="D99" s="22">
        <v>0</v>
      </c>
      <c r="E99" s="21">
        <v>4</v>
      </c>
      <c r="F99" s="22">
        <v>3</v>
      </c>
      <c r="G99" s="23">
        <v>1</v>
      </c>
      <c r="H99" s="22">
        <v>7</v>
      </c>
      <c r="I99" s="22">
        <v>5</v>
      </c>
      <c r="J99" s="22">
        <v>2</v>
      </c>
      <c r="K99" s="21">
        <v>1</v>
      </c>
      <c r="L99" s="53">
        <v>0</v>
      </c>
      <c r="M99" s="54">
        <v>1</v>
      </c>
    </row>
    <row r="100" spans="1:13">
      <c r="A100" s="40" t="s">
        <v>103</v>
      </c>
      <c r="B100" s="21">
        <v>-4</v>
      </c>
      <c r="C100" s="22">
        <v>-1</v>
      </c>
      <c r="D100" s="22">
        <v>-3</v>
      </c>
      <c r="E100" s="21">
        <v>7</v>
      </c>
      <c r="F100" s="22">
        <v>4</v>
      </c>
      <c r="G100" s="23">
        <v>3</v>
      </c>
      <c r="H100" s="22">
        <v>7</v>
      </c>
      <c r="I100" s="22">
        <v>4</v>
      </c>
      <c r="J100" s="22">
        <v>3</v>
      </c>
      <c r="K100" s="21">
        <v>4</v>
      </c>
      <c r="L100" s="53">
        <v>1</v>
      </c>
      <c r="M100" s="54">
        <v>3</v>
      </c>
    </row>
    <row r="101" spans="1:13" ht="19.5" customHeight="1">
      <c r="A101" s="34" t="s">
        <v>104</v>
      </c>
      <c r="B101" s="17">
        <v>-35</v>
      </c>
      <c r="C101" s="18">
        <v>-23</v>
      </c>
      <c r="D101" s="18">
        <v>-12</v>
      </c>
      <c r="E101" s="17">
        <v>49</v>
      </c>
      <c r="F101" s="18">
        <v>30</v>
      </c>
      <c r="G101" s="19">
        <v>19</v>
      </c>
      <c r="H101" s="18">
        <v>32</v>
      </c>
      <c r="I101" s="18">
        <v>17</v>
      </c>
      <c r="J101" s="18">
        <v>15</v>
      </c>
      <c r="K101" s="17">
        <v>18</v>
      </c>
      <c r="L101" s="51">
        <v>10</v>
      </c>
      <c r="M101" s="52">
        <v>8</v>
      </c>
    </row>
    <row r="102" spans="1:13">
      <c r="A102" s="40" t="s">
        <v>105</v>
      </c>
      <c r="B102" s="21">
        <v>-8</v>
      </c>
      <c r="C102" s="22">
        <v>-5</v>
      </c>
      <c r="D102" s="22">
        <v>-3</v>
      </c>
      <c r="E102" s="21">
        <v>9</v>
      </c>
      <c r="F102" s="22">
        <v>5</v>
      </c>
      <c r="G102" s="23">
        <v>4</v>
      </c>
      <c r="H102" s="22">
        <v>6</v>
      </c>
      <c r="I102" s="22">
        <v>3</v>
      </c>
      <c r="J102" s="22">
        <v>3</v>
      </c>
      <c r="K102" s="21">
        <v>5</v>
      </c>
      <c r="L102" s="53">
        <v>3</v>
      </c>
      <c r="M102" s="54">
        <v>2</v>
      </c>
    </row>
    <row r="103" spans="1:13">
      <c r="A103" s="40" t="s">
        <v>106</v>
      </c>
      <c r="B103" s="21">
        <v>-8</v>
      </c>
      <c r="C103" s="22">
        <v>-4</v>
      </c>
      <c r="D103" s="22">
        <v>-4</v>
      </c>
      <c r="E103" s="21">
        <v>10</v>
      </c>
      <c r="F103" s="22">
        <v>6</v>
      </c>
      <c r="G103" s="23">
        <v>4</v>
      </c>
      <c r="H103" s="22">
        <v>3</v>
      </c>
      <c r="I103" s="22">
        <v>2</v>
      </c>
      <c r="J103" s="22">
        <v>1</v>
      </c>
      <c r="K103" s="21">
        <v>1</v>
      </c>
      <c r="L103" s="53">
        <v>0</v>
      </c>
      <c r="M103" s="54">
        <v>1</v>
      </c>
    </row>
    <row r="104" spans="1:13">
      <c r="A104" s="40" t="s">
        <v>107</v>
      </c>
      <c r="B104" s="21">
        <v>-5</v>
      </c>
      <c r="C104" s="22">
        <v>-3</v>
      </c>
      <c r="D104" s="22">
        <v>-2</v>
      </c>
      <c r="E104" s="21">
        <v>13</v>
      </c>
      <c r="F104" s="22">
        <v>7</v>
      </c>
      <c r="G104" s="23">
        <v>6</v>
      </c>
      <c r="H104" s="22">
        <v>10</v>
      </c>
      <c r="I104" s="22">
        <v>6</v>
      </c>
      <c r="J104" s="22">
        <v>4</v>
      </c>
      <c r="K104" s="21">
        <v>2</v>
      </c>
      <c r="L104" s="53">
        <v>2</v>
      </c>
      <c r="M104" s="54">
        <v>0</v>
      </c>
    </row>
    <row r="105" spans="1:13">
      <c r="A105" s="40" t="s">
        <v>108</v>
      </c>
      <c r="B105" s="21">
        <v>-6</v>
      </c>
      <c r="C105" s="22">
        <v>-5</v>
      </c>
      <c r="D105" s="22">
        <v>-1</v>
      </c>
      <c r="E105" s="21">
        <v>8</v>
      </c>
      <c r="F105" s="22">
        <v>6</v>
      </c>
      <c r="G105" s="23">
        <v>2</v>
      </c>
      <c r="H105" s="22">
        <v>7</v>
      </c>
      <c r="I105" s="22">
        <v>2</v>
      </c>
      <c r="J105" s="22">
        <v>5</v>
      </c>
      <c r="K105" s="21">
        <v>5</v>
      </c>
      <c r="L105" s="53">
        <v>1</v>
      </c>
      <c r="M105" s="54">
        <v>4</v>
      </c>
    </row>
    <row r="106" spans="1:13">
      <c r="A106" s="40" t="s">
        <v>109</v>
      </c>
      <c r="B106" s="21">
        <v>-8</v>
      </c>
      <c r="C106" s="22">
        <v>-6</v>
      </c>
      <c r="D106" s="22">
        <v>-2</v>
      </c>
      <c r="E106" s="21">
        <v>9</v>
      </c>
      <c r="F106" s="22">
        <v>6</v>
      </c>
      <c r="G106" s="23">
        <v>3</v>
      </c>
      <c r="H106" s="22">
        <v>6</v>
      </c>
      <c r="I106" s="22">
        <v>4</v>
      </c>
      <c r="J106" s="22">
        <v>2</v>
      </c>
      <c r="K106" s="21">
        <v>5</v>
      </c>
      <c r="L106" s="53">
        <v>4</v>
      </c>
      <c r="M106" s="54">
        <v>1</v>
      </c>
    </row>
    <row r="107" spans="1:13" ht="19.5" customHeight="1">
      <c r="A107" s="34" t="s">
        <v>110</v>
      </c>
      <c r="B107" s="17">
        <v>-36</v>
      </c>
      <c r="C107" s="18">
        <v>-18</v>
      </c>
      <c r="D107" s="18">
        <v>-18</v>
      </c>
      <c r="E107" s="17">
        <v>46</v>
      </c>
      <c r="F107" s="18">
        <v>28</v>
      </c>
      <c r="G107" s="19">
        <v>18</v>
      </c>
      <c r="H107" s="18">
        <v>30</v>
      </c>
      <c r="I107" s="18">
        <v>15</v>
      </c>
      <c r="J107" s="18">
        <v>15</v>
      </c>
      <c r="K107" s="17">
        <v>20</v>
      </c>
      <c r="L107" s="51">
        <v>5</v>
      </c>
      <c r="M107" s="52">
        <v>15</v>
      </c>
    </row>
    <row r="108" spans="1:13">
      <c r="A108" s="40" t="s">
        <v>111</v>
      </c>
      <c r="B108" s="21">
        <v>-8</v>
      </c>
      <c r="C108" s="22">
        <v>-4</v>
      </c>
      <c r="D108" s="22">
        <v>-4</v>
      </c>
      <c r="E108" s="21">
        <v>10</v>
      </c>
      <c r="F108" s="22">
        <v>4</v>
      </c>
      <c r="G108" s="23">
        <v>6</v>
      </c>
      <c r="H108" s="22">
        <v>5</v>
      </c>
      <c r="I108" s="22">
        <v>2</v>
      </c>
      <c r="J108" s="22">
        <v>3</v>
      </c>
      <c r="K108" s="21">
        <v>3</v>
      </c>
      <c r="L108" s="53">
        <v>2</v>
      </c>
      <c r="M108" s="54">
        <v>1</v>
      </c>
    </row>
    <row r="109" spans="1:13">
      <c r="A109" s="40" t="s">
        <v>112</v>
      </c>
      <c r="B109" s="21">
        <v>0</v>
      </c>
      <c r="C109" s="22">
        <v>-1</v>
      </c>
      <c r="D109" s="22">
        <v>1</v>
      </c>
      <c r="E109" s="21">
        <v>5</v>
      </c>
      <c r="F109" s="22">
        <v>5</v>
      </c>
      <c r="G109" s="23">
        <v>0</v>
      </c>
      <c r="H109" s="22">
        <v>9</v>
      </c>
      <c r="I109" s="22">
        <v>5</v>
      </c>
      <c r="J109" s="22">
        <v>4</v>
      </c>
      <c r="K109" s="21">
        <v>4</v>
      </c>
      <c r="L109" s="53">
        <v>1</v>
      </c>
      <c r="M109" s="54">
        <v>3</v>
      </c>
    </row>
    <row r="110" spans="1:13">
      <c r="A110" s="40" t="s">
        <v>113</v>
      </c>
      <c r="B110" s="21">
        <v>-4</v>
      </c>
      <c r="C110" s="22">
        <v>1</v>
      </c>
      <c r="D110" s="22">
        <v>-5</v>
      </c>
      <c r="E110" s="21">
        <v>7</v>
      </c>
      <c r="F110" s="22">
        <v>4</v>
      </c>
      <c r="G110" s="23">
        <v>3</v>
      </c>
      <c r="H110" s="22">
        <v>8</v>
      </c>
      <c r="I110" s="22">
        <v>6</v>
      </c>
      <c r="J110" s="22">
        <v>2</v>
      </c>
      <c r="K110" s="21">
        <v>5</v>
      </c>
      <c r="L110" s="53">
        <v>1</v>
      </c>
      <c r="M110" s="54">
        <v>4</v>
      </c>
    </row>
    <row r="111" spans="1:13">
      <c r="A111" s="40" t="s">
        <v>114</v>
      </c>
      <c r="B111" s="21">
        <v>-12</v>
      </c>
      <c r="C111" s="22">
        <v>-5</v>
      </c>
      <c r="D111" s="22">
        <v>-7</v>
      </c>
      <c r="E111" s="21">
        <v>13</v>
      </c>
      <c r="F111" s="22">
        <v>7</v>
      </c>
      <c r="G111" s="23">
        <v>6</v>
      </c>
      <c r="H111" s="22">
        <v>4</v>
      </c>
      <c r="I111" s="22">
        <v>2</v>
      </c>
      <c r="J111" s="22">
        <v>2</v>
      </c>
      <c r="K111" s="21">
        <v>3</v>
      </c>
      <c r="L111" s="53">
        <v>0</v>
      </c>
      <c r="M111" s="54">
        <v>3</v>
      </c>
    </row>
    <row r="112" spans="1:13">
      <c r="A112" s="40" t="s">
        <v>115</v>
      </c>
      <c r="B112" s="21">
        <v>-12</v>
      </c>
      <c r="C112" s="22">
        <v>-9</v>
      </c>
      <c r="D112" s="22">
        <v>-3</v>
      </c>
      <c r="E112" s="21">
        <v>11</v>
      </c>
      <c r="F112" s="22">
        <v>8</v>
      </c>
      <c r="G112" s="23">
        <v>3</v>
      </c>
      <c r="H112" s="22">
        <v>4</v>
      </c>
      <c r="I112" s="22">
        <v>0</v>
      </c>
      <c r="J112" s="22">
        <v>4</v>
      </c>
      <c r="K112" s="21">
        <v>5</v>
      </c>
      <c r="L112" s="53">
        <v>1</v>
      </c>
      <c r="M112" s="54">
        <v>4</v>
      </c>
    </row>
    <row r="113" spans="1:13" ht="19.5" customHeight="1">
      <c r="A113" s="34" t="s">
        <v>116</v>
      </c>
      <c r="B113" s="17">
        <v>-82</v>
      </c>
      <c r="C113" s="18">
        <v>-47</v>
      </c>
      <c r="D113" s="18">
        <v>-35</v>
      </c>
      <c r="E113" s="17">
        <v>76</v>
      </c>
      <c r="F113" s="18">
        <v>45</v>
      </c>
      <c r="G113" s="19">
        <v>31</v>
      </c>
      <c r="H113" s="18">
        <v>18</v>
      </c>
      <c r="I113" s="18">
        <v>10</v>
      </c>
      <c r="J113" s="18">
        <v>8</v>
      </c>
      <c r="K113" s="17">
        <v>24</v>
      </c>
      <c r="L113" s="51">
        <v>12</v>
      </c>
      <c r="M113" s="52">
        <v>12</v>
      </c>
    </row>
    <row r="114" spans="1:13">
      <c r="A114" s="40" t="s">
        <v>117</v>
      </c>
      <c r="B114" s="21">
        <v>-16</v>
      </c>
      <c r="C114" s="22">
        <v>-12</v>
      </c>
      <c r="D114" s="22">
        <v>-4</v>
      </c>
      <c r="E114" s="21">
        <v>13</v>
      </c>
      <c r="F114" s="22">
        <v>10</v>
      </c>
      <c r="G114" s="23">
        <v>3</v>
      </c>
      <c r="H114" s="22">
        <v>3</v>
      </c>
      <c r="I114" s="22">
        <v>1</v>
      </c>
      <c r="J114" s="22">
        <v>2</v>
      </c>
      <c r="K114" s="21">
        <v>6</v>
      </c>
      <c r="L114" s="53">
        <v>3</v>
      </c>
      <c r="M114" s="54">
        <v>3</v>
      </c>
    </row>
    <row r="115" spans="1:13">
      <c r="A115" s="40" t="s">
        <v>118</v>
      </c>
      <c r="B115" s="21">
        <v>-12</v>
      </c>
      <c r="C115" s="22">
        <v>-7</v>
      </c>
      <c r="D115" s="22">
        <v>-5</v>
      </c>
      <c r="E115" s="21">
        <v>10</v>
      </c>
      <c r="F115" s="22">
        <v>7</v>
      </c>
      <c r="G115" s="23">
        <v>3</v>
      </c>
      <c r="H115" s="22">
        <v>5</v>
      </c>
      <c r="I115" s="22">
        <v>2</v>
      </c>
      <c r="J115" s="22">
        <v>3</v>
      </c>
      <c r="K115" s="21">
        <v>7</v>
      </c>
      <c r="L115" s="53">
        <v>2</v>
      </c>
      <c r="M115" s="54">
        <v>5</v>
      </c>
    </row>
    <row r="116" spans="1:13">
      <c r="A116" s="40" t="s">
        <v>119</v>
      </c>
      <c r="B116" s="21">
        <v>-18</v>
      </c>
      <c r="C116" s="22">
        <v>-10</v>
      </c>
      <c r="D116" s="22">
        <v>-8</v>
      </c>
      <c r="E116" s="21">
        <v>16</v>
      </c>
      <c r="F116" s="22">
        <v>9</v>
      </c>
      <c r="G116" s="23">
        <v>7</v>
      </c>
      <c r="H116" s="22">
        <v>1</v>
      </c>
      <c r="I116" s="22">
        <v>0</v>
      </c>
      <c r="J116" s="22">
        <v>1</v>
      </c>
      <c r="K116" s="21">
        <v>3</v>
      </c>
      <c r="L116" s="53">
        <v>1</v>
      </c>
      <c r="M116" s="54">
        <v>2</v>
      </c>
    </row>
    <row r="117" spans="1:13">
      <c r="A117" s="40" t="s">
        <v>120</v>
      </c>
      <c r="B117" s="21">
        <v>-16</v>
      </c>
      <c r="C117" s="22">
        <v>-7</v>
      </c>
      <c r="D117" s="22">
        <v>-9</v>
      </c>
      <c r="E117" s="21">
        <v>17</v>
      </c>
      <c r="F117" s="22">
        <v>9</v>
      </c>
      <c r="G117" s="23">
        <v>8</v>
      </c>
      <c r="H117" s="22">
        <v>6</v>
      </c>
      <c r="I117" s="22">
        <v>6</v>
      </c>
      <c r="J117" s="22">
        <v>0</v>
      </c>
      <c r="K117" s="21">
        <v>5</v>
      </c>
      <c r="L117" s="53">
        <v>4</v>
      </c>
      <c r="M117" s="54">
        <v>1</v>
      </c>
    </row>
    <row r="118" spans="1:13">
      <c r="A118" s="40" t="s">
        <v>121</v>
      </c>
      <c r="B118" s="21">
        <v>-20</v>
      </c>
      <c r="C118" s="22">
        <v>-11</v>
      </c>
      <c r="D118" s="22">
        <v>-9</v>
      </c>
      <c r="E118" s="21">
        <v>20</v>
      </c>
      <c r="F118" s="22">
        <v>10</v>
      </c>
      <c r="G118" s="23">
        <v>10</v>
      </c>
      <c r="H118" s="22">
        <v>3</v>
      </c>
      <c r="I118" s="22">
        <v>1</v>
      </c>
      <c r="J118" s="22">
        <v>2</v>
      </c>
      <c r="K118" s="21">
        <v>3</v>
      </c>
      <c r="L118" s="53">
        <v>2</v>
      </c>
      <c r="M118" s="54">
        <v>1</v>
      </c>
    </row>
    <row r="119" spans="1:13" ht="19.5" customHeight="1">
      <c r="A119" s="34" t="s">
        <v>122</v>
      </c>
      <c r="B119" s="17">
        <v>-110</v>
      </c>
      <c r="C119" s="18">
        <v>-61</v>
      </c>
      <c r="D119" s="18">
        <v>-49</v>
      </c>
      <c r="E119" s="17">
        <v>103</v>
      </c>
      <c r="F119" s="18">
        <v>55</v>
      </c>
      <c r="G119" s="19">
        <v>48</v>
      </c>
      <c r="H119" s="18">
        <v>20</v>
      </c>
      <c r="I119" s="18">
        <v>5</v>
      </c>
      <c r="J119" s="18">
        <v>15</v>
      </c>
      <c r="K119" s="17">
        <v>27</v>
      </c>
      <c r="L119" s="51">
        <v>11</v>
      </c>
      <c r="M119" s="52">
        <v>16</v>
      </c>
    </row>
    <row r="120" spans="1:13">
      <c r="A120" s="40" t="s">
        <v>123</v>
      </c>
      <c r="B120" s="21">
        <v>-14</v>
      </c>
      <c r="C120" s="22">
        <v>-11</v>
      </c>
      <c r="D120" s="22">
        <v>-3</v>
      </c>
      <c r="E120" s="21">
        <v>17</v>
      </c>
      <c r="F120" s="22">
        <v>12</v>
      </c>
      <c r="G120" s="23">
        <v>5</v>
      </c>
      <c r="H120" s="22">
        <v>8</v>
      </c>
      <c r="I120" s="22">
        <v>2</v>
      </c>
      <c r="J120" s="22">
        <v>6</v>
      </c>
      <c r="K120" s="21">
        <v>5</v>
      </c>
      <c r="L120" s="53">
        <v>1</v>
      </c>
      <c r="M120" s="54">
        <v>4</v>
      </c>
    </row>
    <row r="121" spans="1:13">
      <c r="A121" s="40" t="s">
        <v>124</v>
      </c>
      <c r="B121" s="21">
        <v>-16</v>
      </c>
      <c r="C121" s="22">
        <v>-14</v>
      </c>
      <c r="D121" s="22">
        <v>-2</v>
      </c>
      <c r="E121" s="21">
        <v>18</v>
      </c>
      <c r="F121" s="22">
        <v>11</v>
      </c>
      <c r="G121" s="23">
        <v>7</v>
      </c>
      <c r="H121" s="22">
        <v>7</v>
      </c>
      <c r="I121" s="22">
        <v>1</v>
      </c>
      <c r="J121" s="22">
        <v>6</v>
      </c>
      <c r="K121" s="21">
        <v>5</v>
      </c>
      <c r="L121" s="53">
        <v>4</v>
      </c>
      <c r="M121" s="54">
        <v>1</v>
      </c>
    </row>
    <row r="122" spans="1:13">
      <c r="A122" s="40" t="s">
        <v>125</v>
      </c>
      <c r="B122" s="21">
        <v>-19</v>
      </c>
      <c r="C122" s="22">
        <v>-6</v>
      </c>
      <c r="D122" s="22">
        <v>-13</v>
      </c>
      <c r="E122" s="21">
        <v>15</v>
      </c>
      <c r="F122" s="22">
        <v>6</v>
      </c>
      <c r="G122" s="23">
        <v>9</v>
      </c>
      <c r="H122" s="22">
        <v>2</v>
      </c>
      <c r="I122" s="22">
        <v>1</v>
      </c>
      <c r="J122" s="22">
        <v>1</v>
      </c>
      <c r="K122" s="21">
        <v>6</v>
      </c>
      <c r="L122" s="53">
        <v>1</v>
      </c>
      <c r="M122" s="54">
        <v>5</v>
      </c>
    </row>
    <row r="123" spans="1:13">
      <c r="A123" s="40" t="s">
        <v>126</v>
      </c>
      <c r="B123" s="21">
        <v>-29</v>
      </c>
      <c r="C123" s="22">
        <v>-15</v>
      </c>
      <c r="D123" s="22">
        <v>-14</v>
      </c>
      <c r="E123" s="21">
        <v>25</v>
      </c>
      <c r="F123" s="22">
        <v>12</v>
      </c>
      <c r="G123" s="23">
        <v>13</v>
      </c>
      <c r="H123" s="22">
        <v>3</v>
      </c>
      <c r="I123" s="22">
        <v>1</v>
      </c>
      <c r="J123" s="22">
        <v>2</v>
      </c>
      <c r="K123" s="21">
        <v>7</v>
      </c>
      <c r="L123" s="53">
        <v>4</v>
      </c>
      <c r="M123" s="54">
        <v>3</v>
      </c>
    </row>
    <row r="124" spans="1:13">
      <c r="A124" s="40" t="s">
        <v>127</v>
      </c>
      <c r="B124" s="21">
        <v>-32</v>
      </c>
      <c r="C124" s="22">
        <v>-15</v>
      </c>
      <c r="D124" s="22">
        <v>-17</v>
      </c>
      <c r="E124" s="21">
        <v>28</v>
      </c>
      <c r="F124" s="22">
        <v>14</v>
      </c>
      <c r="G124" s="23">
        <v>14</v>
      </c>
      <c r="H124" s="22">
        <v>0</v>
      </c>
      <c r="I124" s="22">
        <v>0</v>
      </c>
      <c r="J124" s="22">
        <v>0</v>
      </c>
      <c r="K124" s="21">
        <v>4</v>
      </c>
      <c r="L124" s="53">
        <v>1</v>
      </c>
      <c r="M124" s="54">
        <v>3</v>
      </c>
    </row>
    <row r="125" spans="1:13" ht="19.5" customHeight="1">
      <c r="A125" s="34" t="s">
        <v>128</v>
      </c>
      <c r="B125" s="17">
        <v>-78</v>
      </c>
      <c r="C125" s="18">
        <v>-34</v>
      </c>
      <c r="D125" s="18">
        <v>-44</v>
      </c>
      <c r="E125" s="17">
        <v>78</v>
      </c>
      <c r="F125" s="18">
        <v>35</v>
      </c>
      <c r="G125" s="19">
        <v>43</v>
      </c>
      <c r="H125" s="18">
        <v>15</v>
      </c>
      <c r="I125" s="18">
        <v>6</v>
      </c>
      <c r="J125" s="18">
        <v>9</v>
      </c>
      <c r="K125" s="17">
        <v>15</v>
      </c>
      <c r="L125" s="51">
        <v>5</v>
      </c>
      <c r="M125" s="52">
        <v>10</v>
      </c>
    </row>
    <row r="126" spans="1:13">
      <c r="A126" s="40" t="s">
        <v>129</v>
      </c>
      <c r="B126" s="21">
        <v>-13</v>
      </c>
      <c r="C126" s="22">
        <v>-7</v>
      </c>
      <c r="D126" s="22">
        <v>-6</v>
      </c>
      <c r="E126" s="21">
        <v>13</v>
      </c>
      <c r="F126" s="22">
        <v>8</v>
      </c>
      <c r="G126" s="23">
        <v>5</v>
      </c>
      <c r="H126" s="22">
        <v>4</v>
      </c>
      <c r="I126" s="22">
        <v>2</v>
      </c>
      <c r="J126" s="22">
        <v>2</v>
      </c>
      <c r="K126" s="21">
        <v>4</v>
      </c>
      <c r="L126" s="53">
        <v>1</v>
      </c>
      <c r="M126" s="54">
        <v>3</v>
      </c>
    </row>
    <row r="127" spans="1:13">
      <c r="A127" s="40" t="s">
        <v>130</v>
      </c>
      <c r="B127" s="21">
        <v>-12</v>
      </c>
      <c r="C127" s="22">
        <v>-4</v>
      </c>
      <c r="D127" s="22">
        <v>-8</v>
      </c>
      <c r="E127" s="21">
        <v>15</v>
      </c>
      <c r="F127" s="22">
        <v>5</v>
      </c>
      <c r="G127" s="23">
        <v>10</v>
      </c>
      <c r="H127" s="22">
        <v>5</v>
      </c>
      <c r="I127" s="22">
        <v>2</v>
      </c>
      <c r="J127" s="22">
        <v>3</v>
      </c>
      <c r="K127" s="21">
        <v>2</v>
      </c>
      <c r="L127" s="53">
        <v>1</v>
      </c>
      <c r="M127" s="54">
        <v>1</v>
      </c>
    </row>
    <row r="128" spans="1:13">
      <c r="A128" s="40" t="s">
        <v>131</v>
      </c>
      <c r="B128" s="21">
        <v>-22</v>
      </c>
      <c r="C128" s="22">
        <v>-10</v>
      </c>
      <c r="D128" s="22">
        <v>-12</v>
      </c>
      <c r="E128" s="21">
        <v>20</v>
      </c>
      <c r="F128" s="22">
        <v>9</v>
      </c>
      <c r="G128" s="23">
        <v>11</v>
      </c>
      <c r="H128" s="22">
        <v>2</v>
      </c>
      <c r="I128" s="22">
        <v>1</v>
      </c>
      <c r="J128" s="22">
        <v>1</v>
      </c>
      <c r="K128" s="21">
        <v>4</v>
      </c>
      <c r="L128" s="53">
        <v>2</v>
      </c>
      <c r="M128" s="54">
        <v>2</v>
      </c>
    </row>
    <row r="129" spans="1:13">
      <c r="A129" s="40" t="s">
        <v>132</v>
      </c>
      <c r="B129" s="21">
        <v>-19</v>
      </c>
      <c r="C129" s="22">
        <v>-10</v>
      </c>
      <c r="D129" s="22">
        <v>-9</v>
      </c>
      <c r="E129" s="21">
        <v>18</v>
      </c>
      <c r="F129" s="22">
        <v>10</v>
      </c>
      <c r="G129" s="23">
        <v>8</v>
      </c>
      <c r="H129" s="22">
        <v>2</v>
      </c>
      <c r="I129" s="22">
        <v>0</v>
      </c>
      <c r="J129" s="22">
        <v>2</v>
      </c>
      <c r="K129" s="21">
        <v>3</v>
      </c>
      <c r="L129" s="53">
        <v>0</v>
      </c>
      <c r="M129" s="54">
        <v>3</v>
      </c>
    </row>
    <row r="130" spans="1:13">
      <c r="A130" s="40" t="s">
        <v>133</v>
      </c>
      <c r="B130" s="21">
        <v>-12</v>
      </c>
      <c r="C130" s="22">
        <v>-3</v>
      </c>
      <c r="D130" s="22">
        <v>-9</v>
      </c>
      <c r="E130" s="21">
        <v>12</v>
      </c>
      <c r="F130" s="22">
        <v>3</v>
      </c>
      <c r="G130" s="23">
        <v>9</v>
      </c>
      <c r="H130" s="22">
        <v>2</v>
      </c>
      <c r="I130" s="22">
        <v>1</v>
      </c>
      <c r="J130" s="22">
        <v>1</v>
      </c>
      <c r="K130" s="21">
        <v>2</v>
      </c>
      <c r="L130" s="53">
        <v>1</v>
      </c>
      <c r="M130" s="54">
        <v>1</v>
      </c>
    </row>
    <row r="131" spans="1:13" ht="19.5" customHeight="1">
      <c r="A131" s="34" t="s">
        <v>134</v>
      </c>
      <c r="B131" s="17">
        <v>-36</v>
      </c>
      <c r="C131" s="18">
        <v>-11</v>
      </c>
      <c r="D131" s="18">
        <v>-25</v>
      </c>
      <c r="E131" s="17">
        <v>39</v>
      </c>
      <c r="F131" s="18">
        <v>11</v>
      </c>
      <c r="G131" s="19">
        <v>28</v>
      </c>
      <c r="H131" s="18">
        <v>4</v>
      </c>
      <c r="I131" s="18">
        <v>1</v>
      </c>
      <c r="J131" s="18">
        <v>3</v>
      </c>
      <c r="K131" s="17">
        <v>1</v>
      </c>
      <c r="L131" s="51">
        <v>1</v>
      </c>
      <c r="M131" s="52">
        <v>0</v>
      </c>
    </row>
    <row r="132" spans="1:13">
      <c r="A132" s="40" t="s">
        <v>135</v>
      </c>
      <c r="B132" s="21">
        <v>-11</v>
      </c>
      <c r="C132" s="22">
        <v>-4</v>
      </c>
      <c r="D132" s="22">
        <v>-7</v>
      </c>
      <c r="E132" s="21">
        <v>11</v>
      </c>
      <c r="F132" s="22">
        <v>3</v>
      </c>
      <c r="G132" s="23">
        <v>8</v>
      </c>
      <c r="H132" s="22">
        <v>1</v>
      </c>
      <c r="I132" s="22">
        <v>0</v>
      </c>
      <c r="J132" s="22">
        <v>1</v>
      </c>
      <c r="K132" s="21">
        <v>1</v>
      </c>
      <c r="L132" s="53">
        <v>1</v>
      </c>
      <c r="M132" s="54">
        <v>0</v>
      </c>
    </row>
    <row r="133" spans="1:13">
      <c r="A133" s="40" t="s">
        <v>136</v>
      </c>
      <c r="B133" s="21">
        <v>-10</v>
      </c>
      <c r="C133" s="22">
        <v>-4</v>
      </c>
      <c r="D133" s="22">
        <v>-6</v>
      </c>
      <c r="E133" s="21">
        <v>10</v>
      </c>
      <c r="F133" s="22">
        <v>4</v>
      </c>
      <c r="G133" s="23">
        <v>6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7</v>
      </c>
      <c r="C134" s="22">
        <v>-2</v>
      </c>
      <c r="D134" s="22">
        <v>-5</v>
      </c>
      <c r="E134" s="21">
        <v>8</v>
      </c>
      <c r="F134" s="22">
        <v>3</v>
      </c>
      <c r="G134" s="23">
        <v>5</v>
      </c>
      <c r="H134" s="22">
        <v>1</v>
      </c>
      <c r="I134" s="22">
        <v>1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6</v>
      </c>
      <c r="C135" s="22">
        <v>0</v>
      </c>
      <c r="D135" s="22">
        <v>-6</v>
      </c>
      <c r="E135" s="21">
        <v>7</v>
      </c>
      <c r="F135" s="22">
        <v>0</v>
      </c>
      <c r="G135" s="23">
        <v>7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</v>
      </c>
      <c r="C136" s="22">
        <v>-1</v>
      </c>
      <c r="D136" s="22">
        <v>-1</v>
      </c>
      <c r="E136" s="21">
        <v>3</v>
      </c>
      <c r="F136" s="22">
        <v>1</v>
      </c>
      <c r="G136" s="23">
        <v>2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7</v>
      </c>
      <c r="C137" s="43">
        <v>-4</v>
      </c>
      <c r="D137" s="43">
        <v>-13</v>
      </c>
      <c r="E137" s="42">
        <v>16</v>
      </c>
      <c r="F137" s="43">
        <v>3</v>
      </c>
      <c r="G137" s="44">
        <v>13</v>
      </c>
      <c r="H137" s="43">
        <v>0</v>
      </c>
      <c r="I137" s="43">
        <v>0</v>
      </c>
      <c r="J137" s="43">
        <v>0</v>
      </c>
      <c r="K137" s="42">
        <v>1</v>
      </c>
      <c r="L137" s="67">
        <v>1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4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88</v>
      </c>
      <c r="C5" s="14">
        <v>-22</v>
      </c>
      <c r="D5" s="14">
        <v>-66</v>
      </c>
      <c r="E5" s="13">
        <v>109</v>
      </c>
      <c r="F5" s="14">
        <v>60</v>
      </c>
      <c r="G5" s="15">
        <v>49</v>
      </c>
      <c r="H5" s="14">
        <v>360</v>
      </c>
      <c r="I5" s="14">
        <v>211</v>
      </c>
      <c r="J5" s="14">
        <v>149</v>
      </c>
      <c r="K5" s="13">
        <v>384</v>
      </c>
      <c r="L5" s="49">
        <v>194</v>
      </c>
      <c r="M5" s="50">
        <v>190</v>
      </c>
    </row>
    <row r="6" spans="1:13" ht="19.5" customHeight="1">
      <c r="A6" s="16" t="s">
        <v>13</v>
      </c>
      <c r="B6" s="17">
        <v>56</v>
      </c>
      <c r="C6" s="18">
        <v>32</v>
      </c>
      <c r="D6" s="18">
        <v>24</v>
      </c>
      <c r="E6" s="17">
        <v>0</v>
      </c>
      <c r="F6" s="18">
        <v>0</v>
      </c>
      <c r="G6" s="19">
        <v>0</v>
      </c>
      <c r="H6" s="18">
        <v>20</v>
      </c>
      <c r="I6" s="18">
        <v>13</v>
      </c>
      <c r="J6" s="18">
        <v>7</v>
      </c>
      <c r="K6" s="17">
        <v>9</v>
      </c>
      <c r="L6" s="51">
        <v>2</v>
      </c>
      <c r="M6" s="52">
        <v>7</v>
      </c>
    </row>
    <row r="7" spans="1:13">
      <c r="A7" s="20" t="s">
        <v>14</v>
      </c>
      <c r="B7" s="21">
        <v>46</v>
      </c>
      <c r="C7" s="22">
        <v>21</v>
      </c>
      <c r="D7" s="22">
        <v>25</v>
      </c>
      <c r="E7" s="21">
        <v>0</v>
      </c>
      <c r="F7" s="22">
        <v>0</v>
      </c>
      <c r="G7" s="23">
        <v>0</v>
      </c>
      <c r="H7" s="22">
        <v>2</v>
      </c>
      <c r="I7" s="22">
        <v>0</v>
      </c>
      <c r="J7" s="22">
        <v>2</v>
      </c>
      <c r="K7" s="21">
        <v>1</v>
      </c>
      <c r="L7" s="53">
        <v>0</v>
      </c>
      <c r="M7" s="54">
        <v>1</v>
      </c>
    </row>
    <row r="8" spans="1:13">
      <c r="A8" s="20" t="s">
        <v>15</v>
      </c>
      <c r="B8" s="21">
        <v>1</v>
      </c>
      <c r="C8" s="22">
        <v>5</v>
      </c>
      <c r="D8" s="22">
        <v>-4</v>
      </c>
      <c r="E8" s="21">
        <v>0</v>
      </c>
      <c r="F8" s="22">
        <v>0</v>
      </c>
      <c r="G8" s="23">
        <v>0</v>
      </c>
      <c r="H8" s="22">
        <v>6</v>
      </c>
      <c r="I8" s="22">
        <v>6</v>
      </c>
      <c r="J8" s="22">
        <v>0</v>
      </c>
      <c r="K8" s="21">
        <v>5</v>
      </c>
      <c r="L8" s="53">
        <v>1</v>
      </c>
      <c r="M8" s="54">
        <v>4</v>
      </c>
    </row>
    <row r="9" spans="1:13">
      <c r="A9" s="20" t="s">
        <v>16</v>
      </c>
      <c r="B9" s="21">
        <v>1</v>
      </c>
      <c r="C9" s="22">
        <v>1</v>
      </c>
      <c r="D9" s="22">
        <v>0</v>
      </c>
      <c r="E9" s="21">
        <v>0</v>
      </c>
      <c r="F9" s="22">
        <v>0</v>
      </c>
      <c r="G9" s="23">
        <v>0</v>
      </c>
      <c r="H9" s="22">
        <v>2</v>
      </c>
      <c r="I9" s="22">
        <v>1</v>
      </c>
      <c r="J9" s="22">
        <v>1</v>
      </c>
      <c r="K9" s="21">
        <v>1</v>
      </c>
      <c r="L9" s="53">
        <v>0</v>
      </c>
      <c r="M9" s="54">
        <v>1</v>
      </c>
    </row>
    <row r="10" spans="1:13">
      <c r="A10" s="20" t="s">
        <v>17</v>
      </c>
      <c r="B10" s="21">
        <v>4</v>
      </c>
      <c r="C10" s="22">
        <v>4</v>
      </c>
      <c r="D10" s="22">
        <v>0</v>
      </c>
      <c r="E10" s="21">
        <v>0</v>
      </c>
      <c r="F10" s="22">
        <v>0</v>
      </c>
      <c r="G10" s="23">
        <v>0</v>
      </c>
      <c r="H10" s="22">
        <v>6</v>
      </c>
      <c r="I10" s="22">
        <v>5</v>
      </c>
      <c r="J10" s="22">
        <v>1</v>
      </c>
      <c r="K10" s="21">
        <v>2</v>
      </c>
      <c r="L10" s="53">
        <v>1</v>
      </c>
      <c r="M10" s="54">
        <v>1</v>
      </c>
    </row>
    <row r="11" spans="1:13">
      <c r="A11" s="20" t="s">
        <v>18</v>
      </c>
      <c r="B11" s="21">
        <v>4</v>
      </c>
      <c r="C11" s="22">
        <v>1</v>
      </c>
      <c r="D11" s="22">
        <v>3</v>
      </c>
      <c r="E11" s="21">
        <v>0</v>
      </c>
      <c r="F11" s="22">
        <v>0</v>
      </c>
      <c r="G11" s="23">
        <v>0</v>
      </c>
      <c r="H11" s="22">
        <v>4</v>
      </c>
      <c r="I11" s="22">
        <v>1</v>
      </c>
      <c r="J11" s="22">
        <v>3</v>
      </c>
      <c r="K11" s="21">
        <v>0</v>
      </c>
      <c r="L11" s="53">
        <v>0</v>
      </c>
      <c r="M11" s="54">
        <v>0</v>
      </c>
    </row>
    <row r="12" spans="1:13" ht="20.100000000000001" customHeight="1">
      <c r="A12" s="16" t="s">
        <v>19</v>
      </c>
      <c r="B12" s="17">
        <v>0</v>
      </c>
      <c r="C12" s="18">
        <v>0</v>
      </c>
      <c r="D12" s="18">
        <v>0</v>
      </c>
      <c r="E12" s="17">
        <v>0</v>
      </c>
      <c r="F12" s="18">
        <v>0</v>
      </c>
      <c r="G12" s="19">
        <v>0</v>
      </c>
      <c r="H12" s="18">
        <v>13</v>
      </c>
      <c r="I12" s="18">
        <v>8</v>
      </c>
      <c r="J12" s="18">
        <v>5</v>
      </c>
      <c r="K12" s="17">
        <v>13</v>
      </c>
      <c r="L12" s="51">
        <v>8</v>
      </c>
      <c r="M12" s="52">
        <v>5</v>
      </c>
    </row>
    <row r="13" spans="1:13">
      <c r="A13" s="20" t="s">
        <v>20</v>
      </c>
      <c r="B13" s="21">
        <v>-1</v>
      </c>
      <c r="C13" s="22">
        <v>0</v>
      </c>
      <c r="D13" s="22">
        <v>-1</v>
      </c>
      <c r="E13" s="21">
        <v>0</v>
      </c>
      <c r="F13" s="22">
        <v>0</v>
      </c>
      <c r="G13" s="23">
        <v>0</v>
      </c>
      <c r="H13" s="22">
        <v>3</v>
      </c>
      <c r="I13" s="22">
        <v>2</v>
      </c>
      <c r="J13" s="22">
        <v>1</v>
      </c>
      <c r="K13" s="21">
        <v>4</v>
      </c>
      <c r="L13" s="53">
        <v>2</v>
      </c>
      <c r="M13" s="54">
        <v>2</v>
      </c>
    </row>
    <row r="14" spans="1:13">
      <c r="A14" s="20" t="s">
        <v>21</v>
      </c>
      <c r="B14" s="21">
        <v>-2</v>
      </c>
      <c r="C14" s="22">
        <v>-2</v>
      </c>
      <c r="D14" s="22">
        <v>0</v>
      </c>
      <c r="E14" s="21">
        <v>0</v>
      </c>
      <c r="F14" s="22">
        <v>0</v>
      </c>
      <c r="G14" s="23">
        <v>0</v>
      </c>
      <c r="H14" s="22">
        <v>1</v>
      </c>
      <c r="I14" s="22">
        <v>0</v>
      </c>
      <c r="J14" s="22">
        <v>1</v>
      </c>
      <c r="K14" s="21">
        <v>3</v>
      </c>
      <c r="L14" s="53">
        <v>2</v>
      </c>
      <c r="M14" s="54">
        <v>1</v>
      </c>
    </row>
    <row r="15" spans="1:13">
      <c r="A15" s="20" t="s">
        <v>22</v>
      </c>
      <c r="B15" s="21">
        <v>2</v>
      </c>
      <c r="C15" s="22">
        <v>2</v>
      </c>
      <c r="D15" s="22">
        <v>0</v>
      </c>
      <c r="E15" s="21">
        <v>0</v>
      </c>
      <c r="F15" s="22">
        <v>0</v>
      </c>
      <c r="G15" s="23">
        <v>0</v>
      </c>
      <c r="H15" s="22">
        <v>4</v>
      </c>
      <c r="I15" s="22">
        <v>4</v>
      </c>
      <c r="J15" s="22">
        <v>0</v>
      </c>
      <c r="K15" s="21">
        <v>2</v>
      </c>
      <c r="L15" s="53">
        <v>2</v>
      </c>
      <c r="M15" s="54">
        <v>0</v>
      </c>
    </row>
    <row r="16" spans="1:13">
      <c r="A16" s="20" t="s">
        <v>23</v>
      </c>
      <c r="B16" s="21">
        <v>0</v>
      </c>
      <c r="C16" s="22">
        <v>-1</v>
      </c>
      <c r="D16" s="22">
        <v>1</v>
      </c>
      <c r="E16" s="21">
        <v>0</v>
      </c>
      <c r="F16" s="22">
        <v>0</v>
      </c>
      <c r="G16" s="23">
        <v>0</v>
      </c>
      <c r="H16" s="22">
        <v>3</v>
      </c>
      <c r="I16" s="22">
        <v>1</v>
      </c>
      <c r="J16" s="22">
        <v>2</v>
      </c>
      <c r="K16" s="21">
        <v>3</v>
      </c>
      <c r="L16" s="53">
        <v>2</v>
      </c>
      <c r="M16" s="54">
        <v>1</v>
      </c>
    </row>
    <row r="17" spans="1:13">
      <c r="A17" s="20" t="s">
        <v>24</v>
      </c>
      <c r="B17" s="21">
        <v>1</v>
      </c>
      <c r="C17" s="22">
        <v>1</v>
      </c>
      <c r="D17" s="22">
        <v>0</v>
      </c>
      <c r="E17" s="21">
        <v>0</v>
      </c>
      <c r="F17" s="22">
        <v>0</v>
      </c>
      <c r="G17" s="23">
        <v>0</v>
      </c>
      <c r="H17" s="22">
        <v>2</v>
      </c>
      <c r="I17" s="22">
        <v>1</v>
      </c>
      <c r="J17" s="22">
        <v>1</v>
      </c>
      <c r="K17" s="21">
        <v>1</v>
      </c>
      <c r="L17" s="53">
        <v>0</v>
      </c>
      <c r="M17" s="54">
        <v>1</v>
      </c>
    </row>
    <row r="18" spans="1:13" ht="20.100000000000001" customHeight="1">
      <c r="A18" s="16" t="s">
        <v>25</v>
      </c>
      <c r="B18" s="17">
        <v>-3</v>
      </c>
      <c r="C18" s="18">
        <v>-1</v>
      </c>
      <c r="D18" s="18">
        <v>-2</v>
      </c>
      <c r="E18" s="17">
        <v>0</v>
      </c>
      <c r="F18" s="18">
        <v>0</v>
      </c>
      <c r="G18" s="19">
        <v>0</v>
      </c>
      <c r="H18" s="18">
        <v>3</v>
      </c>
      <c r="I18" s="18">
        <v>0</v>
      </c>
      <c r="J18" s="18">
        <v>3</v>
      </c>
      <c r="K18" s="17">
        <v>6</v>
      </c>
      <c r="L18" s="51">
        <v>1</v>
      </c>
      <c r="M18" s="52">
        <v>5</v>
      </c>
    </row>
    <row r="19" spans="1:13">
      <c r="A19" s="20" t="s">
        <v>26</v>
      </c>
      <c r="B19" s="21">
        <v>1</v>
      </c>
      <c r="C19" s="22">
        <v>0</v>
      </c>
      <c r="D19" s="22">
        <v>1</v>
      </c>
      <c r="E19" s="21">
        <v>0</v>
      </c>
      <c r="F19" s="22">
        <v>0</v>
      </c>
      <c r="G19" s="23">
        <v>0</v>
      </c>
      <c r="H19" s="22">
        <v>2</v>
      </c>
      <c r="I19" s="22">
        <v>0</v>
      </c>
      <c r="J19" s="22">
        <v>2</v>
      </c>
      <c r="K19" s="21">
        <v>1</v>
      </c>
      <c r="L19" s="53">
        <v>0</v>
      </c>
      <c r="M19" s="54">
        <v>1</v>
      </c>
    </row>
    <row r="20" spans="1:13">
      <c r="A20" s="20" t="s">
        <v>27</v>
      </c>
      <c r="B20" s="21">
        <v>-2</v>
      </c>
      <c r="C20" s="22">
        <v>0</v>
      </c>
      <c r="D20" s="22">
        <v>-2</v>
      </c>
      <c r="E20" s="21">
        <v>0</v>
      </c>
      <c r="F20" s="22">
        <v>0</v>
      </c>
      <c r="G20" s="23">
        <v>0</v>
      </c>
      <c r="H20" s="22">
        <v>0</v>
      </c>
      <c r="I20" s="22">
        <v>0</v>
      </c>
      <c r="J20" s="22">
        <v>0</v>
      </c>
      <c r="K20" s="21">
        <v>2</v>
      </c>
      <c r="L20" s="53">
        <v>0</v>
      </c>
      <c r="M20" s="54">
        <v>2</v>
      </c>
    </row>
    <row r="21" spans="1:13">
      <c r="A21" s="20" t="s">
        <v>28</v>
      </c>
      <c r="B21" s="21">
        <v>0</v>
      </c>
      <c r="C21" s="22">
        <v>0</v>
      </c>
      <c r="D21" s="22">
        <v>0</v>
      </c>
      <c r="E21" s="21">
        <v>0</v>
      </c>
      <c r="F21" s="22">
        <v>0</v>
      </c>
      <c r="G21" s="23">
        <v>0</v>
      </c>
      <c r="H21" s="22">
        <v>0</v>
      </c>
      <c r="I21" s="22">
        <v>0</v>
      </c>
      <c r="J21" s="22">
        <v>0</v>
      </c>
      <c r="K21" s="21">
        <v>0</v>
      </c>
      <c r="L21" s="53">
        <v>0</v>
      </c>
      <c r="M21" s="54">
        <v>0</v>
      </c>
    </row>
    <row r="22" spans="1:13">
      <c r="A22" s="20" t="s">
        <v>29</v>
      </c>
      <c r="B22" s="21">
        <v>0</v>
      </c>
      <c r="C22" s="22">
        <v>0</v>
      </c>
      <c r="D22" s="22">
        <v>0</v>
      </c>
      <c r="E22" s="21">
        <v>0</v>
      </c>
      <c r="F22" s="22">
        <v>0</v>
      </c>
      <c r="G22" s="23">
        <v>0</v>
      </c>
      <c r="H22" s="22">
        <v>1</v>
      </c>
      <c r="I22" s="22">
        <v>0</v>
      </c>
      <c r="J22" s="22">
        <v>1</v>
      </c>
      <c r="K22" s="21">
        <v>1</v>
      </c>
      <c r="L22" s="53">
        <v>0</v>
      </c>
      <c r="M22" s="54">
        <v>1</v>
      </c>
    </row>
    <row r="23" spans="1:13">
      <c r="A23" s="20" t="s">
        <v>30</v>
      </c>
      <c r="B23" s="21">
        <v>-2</v>
      </c>
      <c r="C23" s="22">
        <v>-1</v>
      </c>
      <c r="D23" s="22">
        <v>-1</v>
      </c>
      <c r="E23" s="21">
        <v>0</v>
      </c>
      <c r="F23" s="22">
        <v>0</v>
      </c>
      <c r="G23" s="23">
        <v>0</v>
      </c>
      <c r="H23" s="22">
        <v>0</v>
      </c>
      <c r="I23" s="22">
        <v>0</v>
      </c>
      <c r="J23" s="22">
        <v>0</v>
      </c>
      <c r="K23" s="21">
        <v>2</v>
      </c>
      <c r="L23" s="53">
        <v>1</v>
      </c>
      <c r="M23" s="54">
        <v>1</v>
      </c>
    </row>
    <row r="24" spans="1:13" ht="20.100000000000001" customHeight="1">
      <c r="A24" s="16" t="s">
        <v>31</v>
      </c>
      <c r="B24" s="17">
        <v>-3</v>
      </c>
      <c r="C24" s="18">
        <v>1</v>
      </c>
      <c r="D24" s="18">
        <v>-4</v>
      </c>
      <c r="E24" s="17">
        <v>0</v>
      </c>
      <c r="F24" s="18">
        <v>0</v>
      </c>
      <c r="G24" s="19">
        <v>0</v>
      </c>
      <c r="H24" s="18">
        <v>21</v>
      </c>
      <c r="I24" s="18">
        <v>13</v>
      </c>
      <c r="J24" s="18">
        <v>8</v>
      </c>
      <c r="K24" s="17">
        <v>24</v>
      </c>
      <c r="L24" s="51">
        <v>12</v>
      </c>
      <c r="M24" s="52">
        <v>12</v>
      </c>
    </row>
    <row r="25" spans="1:13">
      <c r="A25" s="20" t="s">
        <v>32</v>
      </c>
      <c r="B25" s="21">
        <v>1</v>
      </c>
      <c r="C25" s="22">
        <v>0</v>
      </c>
      <c r="D25" s="22">
        <v>1</v>
      </c>
      <c r="E25" s="21">
        <v>0</v>
      </c>
      <c r="F25" s="22">
        <v>0</v>
      </c>
      <c r="G25" s="23">
        <v>0</v>
      </c>
      <c r="H25" s="22">
        <v>4</v>
      </c>
      <c r="I25" s="22">
        <v>3</v>
      </c>
      <c r="J25" s="22">
        <v>1</v>
      </c>
      <c r="K25" s="21">
        <v>3</v>
      </c>
      <c r="L25" s="53">
        <v>3</v>
      </c>
      <c r="M25" s="54">
        <v>0</v>
      </c>
    </row>
    <row r="26" spans="1:13">
      <c r="A26" s="20" t="s">
        <v>33</v>
      </c>
      <c r="B26" s="21">
        <v>-6</v>
      </c>
      <c r="C26" s="22">
        <v>-5</v>
      </c>
      <c r="D26" s="22">
        <v>-1</v>
      </c>
      <c r="E26" s="21">
        <v>0</v>
      </c>
      <c r="F26" s="22">
        <v>0</v>
      </c>
      <c r="G26" s="23">
        <v>0</v>
      </c>
      <c r="H26" s="22">
        <v>1</v>
      </c>
      <c r="I26" s="22">
        <v>0</v>
      </c>
      <c r="J26" s="22">
        <v>1</v>
      </c>
      <c r="K26" s="21">
        <v>7</v>
      </c>
      <c r="L26" s="53">
        <v>5</v>
      </c>
      <c r="M26" s="54">
        <v>2</v>
      </c>
    </row>
    <row r="27" spans="1:13">
      <c r="A27" s="20" t="s">
        <v>34</v>
      </c>
      <c r="B27" s="21">
        <v>-1</v>
      </c>
      <c r="C27" s="22">
        <v>0</v>
      </c>
      <c r="D27" s="22">
        <v>-1</v>
      </c>
      <c r="E27" s="21">
        <v>0</v>
      </c>
      <c r="F27" s="22">
        <v>0</v>
      </c>
      <c r="G27" s="23">
        <v>0</v>
      </c>
      <c r="H27" s="22">
        <v>1</v>
      </c>
      <c r="I27" s="22">
        <v>0</v>
      </c>
      <c r="J27" s="22">
        <v>1</v>
      </c>
      <c r="K27" s="21">
        <v>2</v>
      </c>
      <c r="L27" s="53">
        <v>0</v>
      </c>
      <c r="M27" s="54">
        <v>2</v>
      </c>
    </row>
    <row r="28" spans="1:13">
      <c r="A28" s="20" t="s">
        <v>35</v>
      </c>
      <c r="B28" s="21">
        <v>1</v>
      </c>
      <c r="C28" s="22">
        <v>2</v>
      </c>
      <c r="D28" s="22">
        <v>-1</v>
      </c>
      <c r="E28" s="21">
        <v>0</v>
      </c>
      <c r="F28" s="22">
        <v>0</v>
      </c>
      <c r="G28" s="23">
        <v>0</v>
      </c>
      <c r="H28" s="22">
        <v>4</v>
      </c>
      <c r="I28" s="22">
        <v>3</v>
      </c>
      <c r="J28" s="22">
        <v>1</v>
      </c>
      <c r="K28" s="21">
        <v>3</v>
      </c>
      <c r="L28" s="53">
        <v>1</v>
      </c>
      <c r="M28" s="54">
        <v>2</v>
      </c>
    </row>
    <row r="29" spans="1:13">
      <c r="A29" s="20" t="s">
        <v>36</v>
      </c>
      <c r="B29" s="21">
        <v>2</v>
      </c>
      <c r="C29" s="22">
        <v>4</v>
      </c>
      <c r="D29" s="22">
        <v>-2</v>
      </c>
      <c r="E29" s="21">
        <v>0</v>
      </c>
      <c r="F29" s="22">
        <v>0</v>
      </c>
      <c r="G29" s="23">
        <v>0</v>
      </c>
      <c r="H29" s="22">
        <v>11</v>
      </c>
      <c r="I29" s="22">
        <v>7</v>
      </c>
      <c r="J29" s="22">
        <v>4</v>
      </c>
      <c r="K29" s="21">
        <v>9</v>
      </c>
      <c r="L29" s="53">
        <v>3</v>
      </c>
      <c r="M29" s="54">
        <v>6</v>
      </c>
    </row>
    <row r="30" spans="1:13" ht="20.100000000000001" customHeight="1">
      <c r="A30" s="16" t="s">
        <v>37</v>
      </c>
      <c r="B30" s="17">
        <v>-11</v>
      </c>
      <c r="C30" s="18">
        <v>3</v>
      </c>
      <c r="D30" s="18">
        <v>-14</v>
      </c>
      <c r="E30" s="17">
        <v>0</v>
      </c>
      <c r="F30" s="18">
        <v>0</v>
      </c>
      <c r="G30" s="19">
        <v>0</v>
      </c>
      <c r="H30" s="18">
        <v>52</v>
      </c>
      <c r="I30" s="18">
        <v>33</v>
      </c>
      <c r="J30" s="18">
        <v>19</v>
      </c>
      <c r="K30" s="17">
        <v>63</v>
      </c>
      <c r="L30" s="51">
        <v>30</v>
      </c>
      <c r="M30" s="52">
        <v>33</v>
      </c>
    </row>
    <row r="31" spans="1:13">
      <c r="A31" s="20" t="s">
        <v>38</v>
      </c>
      <c r="B31" s="21">
        <v>5</v>
      </c>
      <c r="C31" s="22">
        <v>6</v>
      </c>
      <c r="D31" s="22">
        <v>-1</v>
      </c>
      <c r="E31" s="21">
        <v>0</v>
      </c>
      <c r="F31" s="22">
        <v>0</v>
      </c>
      <c r="G31" s="23">
        <v>0</v>
      </c>
      <c r="H31" s="22">
        <v>11</v>
      </c>
      <c r="I31" s="22">
        <v>7</v>
      </c>
      <c r="J31" s="22">
        <v>4</v>
      </c>
      <c r="K31" s="21">
        <v>6</v>
      </c>
      <c r="L31" s="53">
        <v>1</v>
      </c>
      <c r="M31" s="54">
        <v>5</v>
      </c>
    </row>
    <row r="32" spans="1:13">
      <c r="A32" s="20" t="s">
        <v>39</v>
      </c>
      <c r="B32" s="21">
        <v>3</v>
      </c>
      <c r="C32" s="22">
        <v>2</v>
      </c>
      <c r="D32" s="22">
        <v>1</v>
      </c>
      <c r="E32" s="21">
        <v>0</v>
      </c>
      <c r="F32" s="22">
        <v>0</v>
      </c>
      <c r="G32" s="23">
        <v>0</v>
      </c>
      <c r="H32" s="22">
        <v>13</v>
      </c>
      <c r="I32" s="22">
        <v>7</v>
      </c>
      <c r="J32" s="22">
        <v>6</v>
      </c>
      <c r="K32" s="21">
        <v>10</v>
      </c>
      <c r="L32" s="53">
        <v>5</v>
      </c>
      <c r="M32" s="54">
        <v>5</v>
      </c>
    </row>
    <row r="33" spans="1:13">
      <c r="A33" s="20" t="s">
        <v>40</v>
      </c>
      <c r="B33" s="21">
        <v>-4</v>
      </c>
      <c r="C33" s="22">
        <v>0</v>
      </c>
      <c r="D33" s="22">
        <v>-4</v>
      </c>
      <c r="E33" s="21">
        <v>0</v>
      </c>
      <c r="F33" s="22">
        <v>0</v>
      </c>
      <c r="G33" s="23">
        <v>0</v>
      </c>
      <c r="H33" s="22">
        <v>11</v>
      </c>
      <c r="I33" s="22">
        <v>6</v>
      </c>
      <c r="J33" s="22">
        <v>5</v>
      </c>
      <c r="K33" s="21">
        <v>15</v>
      </c>
      <c r="L33" s="53">
        <v>6</v>
      </c>
      <c r="M33" s="54">
        <v>9</v>
      </c>
    </row>
    <row r="34" spans="1:13">
      <c r="A34" s="20" t="s">
        <v>41</v>
      </c>
      <c r="B34" s="21">
        <v>-7</v>
      </c>
      <c r="C34" s="22">
        <v>-6</v>
      </c>
      <c r="D34" s="22">
        <v>-1</v>
      </c>
      <c r="E34" s="21">
        <v>0</v>
      </c>
      <c r="F34" s="22">
        <v>0</v>
      </c>
      <c r="G34" s="23">
        <v>0</v>
      </c>
      <c r="H34" s="22">
        <v>9</v>
      </c>
      <c r="I34" s="22">
        <v>7</v>
      </c>
      <c r="J34" s="22">
        <v>2</v>
      </c>
      <c r="K34" s="21">
        <v>16</v>
      </c>
      <c r="L34" s="53">
        <v>13</v>
      </c>
      <c r="M34" s="54">
        <v>3</v>
      </c>
    </row>
    <row r="35" spans="1:13">
      <c r="A35" s="20" t="s">
        <v>42</v>
      </c>
      <c r="B35" s="21">
        <v>-8</v>
      </c>
      <c r="C35" s="22">
        <v>1</v>
      </c>
      <c r="D35" s="22">
        <v>-9</v>
      </c>
      <c r="E35" s="21">
        <v>0</v>
      </c>
      <c r="F35" s="22">
        <v>0</v>
      </c>
      <c r="G35" s="23">
        <v>0</v>
      </c>
      <c r="H35" s="22">
        <v>8</v>
      </c>
      <c r="I35" s="22">
        <v>6</v>
      </c>
      <c r="J35" s="22">
        <v>2</v>
      </c>
      <c r="K35" s="21">
        <v>16</v>
      </c>
      <c r="L35" s="53">
        <v>5</v>
      </c>
      <c r="M35" s="54">
        <v>11</v>
      </c>
    </row>
    <row r="36" spans="1:13" ht="20.100000000000001" customHeight="1">
      <c r="A36" s="16" t="s">
        <v>43</v>
      </c>
      <c r="B36" s="17">
        <v>-10</v>
      </c>
      <c r="C36" s="18">
        <v>3</v>
      </c>
      <c r="D36" s="18">
        <v>-13</v>
      </c>
      <c r="E36" s="17">
        <v>0</v>
      </c>
      <c r="F36" s="18">
        <v>0</v>
      </c>
      <c r="G36" s="19">
        <v>0</v>
      </c>
      <c r="H36" s="18">
        <v>56</v>
      </c>
      <c r="I36" s="18">
        <v>31</v>
      </c>
      <c r="J36" s="18">
        <v>25</v>
      </c>
      <c r="K36" s="17">
        <v>66</v>
      </c>
      <c r="L36" s="51">
        <v>28</v>
      </c>
      <c r="M36" s="52">
        <v>38</v>
      </c>
    </row>
    <row r="37" spans="1:13">
      <c r="A37" s="20" t="s">
        <v>44</v>
      </c>
      <c r="B37" s="21">
        <v>0</v>
      </c>
      <c r="C37" s="22">
        <v>5</v>
      </c>
      <c r="D37" s="22">
        <v>-5</v>
      </c>
      <c r="E37" s="21">
        <v>0</v>
      </c>
      <c r="F37" s="22">
        <v>0</v>
      </c>
      <c r="G37" s="23">
        <v>0</v>
      </c>
      <c r="H37" s="22">
        <v>14</v>
      </c>
      <c r="I37" s="22">
        <v>10</v>
      </c>
      <c r="J37" s="22">
        <v>4</v>
      </c>
      <c r="K37" s="21">
        <v>14</v>
      </c>
      <c r="L37" s="53">
        <v>5</v>
      </c>
      <c r="M37" s="54">
        <v>9</v>
      </c>
    </row>
    <row r="38" spans="1:13">
      <c r="A38" s="20" t="s">
        <v>45</v>
      </c>
      <c r="B38" s="21">
        <v>-7</v>
      </c>
      <c r="C38" s="22">
        <v>-6</v>
      </c>
      <c r="D38" s="22">
        <v>-1</v>
      </c>
      <c r="E38" s="21">
        <v>0</v>
      </c>
      <c r="F38" s="22">
        <v>0</v>
      </c>
      <c r="G38" s="23">
        <v>0</v>
      </c>
      <c r="H38" s="22">
        <v>6</v>
      </c>
      <c r="I38" s="22">
        <v>2</v>
      </c>
      <c r="J38" s="22">
        <v>4</v>
      </c>
      <c r="K38" s="21">
        <v>13</v>
      </c>
      <c r="L38" s="53">
        <v>8</v>
      </c>
      <c r="M38" s="54">
        <v>5</v>
      </c>
    </row>
    <row r="39" spans="1:13">
      <c r="A39" s="20" t="s">
        <v>46</v>
      </c>
      <c r="B39" s="21">
        <v>2</v>
      </c>
      <c r="C39" s="22">
        <v>3</v>
      </c>
      <c r="D39" s="22">
        <v>-1</v>
      </c>
      <c r="E39" s="21">
        <v>0</v>
      </c>
      <c r="F39" s="22">
        <v>0</v>
      </c>
      <c r="G39" s="23">
        <v>0</v>
      </c>
      <c r="H39" s="22">
        <v>10</v>
      </c>
      <c r="I39" s="22">
        <v>6</v>
      </c>
      <c r="J39" s="22">
        <v>4</v>
      </c>
      <c r="K39" s="21">
        <v>8</v>
      </c>
      <c r="L39" s="53">
        <v>3</v>
      </c>
      <c r="M39" s="54">
        <v>5</v>
      </c>
    </row>
    <row r="40" spans="1:13">
      <c r="A40" s="20" t="s">
        <v>47</v>
      </c>
      <c r="B40" s="21">
        <v>0</v>
      </c>
      <c r="C40" s="22">
        <v>1</v>
      </c>
      <c r="D40" s="22">
        <v>-1</v>
      </c>
      <c r="E40" s="21">
        <v>0</v>
      </c>
      <c r="F40" s="22">
        <v>0</v>
      </c>
      <c r="G40" s="23">
        <v>0</v>
      </c>
      <c r="H40" s="22">
        <v>11</v>
      </c>
      <c r="I40" s="22">
        <v>7</v>
      </c>
      <c r="J40" s="22">
        <v>4</v>
      </c>
      <c r="K40" s="21">
        <v>11</v>
      </c>
      <c r="L40" s="53">
        <v>6</v>
      </c>
      <c r="M40" s="54">
        <v>5</v>
      </c>
    </row>
    <row r="41" spans="1:13">
      <c r="A41" s="20" t="s">
        <v>48</v>
      </c>
      <c r="B41" s="21">
        <v>-5</v>
      </c>
      <c r="C41" s="22">
        <v>0</v>
      </c>
      <c r="D41" s="22">
        <v>-5</v>
      </c>
      <c r="E41" s="21">
        <v>0</v>
      </c>
      <c r="F41" s="22">
        <v>0</v>
      </c>
      <c r="G41" s="23">
        <v>0</v>
      </c>
      <c r="H41" s="22">
        <v>15</v>
      </c>
      <c r="I41" s="22">
        <v>6</v>
      </c>
      <c r="J41" s="22">
        <v>9</v>
      </c>
      <c r="K41" s="21">
        <v>20</v>
      </c>
      <c r="L41" s="53">
        <v>6</v>
      </c>
      <c r="M41" s="54">
        <v>14</v>
      </c>
    </row>
    <row r="42" spans="1:13" ht="20.100000000000001" customHeight="1">
      <c r="A42" s="16" t="s">
        <v>49</v>
      </c>
      <c r="B42" s="17">
        <v>-10</v>
      </c>
      <c r="C42" s="18">
        <v>0</v>
      </c>
      <c r="D42" s="18">
        <v>-10</v>
      </c>
      <c r="E42" s="17">
        <v>0</v>
      </c>
      <c r="F42" s="18">
        <v>0</v>
      </c>
      <c r="G42" s="19">
        <v>0</v>
      </c>
      <c r="H42" s="18">
        <v>37</v>
      </c>
      <c r="I42" s="18">
        <v>25</v>
      </c>
      <c r="J42" s="18">
        <v>12</v>
      </c>
      <c r="K42" s="17">
        <v>47</v>
      </c>
      <c r="L42" s="51">
        <v>25</v>
      </c>
      <c r="M42" s="52">
        <v>22</v>
      </c>
    </row>
    <row r="43" spans="1:13">
      <c r="A43" s="20" t="s">
        <v>50</v>
      </c>
      <c r="B43" s="21">
        <v>-2</v>
      </c>
      <c r="C43" s="22">
        <v>-1</v>
      </c>
      <c r="D43" s="22">
        <v>-1</v>
      </c>
      <c r="E43" s="21">
        <v>0</v>
      </c>
      <c r="F43" s="22">
        <v>0</v>
      </c>
      <c r="G43" s="23">
        <v>0</v>
      </c>
      <c r="H43" s="22">
        <v>6</v>
      </c>
      <c r="I43" s="22">
        <v>3</v>
      </c>
      <c r="J43" s="22">
        <v>3</v>
      </c>
      <c r="K43" s="21">
        <v>8</v>
      </c>
      <c r="L43" s="53">
        <v>4</v>
      </c>
      <c r="M43" s="54">
        <v>4</v>
      </c>
    </row>
    <row r="44" spans="1:13">
      <c r="A44" s="20" t="s">
        <v>51</v>
      </c>
      <c r="B44" s="21">
        <v>-11</v>
      </c>
      <c r="C44" s="22">
        <v>-7</v>
      </c>
      <c r="D44" s="22">
        <v>-4</v>
      </c>
      <c r="E44" s="21">
        <v>0</v>
      </c>
      <c r="F44" s="22">
        <v>0</v>
      </c>
      <c r="G44" s="23">
        <v>0</v>
      </c>
      <c r="H44" s="22">
        <v>5</v>
      </c>
      <c r="I44" s="22">
        <v>3</v>
      </c>
      <c r="J44" s="22">
        <v>2</v>
      </c>
      <c r="K44" s="21">
        <v>16</v>
      </c>
      <c r="L44" s="53">
        <v>10</v>
      </c>
      <c r="M44" s="54">
        <v>6</v>
      </c>
    </row>
    <row r="45" spans="1:13">
      <c r="A45" s="20" t="s">
        <v>52</v>
      </c>
      <c r="B45" s="21">
        <v>6</v>
      </c>
      <c r="C45" s="22">
        <v>3</v>
      </c>
      <c r="D45" s="22">
        <v>3</v>
      </c>
      <c r="E45" s="21">
        <v>0</v>
      </c>
      <c r="F45" s="22">
        <v>0</v>
      </c>
      <c r="G45" s="23">
        <v>0</v>
      </c>
      <c r="H45" s="22">
        <v>12</v>
      </c>
      <c r="I45" s="22">
        <v>8</v>
      </c>
      <c r="J45" s="22">
        <v>4</v>
      </c>
      <c r="K45" s="21">
        <v>6</v>
      </c>
      <c r="L45" s="53">
        <v>5</v>
      </c>
      <c r="M45" s="54">
        <v>1</v>
      </c>
    </row>
    <row r="46" spans="1:13">
      <c r="A46" s="20" t="s">
        <v>53</v>
      </c>
      <c r="B46" s="21">
        <v>-1</v>
      </c>
      <c r="C46" s="22">
        <v>3</v>
      </c>
      <c r="D46" s="22">
        <v>-4</v>
      </c>
      <c r="E46" s="21">
        <v>0</v>
      </c>
      <c r="F46" s="22">
        <v>0</v>
      </c>
      <c r="G46" s="23">
        <v>0</v>
      </c>
      <c r="H46" s="22">
        <v>7</v>
      </c>
      <c r="I46" s="22">
        <v>6</v>
      </c>
      <c r="J46" s="22">
        <v>1</v>
      </c>
      <c r="K46" s="21">
        <v>8</v>
      </c>
      <c r="L46" s="53">
        <v>3</v>
      </c>
      <c r="M46" s="54">
        <v>5</v>
      </c>
    </row>
    <row r="47" spans="1:13">
      <c r="A47" s="20" t="s">
        <v>54</v>
      </c>
      <c r="B47" s="21">
        <v>-2</v>
      </c>
      <c r="C47" s="22">
        <v>2</v>
      </c>
      <c r="D47" s="22">
        <v>-4</v>
      </c>
      <c r="E47" s="21">
        <v>0</v>
      </c>
      <c r="F47" s="22">
        <v>0</v>
      </c>
      <c r="G47" s="23">
        <v>0</v>
      </c>
      <c r="H47" s="22">
        <v>7</v>
      </c>
      <c r="I47" s="22">
        <v>5</v>
      </c>
      <c r="J47" s="22">
        <v>2</v>
      </c>
      <c r="K47" s="21">
        <v>9</v>
      </c>
      <c r="L47" s="53">
        <v>3</v>
      </c>
      <c r="M47" s="54">
        <v>6</v>
      </c>
    </row>
    <row r="48" spans="1:13" ht="20.100000000000001" customHeight="1">
      <c r="A48" s="16" t="s">
        <v>55</v>
      </c>
      <c r="B48" s="17">
        <v>-15</v>
      </c>
      <c r="C48" s="18">
        <v>-5</v>
      </c>
      <c r="D48" s="18">
        <v>-10</v>
      </c>
      <c r="E48" s="17">
        <v>0</v>
      </c>
      <c r="F48" s="18">
        <v>0</v>
      </c>
      <c r="G48" s="19">
        <v>0</v>
      </c>
      <c r="H48" s="18">
        <v>26</v>
      </c>
      <c r="I48" s="18">
        <v>16</v>
      </c>
      <c r="J48" s="18">
        <v>10</v>
      </c>
      <c r="K48" s="17">
        <v>41</v>
      </c>
      <c r="L48" s="51">
        <v>21</v>
      </c>
      <c r="M48" s="52">
        <v>20</v>
      </c>
    </row>
    <row r="49" spans="1:13">
      <c r="A49" s="20" t="s">
        <v>56</v>
      </c>
      <c r="B49" s="21">
        <v>0</v>
      </c>
      <c r="C49" s="22">
        <v>0</v>
      </c>
      <c r="D49" s="22">
        <v>0</v>
      </c>
      <c r="E49" s="21">
        <v>0</v>
      </c>
      <c r="F49" s="22">
        <v>0</v>
      </c>
      <c r="G49" s="23">
        <v>0</v>
      </c>
      <c r="H49" s="22">
        <v>6</v>
      </c>
      <c r="I49" s="22">
        <v>4</v>
      </c>
      <c r="J49" s="22">
        <v>2</v>
      </c>
      <c r="K49" s="21">
        <v>6</v>
      </c>
      <c r="L49" s="53">
        <v>4</v>
      </c>
      <c r="M49" s="54">
        <v>2</v>
      </c>
    </row>
    <row r="50" spans="1:13">
      <c r="A50" s="20" t="s">
        <v>57</v>
      </c>
      <c r="B50" s="21">
        <v>-11</v>
      </c>
      <c r="C50" s="22">
        <v>-9</v>
      </c>
      <c r="D50" s="22">
        <v>-2</v>
      </c>
      <c r="E50" s="21">
        <v>0</v>
      </c>
      <c r="F50" s="22">
        <v>0</v>
      </c>
      <c r="G50" s="23">
        <v>0</v>
      </c>
      <c r="H50" s="22">
        <v>5</v>
      </c>
      <c r="I50" s="22">
        <v>2</v>
      </c>
      <c r="J50" s="22">
        <v>3</v>
      </c>
      <c r="K50" s="21">
        <v>16</v>
      </c>
      <c r="L50" s="53">
        <v>11</v>
      </c>
      <c r="M50" s="54">
        <v>5</v>
      </c>
    </row>
    <row r="51" spans="1:13">
      <c r="A51" s="20" t="s">
        <v>58</v>
      </c>
      <c r="B51" s="21">
        <v>-2</v>
      </c>
      <c r="C51" s="22">
        <v>2</v>
      </c>
      <c r="D51" s="22">
        <v>-4</v>
      </c>
      <c r="E51" s="21">
        <v>0</v>
      </c>
      <c r="F51" s="22">
        <v>0</v>
      </c>
      <c r="G51" s="23">
        <v>0</v>
      </c>
      <c r="H51" s="22">
        <v>3</v>
      </c>
      <c r="I51" s="22">
        <v>3</v>
      </c>
      <c r="J51" s="22">
        <v>0</v>
      </c>
      <c r="K51" s="21">
        <v>5</v>
      </c>
      <c r="L51" s="53">
        <v>1</v>
      </c>
      <c r="M51" s="54">
        <v>4</v>
      </c>
    </row>
    <row r="52" spans="1:13">
      <c r="A52" s="20" t="s">
        <v>59</v>
      </c>
      <c r="B52" s="21">
        <v>1</v>
      </c>
      <c r="C52" s="22">
        <v>3</v>
      </c>
      <c r="D52" s="22">
        <v>-2</v>
      </c>
      <c r="E52" s="21">
        <v>0</v>
      </c>
      <c r="F52" s="22">
        <v>0</v>
      </c>
      <c r="G52" s="23">
        <v>0</v>
      </c>
      <c r="H52" s="22">
        <v>6</v>
      </c>
      <c r="I52" s="22">
        <v>4</v>
      </c>
      <c r="J52" s="22">
        <v>2</v>
      </c>
      <c r="K52" s="21">
        <v>5</v>
      </c>
      <c r="L52" s="53">
        <v>1</v>
      </c>
      <c r="M52" s="54">
        <v>4</v>
      </c>
    </row>
    <row r="53" spans="1:13">
      <c r="A53" s="20" t="s">
        <v>60</v>
      </c>
      <c r="B53" s="21">
        <v>-3</v>
      </c>
      <c r="C53" s="22">
        <v>-1</v>
      </c>
      <c r="D53" s="22">
        <v>-2</v>
      </c>
      <c r="E53" s="21">
        <v>0</v>
      </c>
      <c r="F53" s="22">
        <v>0</v>
      </c>
      <c r="G53" s="23">
        <v>0</v>
      </c>
      <c r="H53" s="22">
        <v>6</v>
      </c>
      <c r="I53" s="22">
        <v>3</v>
      </c>
      <c r="J53" s="22">
        <v>3</v>
      </c>
      <c r="K53" s="21">
        <v>9</v>
      </c>
      <c r="L53" s="53">
        <v>4</v>
      </c>
      <c r="M53" s="54">
        <v>5</v>
      </c>
    </row>
    <row r="54" spans="1:13" ht="20.100000000000001" customHeight="1">
      <c r="A54" s="16" t="s">
        <v>61</v>
      </c>
      <c r="B54" s="17">
        <v>-4</v>
      </c>
      <c r="C54" s="18">
        <v>-1</v>
      </c>
      <c r="D54" s="18">
        <v>-3</v>
      </c>
      <c r="E54" s="17">
        <v>1</v>
      </c>
      <c r="F54" s="18">
        <v>1</v>
      </c>
      <c r="G54" s="19">
        <v>0</v>
      </c>
      <c r="H54" s="18">
        <v>25</v>
      </c>
      <c r="I54" s="18">
        <v>19</v>
      </c>
      <c r="J54" s="18">
        <v>6</v>
      </c>
      <c r="K54" s="17">
        <v>28</v>
      </c>
      <c r="L54" s="51">
        <v>19</v>
      </c>
      <c r="M54" s="52">
        <v>9</v>
      </c>
    </row>
    <row r="55" spans="1:13">
      <c r="A55" s="20" t="s">
        <v>62</v>
      </c>
      <c r="B55" s="21">
        <v>2</v>
      </c>
      <c r="C55" s="22">
        <v>2</v>
      </c>
      <c r="D55" s="22">
        <v>0</v>
      </c>
      <c r="E55" s="21">
        <v>0</v>
      </c>
      <c r="F55" s="22">
        <v>0</v>
      </c>
      <c r="G55" s="23">
        <v>0</v>
      </c>
      <c r="H55" s="22">
        <v>8</v>
      </c>
      <c r="I55" s="22">
        <v>7</v>
      </c>
      <c r="J55" s="22">
        <v>1</v>
      </c>
      <c r="K55" s="21">
        <v>6</v>
      </c>
      <c r="L55" s="53">
        <v>5</v>
      </c>
      <c r="M55" s="54">
        <v>1</v>
      </c>
    </row>
    <row r="56" spans="1:13">
      <c r="A56" s="20" t="s">
        <v>63</v>
      </c>
      <c r="B56" s="21">
        <v>-2</v>
      </c>
      <c r="C56" s="22">
        <v>-2</v>
      </c>
      <c r="D56" s="22">
        <v>0</v>
      </c>
      <c r="E56" s="21">
        <v>1</v>
      </c>
      <c r="F56" s="22">
        <v>1</v>
      </c>
      <c r="G56" s="23">
        <v>0</v>
      </c>
      <c r="H56" s="22">
        <v>4</v>
      </c>
      <c r="I56" s="22">
        <v>2</v>
      </c>
      <c r="J56" s="22">
        <v>2</v>
      </c>
      <c r="K56" s="21">
        <v>5</v>
      </c>
      <c r="L56" s="53">
        <v>3</v>
      </c>
      <c r="M56" s="54">
        <v>2</v>
      </c>
    </row>
    <row r="57" spans="1:13">
      <c r="A57" s="20" t="s">
        <v>64</v>
      </c>
      <c r="B57" s="21">
        <v>1</v>
      </c>
      <c r="C57" s="22">
        <v>5</v>
      </c>
      <c r="D57" s="22">
        <v>-4</v>
      </c>
      <c r="E57" s="21">
        <v>0</v>
      </c>
      <c r="F57" s="22">
        <v>0</v>
      </c>
      <c r="G57" s="23">
        <v>0</v>
      </c>
      <c r="H57" s="22">
        <v>7</v>
      </c>
      <c r="I57" s="22">
        <v>7</v>
      </c>
      <c r="J57" s="22">
        <v>0</v>
      </c>
      <c r="K57" s="21">
        <v>6</v>
      </c>
      <c r="L57" s="53">
        <v>2</v>
      </c>
      <c r="M57" s="54">
        <v>4</v>
      </c>
    </row>
    <row r="58" spans="1:13">
      <c r="A58" s="20" t="s">
        <v>65</v>
      </c>
      <c r="B58" s="21">
        <v>-3</v>
      </c>
      <c r="C58" s="22">
        <v>-4</v>
      </c>
      <c r="D58" s="22">
        <v>1</v>
      </c>
      <c r="E58" s="21">
        <v>0</v>
      </c>
      <c r="F58" s="22">
        <v>0</v>
      </c>
      <c r="G58" s="23">
        <v>0</v>
      </c>
      <c r="H58" s="22">
        <v>4</v>
      </c>
      <c r="I58" s="22">
        <v>3</v>
      </c>
      <c r="J58" s="22">
        <v>1</v>
      </c>
      <c r="K58" s="21">
        <v>7</v>
      </c>
      <c r="L58" s="53">
        <v>7</v>
      </c>
      <c r="M58" s="54">
        <v>0</v>
      </c>
    </row>
    <row r="59" spans="1:13">
      <c r="A59" s="20" t="s">
        <v>66</v>
      </c>
      <c r="B59" s="21">
        <v>-2</v>
      </c>
      <c r="C59" s="22">
        <v>-2</v>
      </c>
      <c r="D59" s="22">
        <v>0</v>
      </c>
      <c r="E59" s="21">
        <v>0</v>
      </c>
      <c r="F59" s="22">
        <v>0</v>
      </c>
      <c r="G59" s="23">
        <v>0</v>
      </c>
      <c r="H59" s="22">
        <v>2</v>
      </c>
      <c r="I59" s="22">
        <v>0</v>
      </c>
      <c r="J59" s="22">
        <v>2</v>
      </c>
      <c r="K59" s="21">
        <v>4</v>
      </c>
      <c r="L59" s="53">
        <v>2</v>
      </c>
      <c r="M59" s="54">
        <v>2</v>
      </c>
    </row>
    <row r="60" spans="1:13" ht="20.100000000000001" customHeight="1">
      <c r="A60" s="16" t="s">
        <v>67</v>
      </c>
      <c r="B60" s="17">
        <v>-2</v>
      </c>
      <c r="C60" s="18">
        <v>0</v>
      </c>
      <c r="D60" s="18">
        <v>-2</v>
      </c>
      <c r="E60" s="17">
        <v>3</v>
      </c>
      <c r="F60" s="18">
        <v>3</v>
      </c>
      <c r="G60" s="19">
        <v>0</v>
      </c>
      <c r="H60" s="18">
        <v>26</v>
      </c>
      <c r="I60" s="18">
        <v>17</v>
      </c>
      <c r="J60" s="18">
        <v>9</v>
      </c>
      <c r="K60" s="17">
        <v>25</v>
      </c>
      <c r="L60" s="51">
        <v>14</v>
      </c>
      <c r="M60" s="52">
        <v>11</v>
      </c>
    </row>
    <row r="61" spans="1:13">
      <c r="A61" s="20" t="s">
        <v>68</v>
      </c>
      <c r="B61" s="21">
        <v>0</v>
      </c>
      <c r="C61" s="22">
        <v>-1</v>
      </c>
      <c r="D61" s="22">
        <v>1</v>
      </c>
      <c r="E61" s="21">
        <v>0</v>
      </c>
      <c r="F61" s="22">
        <v>0</v>
      </c>
      <c r="G61" s="23">
        <v>0</v>
      </c>
      <c r="H61" s="22">
        <v>4</v>
      </c>
      <c r="I61" s="22">
        <v>2</v>
      </c>
      <c r="J61" s="22">
        <v>2</v>
      </c>
      <c r="K61" s="21">
        <v>4</v>
      </c>
      <c r="L61" s="53">
        <v>3</v>
      </c>
      <c r="M61" s="54">
        <v>1</v>
      </c>
    </row>
    <row r="62" spans="1:13">
      <c r="A62" s="20" t="s">
        <v>69</v>
      </c>
      <c r="B62" s="21">
        <v>-2</v>
      </c>
      <c r="C62" s="22">
        <v>-1</v>
      </c>
      <c r="D62" s="22">
        <v>-1</v>
      </c>
      <c r="E62" s="21">
        <v>2</v>
      </c>
      <c r="F62" s="22">
        <v>2</v>
      </c>
      <c r="G62" s="23">
        <v>0</v>
      </c>
      <c r="H62" s="22">
        <v>5</v>
      </c>
      <c r="I62" s="22">
        <v>4</v>
      </c>
      <c r="J62" s="22">
        <v>1</v>
      </c>
      <c r="K62" s="21">
        <v>5</v>
      </c>
      <c r="L62" s="53">
        <v>3</v>
      </c>
      <c r="M62" s="54">
        <v>2</v>
      </c>
    </row>
    <row r="63" spans="1:13">
      <c r="A63" s="20" t="s">
        <v>70</v>
      </c>
      <c r="B63" s="21">
        <v>5</v>
      </c>
      <c r="C63" s="22">
        <v>3</v>
      </c>
      <c r="D63" s="22">
        <v>2</v>
      </c>
      <c r="E63" s="21">
        <v>0</v>
      </c>
      <c r="F63" s="22">
        <v>0</v>
      </c>
      <c r="G63" s="23">
        <v>0</v>
      </c>
      <c r="H63" s="22">
        <v>9</v>
      </c>
      <c r="I63" s="22">
        <v>6</v>
      </c>
      <c r="J63" s="22">
        <v>3</v>
      </c>
      <c r="K63" s="21">
        <v>4</v>
      </c>
      <c r="L63" s="53">
        <v>3</v>
      </c>
      <c r="M63" s="54">
        <v>1</v>
      </c>
    </row>
    <row r="64" spans="1:13">
      <c r="A64" s="20" t="s">
        <v>71</v>
      </c>
      <c r="B64" s="21">
        <v>-2</v>
      </c>
      <c r="C64" s="22">
        <v>0</v>
      </c>
      <c r="D64" s="22">
        <v>-2</v>
      </c>
      <c r="E64" s="21">
        <v>1</v>
      </c>
      <c r="F64" s="22">
        <v>1</v>
      </c>
      <c r="G64" s="23">
        <v>0</v>
      </c>
      <c r="H64" s="22">
        <v>4</v>
      </c>
      <c r="I64" s="22">
        <v>1</v>
      </c>
      <c r="J64" s="22">
        <v>3</v>
      </c>
      <c r="K64" s="21">
        <v>5</v>
      </c>
      <c r="L64" s="53">
        <v>0</v>
      </c>
      <c r="M64" s="54">
        <v>5</v>
      </c>
    </row>
    <row r="65" spans="1:13">
      <c r="A65" s="24" t="s">
        <v>72</v>
      </c>
      <c r="B65" s="25">
        <v>-3</v>
      </c>
      <c r="C65" s="26">
        <v>-1</v>
      </c>
      <c r="D65" s="26">
        <v>-2</v>
      </c>
      <c r="E65" s="25">
        <v>0</v>
      </c>
      <c r="F65" s="26">
        <v>0</v>
      </c>
      <c r="G65" s="27">
        <v>0</v>
      </c>
      <c r="H65" s="26">
        <v>4</v>
      </c>
      <c r="I65" s="26">
        <v>4</v>
      </c>
      <c r="J65" s="26">
        <v>0</v>
      </c>
      <c r="K65" s="25">
        <v>7</v>
      </c>
      <c r="L65" s="55">
        <v>5</v>
      </c>
      <c r="M65" s="56">
        <v>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45</v>
      </c>
      <c r="C69" s="58">
        <v>21</v>
      </c>
      <c r="D69" s="59">
        <v>24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45</v>
      </c>
      <c r="C70" s="61">
        <v>21</v>
      </c>
      <c r="D70" s="62">
        <v>24</v>
      </c>
    </row>
    <row r="71" spans="1:13">
      <c r="A71" s="24" t="s">
        <v>14</v>
      </c>
      <c r="B71" s="63">
        <v>45</v>
      </c>
      <c r="C71" s="64">
        <v>21</v>
      </c>
      <c r="D71" s="65">
        <v>24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0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5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8</v>
      </c>
      <c r="C77" s="18">
        <v>1</v>
      </c>
      <c r="D77" s="18">
        <v>7</v>
      </c>
      <c r="E77" s="17">
        <v>1</v>
      </c>
      <c r="F77" s="18">
        <v>1</v>
      </c>
      <c r="G77" s="19">
        <v>0</v>
      </c>
      <c r="H77" s="18">
        <v>20</v>
      </c>
      <c r="I77" s="18">
        <v>9</v>
      </c>
      <c r="J77" s="18">
        <v>11</v>
      </c>
      <c r="K77" s="17">
        <v>11</v>
      </c>
      <c r="L77" s="51">
        <v>7</v>
      </c>
      <c r="M77" s="52">
        <v>4</v>
      </c>
    </row>
    <row r="78" spans="1:13">
      <c r="A78" s="40" t="s">
        <v>81</v>
      </c>
      <c r="B78" s="21">
        <v>2</v>
      </c>
      <c r="C78" s="22">
        <v>0</v>
      </c>
      <c r="D78" s="22">
        <v>2</v>
      </c>
      <c r="E78" s="21">
        <v>0</v>
      </c>
      <c r="F78" s="22">
        <v>0</v>
      </c>
      <c r="G78" s="23">
        <v>0</v>
      </c>
      <c r="H78" s="22">
        <v>5</v>
      </c>
      <c r="I78" s="22">
        <v>2</v>
      </c>
      <c r="J78" s="22">
        <v>3</v>
      </c>
      <c r="K78" s="21">
        <v>3</v>
      </c>
      <c r="L78" s="53">
        <v>2</v>
      </c>
      <c r="M78" s="54">
        <v>1</v>
      </c>
    </row>
    <row r="79" spans="1:13">
      <c r="A79" s="40" t="s">
        <v>82</v>
      </c>
      <c r="B79" s="21">
        <v>1</v>
      </c>
      <c r="C79" s="22">
        <v>1</v>
      </c>
      <c r="D79" s="22">
        <v>0</v>
      </c>
      <c r="E79" s="21">
        <v>0</v>
      </c>
      <c r="F79" s="22">
        <v>0</v>
      </c>
      <c r="G79" s="23">
        <v>0</v>
      </c>
      <c r="H79" s="22">
        <v>2</v>
      </c>
      <c r="I79" s="22">
        <v>1</v>
      </c>
      <c r="J79" s="22">
        <v>1</v>
      </c>
      <c r="K79" s="21">
        <v>1</v>
      </c>
      <c r="L79" s="53">
        <v>0</v>
      </c>
      <c r="M79" s="54">
        <v>1</v>
      </c>
    </row>
    <row r="80" spans="1:13">
      <c r="A80" s="40" t="s">
        <v>83</v>
      </c>
      <c r="B80" s="21">
        <v>-1</v>
      </c>
      <c r="C80" s="22">
        <v>-1</v>
      </c>
      <c r="D80" s="22">
        <v>0</v>
      </c>
      <c r="E80" s="21">
        <v>1</v>
      </c>
      <c r="F80" s="22">
        <v>1</v>
      </c>
      <c r="G80" s="23">
        <v>0</v>
      </c>
      <c r="H80" s="22">
        <v>2</v>
      </c>
      <c r="I80" s="22">
        <v>2</v>
      </c>
      <c r="J80" s="22">
        <v>0</v>
      </c>
      <c r="K80" s="21">
        <v>2</v>
      </c>
      <c r="L80" s="53">
        <v>2</v>
      </c>
      <c r="M80" s="54">
        <v>0</v>
      </c>
    </row>
    <row r="81" spans="1:13">
      <c r="A81" s="40" t="s">
        <v>84</v>
      </c>
      <c r="B81" s="21">
        <v>2</v>
      </c>
      <c r="C81" s="22">
        <v>0</v>
      </c>
      <c r="D81" s="22">
        <v>2</v>
      </c>
      <c r="E81" s="21">
        <v>0</v>
      </c>
      <c r="F81" s="22">
        <v>0</v>
      </c>
      <c r="G81" s="23">
        <v>0</v>
      </c>
      <c r="H81" s="22">
        <v>4</v>
      </c>
      <c r="I81" s="22">
        <v>1</v>
      </c>
      <c r="J81" s="22">
        <v>3</v>
      </c>
      <c r="K81" s="21">
        <v>2</v>
      </c>
      <c r="L81" s="53">
        <v>1</v>
      </c>
      <c r="M81" s="54">
        <v>1</v>
      </c>
    </row>
    <row r="82" spans="1:13">
      <c r="A82" s="40" t="s">
        <v>85</v>
      </c>
      <c r="B82" s="21">
        <v>4</v>
      </c>
      <c r="C82" s="22">
        <v>1</v>
      </c>
      <c r="D82" s="22">
        <v>3</v>
      </c>
      <c r="E82" s="21">
        <v>0</v>
      </c>
      <c r="F82" s="22">
        <v>0</v>
      </c>
      <c r="G82" s="23">
        <v>0</v>
      </c>
      <c r="H82" s="22">
        <v>7</v>
      </c>
      <c r="I82" s="22">
        <v>3</v>
      </c>
      <c r="J82" s="22">
        <v>4</v>
      </c>
      <c r="K82" s="21">
        <v>3</v>
      </c>
      <c r="L82" s="53">
        <v>2</v>
      </c>
      <c r="M82" s="54">
        <v>1</v>
      </c>
    </row>
    <row r="83" spans="1:13" ht="19.5" customHeight="1">
      <c r="A83" s="34" t="s">
        <v>86</v>
      </c>
      <c r="B83" s="17">
        <v>2</v>
      </c>
      <c r="C83" s="18">
        <v>-1</v>
      </c>
      <c r="D83" s="18">
        <v>3</v>
      </c>
      <c r="E83" s="17">
        <v>1</v>
      </c>
      <c r="F83" s="18">
        <v>1</v>
      </c>
      <c r="G83" s="19">
        <v>0</v>
      </c>
      <c r="H83" s="18">
        <v>19</v>
      </c>
      <c r="I83" s="18">
        <v>10</v>
      </c>
      <c r="J83" s="18">
        <v>9</v>
      </c>
      <c r="K83" s="17">
        <v>16</v>
      </c>
      <c r="L83" s="51">
        <v>10</v>
      </c>
      <c r="M83" s="52">
        <v>6</v>
      </c>
    </row>
    <row r="84" spans="1:13">
      <c r="A84" s="40" t="s">
        <v>87</v>
      </c>
      <c r="B84" s="21">
        <v>-3</v>
      </c>
      <c r="C84" s="22">
        <v>-2</v>
      </c>
      <c r="D84" s="22">
        <v>-1</v>
      </c>
      <c r="E84" s="21">
        <v>1</v>
      </c>
      <c r="F84" s="22">
        <v>1</v>
      </c>
      <c r="G84" s="23">
        <v>0</v>
      </c>
      <c r="H84" s="22">
        <v>2</v>
      </c>
      <c r="I84" s="22">
        <v>0</v>
      </c>
      <c r="J84" s="22">
        <v>2</v>
      </c>
      <c r="K84" s="21">
        <v>4</v>
      </c>
      <c r="L84" s="53">
        <v>1</v>
      </c>
      <c r="M84" s="54">
        <v>3</v>
      </c>
    </row>
    <row r="85" spans="1:13">
      <c r="A85" s="40" t="s">
        <v>88</v>
      </c>
      <c r="B85" s="21">
        <v>2</v>
      </c>
      <c r="C85" s="22">
        <v>0</v>
      </c>
      <c r="D85" s="22">
        <v>2</v>
      </c>
      <c r="E85" s="21">
        <v>0</v>
      </c>
      <c r="F85" s="22">
        <v>0</v>
      </c>
      <c r="G85" s="23">
        <v>0</v>
      </c>
      <c r="H85" s="22">
        <v>6</v>
      </c>
      <c r="I85" s="22">
        <v>3</v>
      </c>
      <c r="J85" s="22">
        <v>3</v>
      </c>
      <c r="K85" s="21">
        <v>4</v>
      </c>
      <c r="L85" s="53">
        <v>3</v>
      </c>
      <c r="M85" s="54">
        <v>1</v>
      </c>
    </row>
    <row r="86" spans="1:13">
      <c r="A86" s="40" t="s">
        <v>89</v>
      </c>
      <c r="B86" s="21">
        <v>1</v>
      </c>
      <c r="C86" s="22">
        <v>0</v>
      </c>
      <c r="D86" s="22">
        <v>1</v>
      </c>
      <c r="E86" s="21">
        <v>0</v>
      </c>
      <c r="F86" s="22">
        <v>0</v>
      </c>
      <c r="G86" s="23">
        <v>0</v>
      </c>
      <c r="H86" s="22">
        <v>3</v>
      </c>
      <c r="I86" s="22">
        <v>2</v>
      </c>
      <c r="J86" s="22">
        <v>1</v>
      </c>
      <c r="K86" s="21">
        <v>2</v>
      </c>
      <c r="L86" s="53">
        <v>2</v>
      </c>
      <c r="M86" s="54">
        <v>0</v>
      </c>
    </row>
    <row r="87" spans="1:13">
      <c r="A87" s="40" t="s">
        <v>90</v>
      </c>
      <c r="B87" s="21">
        <v>-2</v>
      </c>
      <c r="C87" s="22">
        <v>-1</v>
      </c>
      <c r="D87" s="22">
        <v>-1</v>
      </c>
      <c r="E87" s="21">
        <v>0</v>
      </c>
      <c r="F87" s="22">
        <v>0</v>
      </c>
      <c r="G87" s="23">
        <v>0</v>
      </c>
      <c r="H87" s="22">
        <v>2</v>
      </c>
      <c r="I87" s="22">
        <v>1</v>
      </c>
      <c r="J87" s="22">
        <v>1</v>
      </c>
      <c r="K87" s="21">
        <v>4</v>
      </c>
      <c r="L87" s="53">
        <v>2</v>
      </c>
      <c r="M87" s="54">
        <v>2</v>
      </c>
    </row>
    <row r="88" spans="1:13">
      <c r="A88" s="40" t="s">
        <v>91</v>
      </c>
      <c r="B88" s="21">
        <v>4</v>
      </c>
      <c r="C88" s="22">
        <v>2</v>
      </c>
      <c r="D88" s="22">
        <v>2</v>
      </c>
      <c r="E88" s="21">
        <v>0</v>
      </c>
      <c r="F88" s="22">
        <v>0</v>
      </c>
      <c r="G88" s="23">
        <v>0</v>
      </c>
      <c r="H88" s="22">
        <v>6</v>
      </c>
      <c r="I88" s="22">
        <v>4</v>
      </c>
      <c r="J88" s="22">
        <v>2</v>
      </c>
      <c r="K88" s="21">
        <v>2</v>
      </c>
      <c r="L88" s="53">
        <v>2</v>
      </c>
      <c r="M88" s="54">
        <v>0</v>
      </c>
    </row>
    <row r="89" spans="1:13" ht="19.5" customHeight="1">
      <c r="A89" s="34" t="s">
        <v>92</v>
      </c>
      <c r="B89" s="17">
        <v>-8</v>
      </c>
      <c r="C89" s="18">
        <v>-5</v>
      </c>
      <c r="D89" s="18">
        <v>-3</v>
      </c>
      <c r="E89" s="17">
        <v>0</v>
      </c>
      <c r="F89" s="18">
        <v>0</v>
      </c>
      <c r="G89" s="19">
        <v>0</v>
      </c>
      <c r="H89" s="18">
        <v>7</v>
      </c>
      <c r="I89" s="18">
        <v>2</v>
      </c>
      <c r="J89" s="18">
        <v>5</v>
      </c>
      <c r="K89" s="17">
        <v>15</v>
      </c>
      <c r="L89" s="51">
        <v>7</v>
      </c>
      <c r="M89" s="52">
        <v>8</v>
      </c>
    </row>
    <row r="90" spans="1:13">
      <c r="A90" s="40" t="s">
        <v>93</v>
      </c>
      <c r="B90" s="21">
        <v>1</v>
      </c>
      <c r="C90" s="22">
        <v>0</v>
      </c>
      <c r="D90" s="22">
        <v>1</v>
      </c>
      <c r="E90" s="21">
        <v>0</v>
      </c>
      <c r="F90" s="22">
        <v>0</v>
      </c>
      <c r="G90" s="23">
        <v>0</v>
      </c>
      <c r="H90" s="22">
        <v>1</v>
      </c>
      <c r="I90" s="22">
        <v>0</v>
      </c>
      <c r="J90" s="22">
        <v>1</v>
      </c>
      <c r="K90" s="21">
        <v>0</v>
      </c>
      <c r="L90" s="53">
        <v>0</v>
      </c>
      <c r="M90" s="54">
        <v>0</v>
      </c>
    </row>
    <row r="91" spans="1:13">
      <c r="A91" s="40" t="s">
        <v>94</v>
      </c>
      <c r="B91" s="21">
        <v>-3</v>
      </c>
      <c r="C91" s="22">
        <v>-1</v>
      </c>
      <c r="D91" s="22">
        <v>-2</v>
      </c>
      <c r="E91" s="21">
        <v>0</v>
      </c>
      <c r="F91" s="22">
        <v>0</v>
      </c>
      <c r="G91" s="23">
        <v>0</v>
      </c>
      <c r="H91" s="22">
        <v>1</v>
      </c>
      <c r="I91" s="22">
        <v>0</v>
      </c>
      <c r="J91" s="22">
        <v>1</v>
      </c>
      <c r="K91" s="21">
        <v>4</v>
      </c>
      <c r="L91" s="53">
        <v>1</v>
      </c>
      <c r="M91" s="54">
        <v>3</v>
      </c>
    </row>
    <row r="92" spans="1:13">
      <c r="A92" s="40" t="s">
        <v>95</v>
      </c>
      <c r="B92" s="21">
        <v>-3</v>
      </c>
      <c r="C92" s="22">
        <v>-2</v>
      </c>
      <c r="D92" s="22">
        <v>-1</v>
      </c>
      <c r="E92" s="21">
        <v>0</v>
      </c>
      <c r="F92" s="22">
        <v>0</v>
      </c>
      <c r="G92" s="23">
        <v>0</v>
      </c>
      <c r="H92" s="22">
        <v>2</v>
      </c>
      <c r="I92" s="22">
        <v>2</v>
      </c>
      <c r="J92" s="22">
        <v>0</v>
      </c>
      <c r="K92" s="21">
        <v>5</v>
      </c>
      <c r="L92" s="53">
        <v>4</v>
      </c>
      <c r="M92" s="54">
        <v>1</v>
      </c>
    </row>
    <row r="93" spans="1:13">
      <c r="A93" s="40" t="s">
        <v>96</v>
      </c>
      <c r="B93" s="21">
        <v>-2</v>
      </c>
      <c r="C93" s="22">
        <v>-2</v>
      </c>
      <c r="D93" s="22">
        <v>0</v>
      </c>
      <c r="E93" s="21">
        <v>0</v>
      </c>
      <c r="F93" s="22">
        <v>0</v>
      </c>
      <c r="G93" s="23">
        <v>0</v>
      </c>
      <c r="H93" s="22">
        <v>2</v>
      </c>
      <c r="I93" s="22">
        <v>0</v>
      </c>
      <c r="J93" s="22">
        <v>2</v>
      </c>
      <c r="K93" s="21">
        <v>4</v>
      </c>
      <c r="L93" s="53">
        <v>2</v>
      </c>
      <c r="M93" s="54">
        <v>2</v>
      </c>
    </row>
    <row r="94" spans="1:13">
      <c r="A94" s="40" t="s">
        <v>97</v>
      </c>
      <c r="B94" s="21">
        <v>-1</v>
      </c>
      <c r="C94" s="22">
        <v>0</v>
      </c>
      <c r="D94" s="22">
        <v>-1</v>
      </c>
      <c r="E94" s="21">
        <v>0</v>
      </c>
      <c r="F94" s="22">
        <v>0</v>
      </c>
      <c r="G94" s="23">
        <v>0</v>
      </c>
      <c r="H94" s="22">
        <v>1</v>
      </c>
      <c r="I94" s="22">
        <v>0</v>
      </c>
      <c r="J94" s="22">
        <v>1</v>
      </c>
      <c r="K94" s="21">
        <v>2</v>
      </c>
      <c r="L94" s="53">
        <v>0</v>
      </c>
      <c r="M94" s="54">
        <v>2</v>
      </c>
    </row>
    <row r="95" spans="1:13" ht="19.5" customHeight="1">
      <c r="A95" s="34" t="s">
        <v>98</v>
      </c>
      <c r="B95" s="17">
        <v>4</v>
      </c>
      <c r="C95" s="18">
        <v>1</v>
      </c>
      <c r="D95" s="18">
        <v>3</v>
      </c>
      <c r="E95" s="17">
        <v>4</v>
      </c>
      <c r="F95" s="18">
        <v>2</v>
      </c>
      <c r="G95" s="19">
        <v>2</v>
      </c>
      <c r="H95" s="18">
        <v>11</v>
      </c>
      <c r="I95" s="18">
        <v>6</v>
      </c>
      <c r="J95" s="18">
        <v>5</v>
      </c>
      <c r="K95" s="17">
        <v>3</v>
      </c>
      <c r="L95" s="51">
        <v>3</v>
      </c>
      <c r="M95" s="52">
        <v>0</v>
      </c>
    </row>
    <row r="96" spans="1:13">
      <c r="A96" s="40" t="s">
        <v>99</v>
      </c>
      <c r="B96" s="21">
        <v>-1</v>
      </c>
      <c r="C96" s="22">
        <v>-1</v>
      </c>
      <c r="D96" s="22">
        <v>0</v>
      </c>
      <c r="E96" s="21">
        <v>1</v>
      </c>
      <c r="F96" s="22">
        <v>1</v>
      </c>
      <c r="G96" s="23">
        <v>0</v>
      </c>
      <c r="H96" s="22">
        <v>1</v>
      </c>
      <c r="I96" s="22">
        <v>1</v>
      </c>
      <c r="J96" s="22">
        <v>0</v>
      </c>
      <c r="K96" s="21">
        <v>1</v>
      </c>
      <c r="L96" s="53">
        <v>1</v>
      </c>
      <c r="M96" s="54">
        <v>0</v>
      </c>
    </row>
    <row r="97" spans="1:13">
      <c r="A97" s="40" t="s">
        <v>100</v>
      </c>
      <c r="B97" s="21">
        <v>5</v>
      </c>
      <c r="C97" s="22">
        <v>0</v>
      </c>
      <c r="D97" s="22">
        <v>5</v>
      </c>
      <c r="E97" s="21">
        <v>0</v>
      </c>
      <c r="F97" s="22">
        <v>0</v>
      </c>
      <c r="G97" s="23">
        <v>0</v>
      </c>
      <c r="H97" s="22">
        <v>6</v>
      </c>
      <c r="I97" s="22">
        <v>1</v>
      </c>
      <c r="J97" s="22">
        <v>5</v>
      </c>
      <c r="K97" s="21">
        <v>1</v>
      </c>
      <c r="L97" s="53">
        <v>1</v>
      </c>
      <c r="M97" s="54">
        <v>0</v>
      </c>
    </row>
    <row r="98" spans="1:13">
      <c r="A98" s="40" t="s">
        <v>101</v>
      </c>
      <c r="B98" s="21">
        <v>2</v>
      </c>
      <c r="C98" s="22">
        <v>3</v>
      </c>
      <c r="D98" s="22">
        <v>-1</v>
      </c>
      <c r="E98" s="21">
        <v>1</v>
      </c>
      <c r="F98" s="22">
        <v>0</v>
      </c>
      <c r="G98" s="23">
        <v>1</v>
      </c>
      <c r="H98" s="22">
        <v>3</v>
      </c>
      <c r="I98" s="22">
        <v>3</v>
      </c>
      <c r="J98" s="22">
        <v>0</v>
      </c>
      <c r="K98" s="21">
        <v>0</v>
      </c>
      <c r="L98" s="53">
        <v>0</v>
      </c>
      <c r="M98" s="54">
        <v>0</v>
      </c>
    </row>
    <row r="99" spans="1:13">
      <c r="A99" s="40" t="s">
        <v>102</v>
      </c>
      <c r="B99" s="21">
        <v>0</v>
      </c>
      <c r="C99" s="22">
        <v>0</v>
      </c>
      <c r="D99" s="22">
        <v>0</v>
      </c>
      <c r="E99" s="21">
        <v>0</v>
      </c>
      <c r="F99" s="22">
        <v>0</v>
      </c>
      <c r="G99" s="23">
        <v>0</v>
      </c>
      <c r="H99" s="22">
        <v>0</v>
      </c>
      <c r="I99" s="22">
        <v>0</v>
      </c>
      <c r="J99" s="22">
        <v>0</v>
      </c>
      <c r="K99" s="21">
        <v>0</v>
      </c>
      <c r="L99" s="53">
        <v>0</v>
      </c>
      <c r="M99" s="54">
        <v>0</v>
      </c>
    </row>
    <row r="100" spans="1:13">
      <c r="A100" s="40" t="s">
        <v>103</v>
      </c>
      <c r="B100" s="21">
        <v>-2</v>
      </c>
      <c r="C100" s="22">
        <v>-1</v>
      </c>
      <c r="D100" s="22">
        <v>-1</v>
      </c>
      <c r="E100" s="21">
        <v>2</v>
      </c>
      <c r="F100" s="22">
        <v>1</v>
      </c>
      <c r="G100" s="23">
        <v>1</v>
      </c>
      <c r="H100" s="22">
        <v>1</v>
      </c>
      <c r="I100" s="22">
        <v>1</v>
      </c>
      <c r="J100" s="22">
        <v>0</v>
      </c>
      <c r="K100" s="21">
        <v>1</v>
      </c>
      <c r="L100" s="53">
        <v>1</v>
      </c>
      <c r="M100" s="54">
        <v>0</v>
      </c>
    </row>
    <row r="101" spans="1:13" ht="19.5" customHeight="1">
      <c r="A101" s="34" t="s">
        <v>104</v>
      </c>
      <c r="B101" s="17">
        <v>-14</v>
      </c>
      <c r="C101" s="18">
        <v>-9</v>
      </c>
      <c r="D101" s="18">
        <v>-5</v>
      </c>
      <c r="E101" s="17">
        <v>13</v>
      </c>
      <c r="F101" s="18">
        <v>10</v>
      </c>
      <c r="G101" s="19">
        <v>3</v>
      </c>
      <c r="H101" s="18">
        <v>8</v>
      </c>
      <c r="I101" s="18">
        <v>4</v>
      </c>
      <c r="J101" s="18">
        <v>4</v>
      </c>
      <c r="K101" s="17">
        <v>9</v>
      </c>
      <c r="L101" s="51">
        <v>3</v>
      </c>
      <c r="M101" s="52">
        <v>6</v>
      </c>
    </row>
    <row r="102" spans="1:13">
      <c r="A102" s="40" t="s">
        <v>105</v>
      </c>
      <c r="B102" s="21">
        <v>-1</v>
      </c>
      <c r="C102" s="22">
        <v>-1</v>
      </c>
      <c r="D102" s="22">
        <v>0</v>
      </c>
      <c r="E102" s="21">
        <v>3</v>
      </c>
      <c r="F102" s="22">
        <v>2</v>
      </c>
      <c r="G102" s="23">
        <v>1</v>
      </c>
      <c r="H102" s="22">
        <v>3</v>
      </c>
      <c r="I102" s="22">
        <v>2</v>
      </c>
      <c r="J102" s="22">
        <v>1</v>
      </c>
      <c r="K102" s="21">
        <v>1</v>
      </c>
      <c r="L102" s="53">
        <v>1</v>
      </c>
      <c r="M102" s="54">
        <v>0</v>
      </c>
    </row>
    <row r="103" spans="1:13">
      <c r="A103" s="40" t="s">
        <v>106</v>
      </c>
      <c r="B103" s="21">
        <v>-3</v>
      </c>
      <c r="C103" s="22">
        <v>-2</v>
      </c>
      <c r="D103" s="22">
        <v>-1</v>
      </c>
      <c r="E103" s="21">
        <v>4</v>
      </c>
      <c r="F103" s="22">
        <v>3</v>
      </c>
      <c r="G103" s="23">
        <v>1</v>
      </c>
      <c r="H103" s="22">
        <v>3</v>
      </c>
      <c r="I103" s="22">
        <v>1</v>
      </c>
      <c r="J103" s="22">
        <v>2</v>
      </c>
      <c r="K103" s="21">
        <v>2</v>
      </c>
      <c r="L103" s="53">
        <v>0</v>
      </c>
      <c r="M103" s="54">
        <v>2</v>
      </c>
    </row>
    <row r="104" spans="1:13">
      <c r="A104" s="40" t="s">
        <v>107</v>
      </c>
      <c r="B104" s="21">
        <v>-2</v>
      </c>
      <c r="C104" s="22">
        <v>-2</v>
      </c>
      <c r="D104" s="22">
        <v>0</v>
      </c>
      <c r="E104" s="21">
        <v>2</v>
      </c>
      <c r="F104" s="22">
        <v>2</v>
      </c>
      <c r="G104" s="23">
        <v>0</v>
      </c>
      <c r="H104" s="22">
        <v>1</v>
      </c>
      <c r="I104" s="22">
        <v>1</v>
      </c>
      <c r="J104" s="22">
        <v>0</v>
      </c>
      <c r="K104" s="21">
        <v>1</v>
      </c>
      <c r="L104" s="53">
        <v>1</v>
      </c>
      <c r="M104" s="54">
        <v>0</v>
      </c>
    </row>
    <row r="105" spans="1:13">
      <c r="A105" s="40" t="s">
        <v>108</v>
      </c>
      <c r="B105" s="21">
        <v>-4</v>
      </c>
      <c r="C105" s="22">
        <v>-2</v>
      </c>
      <c r="D105" s="22">
        <v>-2</v>
      </c>
      <c r="E105" s="21">
        <v>1</v>
      </c>
      <c r="F105" s="22">
        <v>1</v>
      </c>
      <c r="G105" s="23">
        <v>0</v>
      </c>
      <c r="H105" s="22">
        <v>0</v>
      </c>
      <c r="I105" s="22">
        <v>0</v>
      </c>
      <c r="J105" s="22">
        <v>0</v>
      </c>
      <c r="K105" s="21">
        <v>3</v>
      </c>
      <c r="L105" s="53">
        <v>1</v>
      </c>
      <c r="M105" s="54">
        <v>2</v>
      </c>
    </row>
    <row r="106" spans="1:13">
      <c r="A106" s="40" t="s">
        <v>109</v>
      </c>
      <c r="B106" s="21">
        <v>-4</v>
      </c>
      <c r="C106" s="22">
        <v>-2</v>
      </c>
      <c r="D106" s="22">
        <v>-2</v>
      </c>
      <c r="E106" s="21">
        <v>3</v>
      </c>
      <c r="F106" s="22">
        <v>2</v>
      </c>
      <c r="G106" s="23">
        <v>1</v>
      </c>
      <c r="H106" s="22">
        <v>1</v>
      </c>
      <c r="I106" s="22">
        <v>0</v>
      </c>
      <c r="J106" s="22">
        <v>1</v>
      </c>
      <c r="K106" s="21">
        <v>2</v>
      </c>
      <c r="L106" s="53">
        <v>0</v>
      </c>
      <c r="M106" s="54">
        <v>2</v>
      </c>
    </row>
    <row r="107" spans="1:13" ht="19.5" customHeight="1">
      <c r="A107" s="34" t="s">
        <v>110</v>
      </c>
      <c r="B107" s="17">
        <v>-18</v>
      </c>
      <c r="C107" s="18">
        <v>-13</v>
      </c>
      <c r="D107" s="18">
        <v>-5</v>
      </c>
      <c r="E107" s="17">
        <v>18</v>
      </c>
      <c r="F107" s="18">
        <v>13</v>
      </c>
      <c r="G107" s="19">
        <v>5</v>
      </c>
      <c r="H107" s="18">
        <v>5</v>
      </c>
      <c r="I107" s="18">
        <v>2</v>
      </c>
      <c r="J107" s="18">
        <v>3</v>
      </c>
      <c r="K107" s="17">
        <v>5</v>
      </c>
      <c r="L107" s="51">
        <v>2</v>
      </c>
      <c r="M107" s="52">
        <v>3</v>
      </c>
    </row>
    <row r="108" spans="1:13">
      <c r="A108" s="40" t="s">
        <v>111</v>
      </c>
      <c r="B108" s="21">
        <v>-1</v>
      </c>
      <c r="C108" s="22">
        <v>-2</v>
      </c>
      <c r="D108" s="22">
        <v>1</v>
      </c>
      <c r="E108" s="21">
        <v>2</v>
      </c>
      <c r="F108" s="22">
        <v>2</v>
      </c>
      <c r="G108" s="23">
        <v>0</v>
      </c>
      <c r="H108" s="22">
        <v>1</v>
      </c>
      <c r="I108" s="22">
        <v>0</v>
      </c>
      <c r="J108" s="22">
        <v>1</v>
      </c>
      <c r="K108" s="21">
        <v>0</v>
      </c>
      <c r="L108" s="53">
        <v>0</v>
      </c>
      <c r="M108" s="54">
        <v>0</v>
      </c>
    </row>
    <row r="109" spans="1:13">
      <c r="A109" s="40" t="s">
        <v>112</v>
      </c>
      <c r="B109" s="21">
        <v>-4</v>
      </c>
      <c r="C109" s="22">
        <v>-1</v>
      </c>
      <c r="D109" s="22">
        <v>-3</v>
      </c>
      <c r="E109" s="21">
        <v>4</v>
      </c>
      <c r="F109" s="22">
        <v>1</v>
      </c>
      <c r="G109" s="23">
        <v>3</v>
      </c>
      <c r="H109" s="22">
        <v>1</v>
      </c>
      <c r="I109" s="22">
        <v>1</v>
      </c>
      <c r="J109" s="22">
        <v>0</v>
      </c>
      <c r="K109" s="21">
        <v>1</v>
      </c>
      <c r="L109" s="53">
        <v>1</v>
      </c>
      <c r="M109" s="54">
        <v>0</v>
      </c>
    </row>
    <row r="110" spans="1:13">
      <c r="A110" s="40" t="s">
        <v>113</v>
      </c>
      <c r="B110" s="21">
        <v>-4</v>
      </c>
      <c r="C110" s="22">
        <v>-3</v>
      </c>
      <c r="D110" s="22">
        <v>-1</v>
      </c>
      <c r="E110" s="21">
        <v>3</v>
      </c>
      <c r="F110" s="22">
        <v>2</v>
      </c>
      <c r="G110" s="23">
        <v>1</v>
      </c>
      <c r="H110" s="22">
        <v>0</v>
      </c>
      <c r="I110" s="22">
        <v>0</v>
      </c>
      <c r="J110" s="22">
        <v>0</v>
      </c>
      <c r="K110" s="21">
        <v>1</v>
      </c>
      <c r="L110" s="53">
        <v>1</v>
      </c>
      <c r="M110" s="54">
        <v>0</v>
      </c>
    </row>
    <row r="111" spans="1:13">
      <c r="A111" s="40" t="s">
        <v>114</v>
      </c>
      <c r="B111" s="21">
        <v>-2</v>
      </c>
      <c r="C111" s="22">
        <v>-2</v>
      </c>
      <c r="D111" s="22">
        <v>0</v>
      </c>
      <c r="E111" s="21">
        <v>4</v>
      </c>
      <c r="F111" s="22">
        <v>3</v>
      </c>
      <c r="G111" s="23">
        <v>1</v>
      </c>
      <c r="H111" s="22">
        <v>2</v>
      </c>
      <c r="I111" s="22">
        <v>1</v>
      </c>
      <c r="J111" s="22">
        <v>1</v>
      </c>
      <c r="K111" s="21">
        <v>0</v>
      </c>
      <c r="L111" s="53">
        <v>0</v>
      </c>
      <c r="M111" s="54">
        <v>0</v>
      </c>
    </row>
    <row r="112" spans="1:13">
      <c r="A112" s="40" t="s">
        <v>115</v>
      </c>
      <c r="B112" s="21">
        <v>-7</v>
      </c>
      <c r="C112" s="22">
        <v>-5</v>
      </c>
      <c r="D112" s="22">
        <v>-2</v>
      </c>
      <c r="E112" s="21">
        <v>5</v>
      </c>
      <c r="F112" s="22">
        <v>5</v>
      </c>
      <c r="G112" s="23">
        <v>0</v>
      </c>
      <c r="H112" s="22">
        <v>1</v>
      </c>
      <c r="I112" s="22">
        <v>0</v>
      </c>
      <c r="J112" s="22">
        <v>1</v>
      </c>
      <c r="K112" s="21">
        <v>3</v>
      </c>
      <c r="L112" s="53">
        <v>0</v>
      </c>
      <c r="M112" s="54">
        <v>3</v>
      </c>
    </row>
    <row r="113" spans="1:13" ht="19.5" customHeight="1">
      <c r="A113" s="34" t="s">
        <v>116</v>
      </c>
      <c r="B113" s="17">
        <v>-21</v>
      </c>
      <c r="C113" s="18">
        <v>-11</v>
      </c>
      <c r="D113" s="18">
        <v>-10</v>
      </c>
      <c r="E113" s="17">
        <v>19</v>
      </c>
      <c r="F113" s="18">
        <v>9</v>
      </c>
      <c r="G113" s="19">
        <v>10</v>
      </c>
      <c r="H113" s="18">
        <v>1</v>
      </c>
      <c r="I113" s="18">
        <v>0</v>
      </c>
      <c r="J113" s="18">
        <v>1</v>
      </c>
      <c r="K113" s="17">
        <v>3</v>
      </c>
      <c r="L113" s="51">
        <v>2</v>
      </c>
      <c r="M113" s="52">
        <v>1</v>
      </c>
    </row>
    <row r="114" spans="1:13">
      <c r="A114" s="40" t="s">
        <v>117</v>
      </c>
      <c r="B114" s="21">
        <v>-3</v>
      </c>
      <c r="C114" s="22">
        <v>-2</v>
      </c>
      <c r="D114" s="22">
        <v>-1</v>
      </c>
      <c r="E114" s="21">
        <v>2</v>
      </c>
      <c r="F114" s="22">
        <v>1</v>
      </c>
      <c r="G114" s="23">
        <v>1</v>
      </c>
      <c r="H114" s="22">
        <v>0</v>
      </c>
      <c r="I114" s="22">
        <v>0</v>
      </c>
      <c r="J114" s="22">
        <v>0</v>
      </c>
      <c r="K114" s="21">
        <v>1</v>
      </c>
      <c r="L114" s="53">
        <v>1</v>
      </c>
      <c r="M114" s="54">
        <v>0</v>
      </c>
    </row>
    <row r="115" spans="1:13">
      <c r="A115" s="40" t="s">
        <v>118</v>
      </c>
      <c r="B115" s="21">
        <v>-4</v>
      </c>
      <c r="C115" s="22">
        <v>-1</v>
      </c>
      <c r="D115" s="22">
        <v>-3</v>
      </c>
      <c r="E115" s="21">
        <v>4</v>
      </c>
      <c r="F115" s="22">
        <v>1</v>
      </c>
      <c r="G115" s="23">
        <v>3</v>
      </c>
      <c r="H115" s="22">
        <v>0</v>
      </c>
      <c r="I115" s="22">
        <v>0</v>
      </c>
      <c r="J115" s="22">
        <v>0</v>
      </c>
      <c r="K115" s="21">
        <v>0</v>
      </c>
      <c r="L115" s="53">
        <v>0</v>
      </c>
      <c r="M115" s="54">
        <v>0</v>
      </c>
    </row>
    <row r="116" spans="1:13">
      <c r="A116" s="40" t="s">
        <v>119</v>
      </c>
      <c r="B116" s="21">
        <v>-3</v>
      </c>
      <c r="C116" s="22">
        <v>-2</v>
      </c>
      <c r="D116" s="22">
        <v>-1</v>
      </c>
      <c r="E116" s="21">
        <v>2</v>
      </c>
      <c r="F116" s="22">
        <v>1</v>
      </c>
      <c r="G116" s="23">
        <v>1</v>
      </c>
      <c r="H116" s="22">
        <v>0</v>
      </c>
      <c r="I116" s="22">
        <v>0</v>
      </c>
      <c r="J116" s="22">
        <v>0</v>
      </c>
      <c r="K116" s="21">
        <v>1</v>
      </c>
      <c r="L116" s="53">
        <v>1</v>
      </c>
      <c r="M116" s="54">
        <v>0</v>
      </c>
    </row>
    <row r="117" spans="1:13">
      <c r="A117" s="40" t="s">
        <v>120</v>
      </c>
      <c r="B117" s="21">
        <v>-6</v>
      </c>
      <c r="C117" s="22">
        <v>-3</v>
      </c>
      <c r="D117" s="22">
        <v>-3</v>
      </c>
      <c r="E117" s="21">
        <v>7</v>
      </c>
      <c r="F117" s="22">
        <v>3</v>
      </c>
      <c r="G117" s="23">
        <v>4</v>
      </c>
      <c r="H117" s="22">
        <v>1</v>
      </c>
      <c r="I117" s="22">
        <v>0</v>
      </c>
      <c r="J117" s="22">
        <v>1</v>
      </c>
      <c r="K117" s="21">
        <v>0</v>
      </c>
      <c r="L117" s="53">
        <v>0</v>
      </c>
      <c r="M117" s="54">
        <v>0</v>
      </c>
    </row>
    <row r="118" spans="1:13">
      <c r="A118" s="40" t="s">
        <v>121</v>
      </c>
      <c r="B118" s="21">
        <v>-5</v>
      </c>
      <c r="C118" s="22">
        <v>-3</v>
      </c>
      <c r="D118" s="22">
        <v>-2</v>
      </c>
      <c r="E118" s="21">
        <v>4</v>
      </c>
      <c r="F118" s="22">
        <v>3</v>
      </c>
      <c r="G118" s="23">
        <v>1</v>
      </c>
      <c r="H118" s="22">
        <v>0</v>
      </c>
      <c r="I118" s="22">
        <v>0</v>
      </c>
      <c r="J118" s="22">
        <v>0</v>
      </c>
      <c r="K118" s="21">
        <v>1</v>
      </c>
      <c r="L118" s="53">
        <v>0</v>
      </c>
      <c r="M118" s="54">
        <v>1</v>
      </c>
    </row>
    <row r="119" spans="1:13" ht="19.5" customHeight="1">
      <c r="A119" s="34" t="s">
        <v>122</v>
      </c>
      <c r="B119" s="17">
        <v>-20</v>
      </c>
      <c r="C119" s="18">
        <v>-13</v>
      </c>
      <c r="D119" s="18">
        <v>-7</v>
      </c>
      <c r="E119" s="17">
        <v>23</v>
      </c>
      <c r="F119" s="18">
        <v>13</v>
      </c>
      <c r="G119" s="19">
        <v>10</v>
      </c>
      <c r="H119" s="18">
        <v>3</v>
      </c>
      <c r="I119" s="18">
        <v>0</v>
      </c>
      <c r="J119" s="18">
        <v>3</v>
      </c>
      <c r="K119" s="17">
        <v>0</v>
      </c>
      <c r="L119" s="51">
        <v>0</v>
      </c>
      <c r="M119" s="52">
        <v>0</v>
      </c>
    </row>
    <row r="120" spans="1:13">
      <c r="A120" s="40" t="s">
        <v>123</v>
      </c>
      <c r="B120" s="21">
        <v>-4</v>
      </c>
      <c r="C120" s="22">
        <v>-3</v>
      </c>
      <c r="D120" s="22">
        <v>-1</v>
      </c>
      <c r="E120" s="21">
        <v>4</v>
      </c>
      <c r="F120" s="22">
        <v>3</v>
      </c>
      <c r="G120" s="23">
        <v>1</v>
      </c>
      <c r="H120" s="22">
        <v>0</v>
      </c>
      <c r="I120" s="22">
        <v>0</v>
      </c>
      <c r="J120" s="22">
        <v>0</v>
      </c>
      <c r="K120" s="21">
        <v>0</v>
      </c>
      <c r="L120" s="53">
        <v>0</v>
      </c>
      <c r="M120" s="54">
        <v>0</v>
      </c>
    </row>
    <row r="121" spans="1:13">
      <c r="A121" s="40" t="s">
        <v>124</v>
      </c>
      <c r="B121" s="21">
        <v>-2</v>
      </c>
      <c r="C121" s="22">
        <v>-3</v>
      </c>
      <c r="D121" s="22">
        <v>1</v>
      </c>
      <c r="E121" s="21">
        <v>3</v>
      </c>
      <c r="F121" s="22">
        <v>3</v>
      </c>
      <c r="G121" s="23">
        <v>0</v>
      </c>
      <c r="H121" s="22">
        <v>1</v>
      </c>
      <c r="I121" s="22">
        <v>0</v>
      </c>
      <c r="J121" s="22">
        <v>1</v>
      </c>
      <c r="K121" s="21">
        <v>0</v>
      </c>
      <c r="L121" s="53">
        <v>0</v>
      </c>
      <c r="M121" s="54">
        <v>0</v>
      </c>
    </row>
    <row r="122" spans="1:13">
      <c r="A122" s="40" t="s">
        <v>125</v>
      </c>
      <c r="B122" s="21">
        <v>-2</v>
      </c>
      <c r="C122" s="22">
        <v>-1</v>
      </c>
      <c r="D122" s="22">
        <v>-1</v>
      </c>
      <c r="E122" s="21">
        <v>3</v>
      </c>
      <c r="F122" s="22">
        <v>1</v>
      </c>
      <c r="G122" s="23">
        <v>2</v>
      </c>
      <c r="H122" s="22">
        <v>1</v>
      </c>
      <c r="I122" s="22">
        <v>0</v>
      </c>
      <c r="J122" s="22">
        <v>1</v>
      </c>
      <c r="K122" s="21">
        <v>0</v>
      </c>
      <c r="L122" s="53">
        <v>0</v>
      </c>
      <c r="M122" s="54">
        <v>0</v>
      </c>
    </row>
    <row r="123" spans="1:13">
      <c r="A123" s="40" t="s">
        <v>126</v>
      </c>
      <c r="B123" s="21">
        <v>-6</v>
      </c>
      <c r="C123" s="22">
        <v>-4</v>
      </c>
      <c r="D123" s="22">
        <v>-2</v>
      </c>
      <c r="E123" s="21">
        <v>6</v>
      </c>
      <c r="F123" s="22">
        <v>4</v>
      </c>
      <c r="G123" s="23">
        <v>2</v>
      </c>
      <c r="H123" s="22">
        <v>0</v>
      </c>
      <c r="I123" s="22">
        <v>0</v>
      </c>
      <c r="J123" s="22">
        <v>0</v>
      </c>
      <c r="K123" s="21">
        <v>0</v>
      </c>
      <c r="L123" s="53">
        <v>0</v>
      </c>
      <c r="M123" s="54">
        <v>0</v>
      </c>
    </row>
    <row r="124" spans="1:13">
      <c r="A124" s="40" t="s">
        <v>127</v>
      </c>
      <c r="B124" s="21">
        <v>-6</v>
      </c>
      <c r="C124" s="22">
        <v>-2</v>
      </c>
      <c r="D124" s="22">
        <v>-4</v>
      </c>
      <c r="E124" s="21">
        <v>7</v>
      </c>
      <c r="F124" s="22">
        <v>2</v>
      </c>
      <c r="G124" s="23">
        <v>5</v>
      </c>
      <c r="H124" s="22">
        <v>1</v>
      </c>
      <c r="I124" s="22">
        <v>0</v>
      </c>
      <c r="J124" s="22">
        <v>1</v>
      </c>
      <c r="K124" s="21">
        <v>0</v>
      </c>
      <c r="L124" s="53">
        <v>0</v>
      </c>
      <c r="M124" s="54">
        <v>0</v>
      </c>
    </row>
    <row r="125" spans="1:13" ht="19.5" customHeight="1">
      <c r="A125" s="34" t="s">
        <v>128</v>
      </c>
      <c r="B125" s="17">
        <v>-7</v>
      </c>
      <c r="C125" s="18">
        <v>-3</v>
      </c>
      <c r="D125" s="18">
        <v>-4</v>
      </c>
      <c r="E125" s="17">
        <v>12</v>
      </c>
      <c r="F125" s="18">
        <v>5</v>
      </c>
      <c r="G125" s="19">
        <v>7</v>
      </c>
      <c r="H125" s="18">
        <v>5</v>
      </c>
      <c r="I125" s="18">
        <v>2</v>
      </c>
      <c r="J125" s="18">
        <v>3</v>
      </c>
      <c r="K125" s="17">
        <v>0</v>
      </c>
      <c r="L125" s="51">
        <v>0</v>
      </c>
      <c r="M125" s="52">
        <v>0</v>
      </c>
    </row>
    <row r="126" spans="1:13">
      <c r="A126" s="40" t="s">
        <v>129</v>
      </c>
      <c r="B126" s="21">
        <v>-4</v>
      </c>
      <c r="C126" s="22">
        <v>-2</v>
      </c>
      <c r="D126" s="22">
        <v>-2</v>
      </c>
      <c r="E126" s="21">
        <v>4</v>
      </c>
      <c r="F126" s="22">
        <v>2</v>
      </c>
      <c r="G126" s="23">
        <v>2</v>
      </c>
      <c r="H126" s="22">
        <v>0</v>
      </c>
      <c r="I126" s="22">
        <v>0</v>
      </c>
      <c r="J126" s="22">
        <v>0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4</v>
      </c>
      <c r="C127" s="22">
        <v>-2</v>
      </c>
      <c r="D127" s="22">
        <v>-2</v>
      </c>
      <c r="E127" s="21">
        <v>6</v>
      </c>
      <c r="F127" s="22">
        <v>3</v>
      </c>
      <c r="G127" s="23">
        <v>3</v>
      </c>
      <c r="H127" s="22">
        <v>2</v>
      </c>
      <c r="I127" s="22">
        <v>1</v>
      </c>
      <c r="J127" s="22">
        <v>1</v>
      </c>
      <c r="K127" s="21">
        <v>0</v>
      </c>
      <c r="L127" s="53">
        <v>0</v>
      </c>
      <c r="M127" s="54">
        <v>0</v>
      </c>
    </row>
    <row r="128" spans="1:13">
      <c r="A128" s="40" t="s">
        <v>131</v>
      </c>
      <c r="B128" s="21">
        <v>1</v>
      </c>
      <c r="C128" s="22">
        <v>0</v>
      </c>
      <c r="D128" s="22">
        <v>1</v>
      </c>
      <c r="E128" s="21">
        <v>0</v>
      </c>
      <c r="F128" s="22">
        <v>0</v>
      </c>
      <c r="G128" s="23">
        <v>0</v>
      </c>
      <c r="H128" s="22">
        <v>1</v>
      </c>
      <c r="I128" s="22">
        <v>0</v>
      </c>
      <c r="J128" s="22">
        <v>1</v>
      </c>
      <c r="K128" s="21">
        <v>0</v>
      </c>
      <c r="L128" s="53">
        <v>0</v>
      </c>
      <c r="M128" s="54">
        <v>0</v>
      </c>
    </row>
    <row r="129" spans="1:13">
      <c r="A129" s="40" t="s">
        <v>132</v>
      </c>
      <c r="B129" s="21">
        <v>0</v>
      </c>
      <c r="C129" s="22">
        <v>0</v>
      </c>
      <c r="D129" s="22">
        <v>0</v>
      </c>
      <c r="E129" s="21">
        <v>1</v>
      </c>
      <c r="F129" s="22">
        <v>0</v>
      </c>
      <c r="G129" s="23">
        <v>1</v>
      </c>
      <c r="H129" s="22">
        <v>1</v>
      </c>
      <c r="I129" s="22">
        <v>0</v>
      </c>
      <c r="J129" s="22">
        <v>1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0</v>
      </c>
      <c r="C130" s="22">
        <v>1</v>
      </c>
      <c r="D130" s="22">
        <v>-1</v>
      </c>
      <c r="E130" s="21">
        <v>1</v>
      </c>
      <c r="F130" s="22">
        <v>0</v>
      </c>
      <c r="G130" s="23">
        <v>1</v>
      </c>
      <c r="H130" s="22">
        <v>1</v>
      </c>
      <c r="I130" s="22">
        <v>1</v>
      </c>
      <c r="J130" s="22">
        <v>0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11</v>
      </c>
      <c r="C131" s="18">
        <v>-1</v>
      </c>
      <c r="D131" s="18">
        <v>-10</v>
      </c>
      <c r="E131" s="17">
        <v>13</v>
      </c>
      <c r="F131" s="18">
        <v>2</v>
      </c>
      <c r="G131" s="19">
        <v>11</v>
      </c>
      <c r="H131" s="18">
        <v>2</v>
      </c>
      <c r="I131" s="18">
        <v>1</v>
      </c>
      <c r="J131" s="18">
        <v>1</v>
      </c>
      <c r="K131" s="17">
        <v>0</v>
      </c>
      <c r="L131" s="51">
        <v>0</v>
      </c>
      <c r="M131" s="52">
        <v>0</v>
      </c>
    </row>
    <row r="132" spans="1:13">
      <c r="A132" s="40" t="s">
        <v>135</v>
      </c>
      <c r="B132" s="21">
        <v>-2</v>
      </c>
      <c r="C132" s="22">
        <v>0</v>
      </c>
      <c r="D132" s="22">
        <v>-2</v>
      </c>
      <c r="E132" s="21">
        <v>3</v>
      </c>
      <c r="F132" s="22">
        <v>1</v>
      </c>
      <c r="G132" s="23">
        <v>2</v>
      </c>
      <c r="H132" s="22">
        <v>1</v>
      </c>
      <c r="I132" s="22">
        <v>1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0</v>
      </c>
      <c r="C133" s="22">
        <v>0</v>
      </c>
      <c r="D133" s="22">
        <v>0</v>
      </c>
      <c r="E133" s="21">
        <v>1</v>
      </c>
      <c r="F133" s="22">
        <v>0</v>
      </c>
      <c r="G133" s="23">
        <v>1</v>
      </c>
      <c r="H133" s="22">
        <v>1</v>
      </c>
      <c r="I133" s="22">
        <v>0</v>
      </c>
      <c r="J133" s="22">
        <v>1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4</v>
      </c>
      <c r="C134" s="22">
        <v>0</v>
      </c>
      <c r="D134" s="22">
        <v>-4</v>
      </c>
      <c r="E134" s="21">
        <v>4</v>
      </c>
      <c r="F134" s="22">
        <v>0</v>
      </c>
      <c r="G134" s="23">
        <v>4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3</v>
      </c>
      <c r="C135" s="22">
        <v>-1</v>
      </c>
      <c r="D135" s="22">
        <v>-2</v>
      </c>
      <c r="E135" s="21">
        <v>3</v>
      </c>
      <c r="F135" s="22">
        <v>1</v>
      </c>
      <c r="G135" s="23">
        <v>2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</v>
      </c>
      <c r="C136" s="22">
        <v>0</v>
      </c>
      <c r="D136" s="22">
        <v>-2</v>
      </c>
      <c r="E136" s="21">
        <v>2</v>
      </c>
      <c r="F136" s="22">
        <v>0</v>
      </c>
      <c r="G136" s="23">
        <v>2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</v>
      </c>
      <c r="C137" s="43">
        <v>0</v>
      </c>
      <c r="D137" s="43">
        <v>-1</v>
      </c>
      <c r="E137" s="42">
        <v>1</v>
      </c>
      <c r="F137" s="43">
        <v>0</v>
      </c>
      <c r="G137" s="44">
        <v>1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4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5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742</v>
      </c>
      <c r="C5" s="14">
        <v>399</v>
      </c>
      <c r="D5" s="14">
        <v>343</v>
      </c>
      <c r="E5" s="13">
        <v>1555</v>
      </c>
      <c r="F5" s="14">
        <v>942</v>
      </c>
      <c r="G5" s="15">
        <v>613</v>
      </c>
      <c r="H5" s="14">
        <v>14015</v>
      </c>
      <c r="I5" s="14">
        <v>7967</v>
      </c>
      <c r="J5" s="14">
        <v>6048</v>
      </c>
      <c r="K5" s="13">
        <v>12607</v>
      </c>
      <c r="L5" s="49">
        <v>7079</v>
      </c>
      <c r="M5" s="50">
        <v>5528</v>
      </c>
    </row>
    <row r="6" spans="1:13" ht="19.5" customHeight="1">
      <c r="A6" s="16" t="s">
        <v>13</v>
      </c>
      <c r="B6" s="17">
        <v>926</v>
      </c>
      <c r="C6" s="18">
        <v>475</v>
      </c>
      <c r="D6" s="18">
        <v>451</v>
      </c>
      <c r="E6" s="17">
        <v>3</v>
      </c>
      <c r="F6" s="18">
        <v>2</v>
      </c>
      <c r="G6" s="19">
        <v>1</v>
      </c>
      <c r="H6" s="18">
        <v>621</v>
      </c>
      <c r="I6" s="18">
        <v>309</v>
      </c>
      <c r="J6" s="18">
        <v>312</v>
      </c>
      <c r="K6" s="17">
        <v>581</v>
      </c>
      <c r="L6" s="51">
        <v>285</v>
      </c>
      <c r="M6" s="52">
        <v>296</v>
      </c>
    </row>
    <row r="7" spans="1:13">
      <c r="A7" s="20" t="s">
        <v>14</v>
      </c>
      <c r="B7" s="21">
        <v>907</v>
      </c>
      <c r="C7" s="22">
        <v>461</v>
      </c>
      <c r="D7" s="22">
        <v>446</v>
      </c>
      <c r="E7" s="21">
        <v>3</v>
      </c>
      <c r="F7" s="22">
        <v>2</v>
      </c>
      <c r="G7" s="23">
        <v>1</v>
      </c>
      <c r="H7" s="22">
        <v>83</v>
      </c>
      <c r="I7" s="22">
        <v>37</v>
      </c>
      <c r="J7" s="22">
        <v>46</v>
      </c>
      <c r="K7" s="21">
        <v>62</v>
      </c>
      <c r="L7" s="53">
        <v>27</v>
      </c>
      <c r="M7" s="54">
        <v>35</v>
      </c>
    </row>
    <row r="8" spans="1:13">
      <c r="A8" s="20" t="s">
        <v>15</v>
      </c>
      <c r="B8" s="21">
        <v>6</v>
      </c>
      <c r="C8" s="22">
        <v>-5</v>
      </c>
      <c r="D8" s="22">
        <v>11</v>
      </c>
      <c r="E8" s="21">
        <v>0</v>
      </c>
      <c r="F8" s="22">
        <v>0</v>
      </c>
      <c r="G8" s="23">
        <v>0</v>
      </c>
      <c r="H8" s="22">
        <v>161</v>
      </c>
      <c r="I8" s="22">
        <v>84</v>
      </c>
      <c r="J8" s="22">
        <v>77</v>
      </c>
      <c r="K8" s="21">
        <v>155</v>
      </c>
      <c r="L8" s="53">
        <v>89</v>
      </c>
      <c r="M8" s="54">
        <v>66</v>
      </c>
    </row>
    <row r="9" spans="1:13">
      <c r="A9" s="20" t="s">
        <v>16</v>
      </c>
      <c r="B9" s="21">
        <v>-2</v>
      </c>
      <c r="C9" s="22">
        <v>-7</v>
      </c>
      <c r="D9" s="22">
        <v>5</v>
      </c>
      <c r="E9" s="21">
        <v>0</v>
      </c>
      <c r="F9" s="22">
        <v>0</v>
      </c>
      <c r="G9" s="23">
        <v>0</v>
      </c>
      <c r="H9" s="22">
        <v>135</v>
      </c>
      <c r="I9" s="22">
        <v>60</v>
      </c>
      <c r="J9" s="22">
        <v>75</v>
      </c>
      <c r="K9" s="21">
        <v>137</v>
      </c>
      <c r="L9" s="53">
        <v>67</v>
      </c>
      <c r="M9" s="54">
        <v>70</v>
      </c>
    </row>
    <row r="10" spans="1:13">
      <c r="A10" s="20" t="s">
        <v>17</v>
      </c>
      <c r="B10" s="21">
        <v>8</v>
      </c>
      <c r="C10" s="22">
        <v>17</v>
      </c>
      <c r="D10" s="22">
        <v>-9</v>
      </c>
      <c r="E10" s="21">
        <v>0</v>
      </c>
      <c r="F10" s="22">
        <v>0</v>
      </c>
      <c r="G10" s="23">
        <v>0</v>
      </c>
      <c r="H10" s="22">
        <v>129</v>
      </c>
      <c r="I10" s="22">
        <v>67</v>
      </c>
      <c r="J10" s="22">
        <v>62</v>
      </c>
      <c r="K10" s="21">
        <v>121</v>
      </c>
      <c r="L10" s="53">
        <v>50</v>
      </c>
      <c r="M10" s="54">
        <v>71</v>
      </c>
    </row>
    <row r="11" spans="1:13">
      <c r="A11" s="20" t="s">
        <v>18</v>
      </c>
      <c r="B11" s="21">
        <v>7</v>
      </c>
      <c r="C11" s="22">
        <v>9</v>
      </c>
      <c r="D11" s="22">
        <v>-2</v>
      </c>
      <c r="E11" s="21">
        <v>0</v>
      </c>
      <c r="F11" s="22">
        <v>0</v>
      </c>
      <c r="G11" s="23">
        <v>0</v>
      </c>
      <c r="H11" s="22">
        <v>113</v>
      </c>
      <c r="I11" s="22">
        <v>61</v>
      </c>
      <c r="J11" s="22">
        <v>52</v>
      </c>
      <c r="K11" s="21">
        <v>106</v>
      </c>
      <c r="L11" s="53">
        <v>52</v>
      </c>
      <c r="M11" s="54">
        <v>54</v>
      </c>
    </row>
    <row r="12" spans="1:13" ht="20.100000000000001" customHeight="1">
      <c r="A12" s="16" t="s">
        <v>19</v>
      </c>
      <c r="B12" s="17">
        <v>-49</v>
      </c>
      <c r="C12" s="18">
        <v>-30</v>
      </c>
      <c r="D12" s="18">
        <v>-19</v>
      </c>
      <c r="E12" s="17">
        <v>0</v>
      </c>
      <c r="F12" s="18">
        <v>0</v>
      </c>
      <c r="G12" s="19">
        <v>0</v>
      </c>
      <c r="H12" s="18">
        <v>402</v>
      </c>
      <c r="I12" s="18">
        <v>216</v>
      </c>
      <c r="J12" s="18">
        <v>186</v>
      </c>
      <c r="K12" s="17">
        <v>451</v>
      </c>
      <c r="L12" s="51">
        <v>246</v>
      </c>
      <c r="M12" s="52">
        <v>205</v>
      </c>
    </row>
    <row r="13" spans="1:13">
      <c r="A13" s="20" t="s">
        <v>20</v>
      </c>
      <c r="B13" s="21">
        <v>-11</v>
      </c>
      <c r="C13" s="22">
        <v>-8</v>
      </c>
      <c r="D13" s="22">
        <v>-3</v>
      </c>
      <c r="E13" s="21">
        <v>0</v>
      </c>
      <c r="F13" s="22">
        <v>0</v>
      </c>
      <c r="G13" s="23">
        <v>0</v>
      </c>
      <c r="H13" s="22">
        <v>89</v>
      </c>
      <c r="I13" s="22">
        <v>52</v>
      </c>
      <c r="J13" s="22">
        <v>37</v>
      </c>
      <c r="K13" s="21">
        <v>100</v>
      </c>
      <c r="L13" s="53">
        <v>60</v>
      </c>
      <c r="M13" s="54">
        <v>40</v>
      </c>
    </row>
    <row r="14" spans="1:13">
      <c r="A14" s="20" t="s">
        <v>21</v>
      </c>
      <c r="B14" s="21">
        <v>-32</v>
      </c>
      <c r="C14" s="22">
        <v>-10</v>
      </c>
      <c r="D14" s="22">
        <v>-22</v>
      </c>
      <c r="E14" s="21">
        <v>0</v>
      </c>
      <c r="F14" s="22">
        <v>0</v>
      </c>
      <c r="G14" s="23">
        <v>0</v>
      </c>
      <c r="H14" s="22">
        <v>89</v>
      </c>
      <c r="I14" s="22">
        <v>46</v>
      </c>
      <c r="J14" s="22">
        <v>43</v>
      </c>
      <c r="K14" s="21">
        <v>121</v>
      </c>
      <c r="L14" s="53">
        <v>56</v>
      </c>
      <c r="M14" s="54">
        <v>65</v>
      </c>
    </row>
    <row r="15" spans="1:13">
      <c r="A15" s="20" t="s">
        <v>22</v>
      </c>
      <c r="B15" s="21">
        <v>-11</v>
      </c>
      <c r="C15" s="22">
        <v>-12</v>
      </c>
      <c r="D15" s="22">
        <v>1</v>
      </c>
      <c r="E15" s="21">
        <v>0</v>
      </c>
      <c r="F15" s="22">
        <v>0</v>
      </c>
      <c r="G15" s="23">
        <v>0</v>
      </c>
      <c r="H15" s="22">
        <v>88</v>
      </c>
      <c r="I15" s="22">
        <v>49</v>
      </c>
      <c r="J15" s="22">
        <v>39</v>
      </c>
      <c r="K15" s="21">
        <v>99</v>
      </c>
      <c r="L15" s="53">
        <v>61</v>
      </c>
      <c r="M15" s="54">
        <v>38</v>
      </c>
    </row>
    <row r="16" spans="1:13">
      <c r="A16" s="20" t="s">
        <v>23</v>
      </c>
      <c r="B16" s="21">
        <v>-8</v>
      </c>
      <c r="C16" s="22">
        <v>-2</v>
      </c>
      <c r="D16" s="22">
        <v>-6</v>
      </c>
      <c r="E16" s="21">
        <v>0</v>
      </c>
      <c r="F16" s="22">
        <v>0</v>
      </c>
      <c r="G16" s="23">
        <v>0</v>
      </c>
      <c r="H16" s="22">
        <v>66</v>
      </c>
      <c r="I16" s="22">
        <v>38</v>
      </c>
      <c r="J16" s="22">
        <v>28</v>
      </c>
      <c r="K16" s="21">
        <v>74</v>
      </c>
      <c r="L16" s="53">
        <v>40</v>
      </c>
      <c r="M16" s="54">
        <v>34</v>
      </c>
    </row>
    <row r="17" spans="1:13">
      <c r="A17" s="20" t="s">
        <v>24</v>
      </c>
      <c r="B17" s="21">
        <v>13</v>
      </c>
      <c r="C17" s="22">
        <v>2</v>
      </c>
      <c r="D17" s="22">
        <v>11</v>
      </c>
      <c r="E17" s="21">
        <v>0</v>
      </c>
      <c r="F17" s="22">
        <v>0</v>
      </c>
      <c r="G17" s="23">
        <v>0</v>
      </c>
      <c r="H17" s="22">
        <v>70</v>
      </c>
      <c r="I17" s="22">
        <v>31</v>
      </c>
      <c r="J17" s="22">
        <v>39</v>
      </c>
      <c r="K17" s="21">
        <v>57</v>
      </c>
      <c r="L17" s="53">
        <v>29</v>
      </c>
      <c r="M17" s="54">
        <v>28</v>
      </c>
    </row>
    <row r="18" spans="1:13" ht="20.100000000000001" customHeight="1">
      <c r="A18" s="16" t="s">
        <v>25</v>
      </c>
      <c r="B18" s="17">
        <v>43</v>
      </c>
      <c r="C18" s="18">
        <v>11</v>
      </c>
      <c r="D18" s="18">
        <v>32</v>
      </c>
      <c r="E18" s="17">
        <v>0</v>
      </c>
      <c r="F18" s="18">
        <v>0</v>
      </c>
      <c r="G18" s="19">
        <v>0</v>
      </c>
      <c r="H18" s="18">
        <v>299</v>
      </c>
      <c r="I18" s="18">
        <v>144</v>
      </c>
      <c r="J18" s="18">
        <v>155</v>
      </c>
      <c r="K18" s="17">
        <v>256</v>
      </c>
      <c r="L18" s="51">
        <v>133</v>
      </c>
      <c r="M18" s="52">
        <v>123</v>
      </c>
    </row>
    <row r="19" spans="1:13">
      <c r="A19" s="20" t="s">
        <v>26</v>
      </c>
      <c r="B19" s="21">
        <v>15</v>
      </c>
      <c r="C19" s="22">
        <v>8</v>
      </c>
      <c r="D19" s="22">
        <v>7</v>
      </c>
      <c r="E19" s="21">
        <v>0</v>
      </c>
      <c r="F19" s="22">
        <v>0</v>
      </c>
      <c r="G19" s="23">
        <v>0</v>
      </c>
      <c r="H19" s="22">
        <v>78</v>
      </c>
      <c r="I19" s="22">
        <v>40</v>
      </c>
      <c r="J19" s="22">
        <v>38</v>
      </c>
      <c r="K19" s="21">
        <v>63</v>
      </c>
      <c r="L19" s="53">
        <v>32</v>
      </c>
      <c r="M19" s="54">
        <v>31</v>
      </c>
    </row>
    <row r="20" spans="1:13">
      <c r="A20" s="20" t="s">
        <v>27</v>
      </c>
      <c r="B20" s="21">
        <v>2</v>
      </c>
      <c r="C20" s="22">
        <v>-3</v>
      </c>
      <c r="D20" s="22">
        <v>5</v>
      </c>
      <c r="E20" s="21">
        <v>0</v>
      </c>
      <c r="F20" s="22">
        <v>0</v>
      </c>
      <c r="G20" s="23">
        <v>0</v>
      </c>
      <c r="H20" s="22">
        <v>53</v>
      </c>
      <c r="I20" s="22">
        <v>23</v>
      </c>
      <c r="J20" s="22">
        <v>30</v>
      </c>
      <c r="K20" s="21">
        <v>51</v>
      </c>
      <c r="L20" s="53">
        <v>26</v>
      </c>
      <c r="M20" s="54">
        <v>25</v>
      </c>
    </row>
    <row r="21" spans="1:13">
      <c r="A21" s="20" t="s">
        <v>28</v>
      </c>
      <c r="B21" s="21">
        <v>11</v>
      </c>
      <c r="C21" s="22">
        <v>2</v>
      </c>
      <c r="D21" s="22">
        <v>9</v>
      </c>
      <c r="E21" s="21">
        <v>0</v>
      </c>
      <c r="F21" s="22">
        <v>0</v>
      </c>
      <c r="G21" s="23">
        <v>0</v>
      </c>
      <c r="H21" s="22">
        <v>59</v>
      </c>
      <c r="I21" s="22">
        <v>26</v>
      </c>
      <c r="J21" s="22">
        <v>33</v>
      </c>
      <c r="K21" s="21">
        <v>48</v>
      </c>
      <c r="L21" s="53">
        <v>24</v>
      </c>
      <c r="M21" s="54">
        <v>24</v>
      </c>
    </row>
    <row r="22" spans="1:13">
      <c r="A22" s="20" t="s">
        <v>29</v>
      </c>
      <c r="B22" s="21">
        <v>-6</v>
      </c>
      <c r="C22" s="22">
        <v>1</v>
      </c>
      <c r="D22" s="22">
        <v>-7</v>
      </c>
      <c r="E22" s="21">
        <v>0</v>
      </c>
      <c r="F22" s="22">
        <v>0</v>
      </c>
      <c r="G22" s="23">
        <v>0</v>
      </c>
      <c r="H22" s="22">
        <v>53</v>
      </c>
      <c r="I22" s="22">
        <v>26</v>
      </c>
      <c r="J22" s="22">
        <v>27</v>
      </c>
      <c r="K22" s="21">
        <v>59</v>
      </c>
      <c r="L22" s="53">
        <v>25</v>
      </c>
      <c r="M22" s="54">
        <v>34</v>
      </c>
    </row>
    <row r="23" spans="1:13">
      <c r="A23" s="20" t="s">
        <v>30</v>
      </c>
      <c r="B23" s="21">
        <v>21</v>
      </c>
      <c r="C23" s="22">
        <v>3</v>
      </c>
      <c r="D23" s="22">
        <v>18</v>
      </c>
      <c r="E23" s="21">
        <v>0</v>
      </c>
      <c r="F23" s="22">
        <v>0</v>
      </c>
      <c r="G23" s="23">
        <v>0</v>
      </c>
      <c r="H23" s="22">
        <v>56</v>
      </c>
      <c r="I23" s="22">
        <v>29</v>
      </c>
      <c r="J23" s="22">
        <v>27</v>
      </c>
      <c r="K23" s="21">
        <v>35</v>
      </c>
      <c r="L23" s="53">
        <v>26</v>
      </c>
      <c r="M23" s="54">
        <v>9</v>
      </c>
    </row>
    <row r="24" spans="1:13" ht="20.100000000000001" customHeight="1">
      <c r="A24" s="16" t="s">
        <v>31</v>
      </c>
      <c r="B24" s="17">
        <v>112</v>
      </c>
      <c r="C24" s="18">
        <v>50</v>
      </c>
      <c r="D24" s="18">
        <v>62</v>
      </c>
      <c r="E24" s="17">
        <v>0</v>
      </c>
      <c r="F24" s="18">
        <v>0</v>
      </c>
      <c r="G24" s="19">
        <v>0</v>
      </c>
      <c r="H24" s="18">
        <v>455</v>
      </c>
      <c r="I24" s="18">
        <v>243</v>
      </c>
      <c r="J24" s="18">
        <v>212</v>
      </c>
      <c r="K24" s="17">
        <v>343</v>
      </c>
      <c r="L24" s="51">
        <v>193</v>
      </c>
      <c r="M24" s="52">
        <v>150</v>
      </c>
    </row>
    <row r="25" spans="1:13">
      <c r="A25" s="20" t="s">
        <v>32</v>
      </c>
      <c r="B25" s="21">
        <v>-10</v>
      </c>
      <c r="C25" s="22">
        <v>-10</v>
      </c>
      <c r="D25" s="22">
        <v>0</v>
      </c>
      <c r="E25" s="21">
        <v>0</v>
      </c>
      <c r="F25" s="22">
        <v>0</v>
      </c>
      <c r="G25" s="23">
        <v>0</v>
      </c>
      <c r="H25" s="22">
        <v>38</v>
      </c>
      <c r="I25" s="22">
        <v>18</v>
      </c>
      <c r="J25" s="22">
        <v>20</v>
      </c>
      <c r="K25" s="21">
        <v>48</v>
      </c>
      <c r="L25" s="53">
        <v>28</v>
      </c>
      <c r="M25" s="54">
        <v>20</v>
      </c>
    </row>
    <row r="26" spans="1:13">
      <c r="A26" s="20" t="s">
        <v>33</v>
      </c>
      <c r="B26" s="21">
        <v>-2</v>
      </c>
      <c r="C26" s="22">
        <v>-2</v>
      </c>
      <c r="D26" s="22">
        <v>0</v>
      </c>
      <c r="E26" s="21">
        <v>0</v>
      </c>
      <c r="F26" s="22">
        <v>0</v>
      </c>
      <c r="G26" s="23">
        <v>0</v>
      </c>
      <c r="H26" s="22">
        <v>50</v>
      </c>
      <c r="I26" s="22">
        <v>22</v>
      </c>
      <c r="J26" s="22">
        <v>28</v>
      </c>
      <c r="K26" s="21">
        <v>52</v>
      </c>
      <c r="L26" s="53">
        <v>24</v>
      </c>
      <c r="M26" s="54">
        <v>28</v>
      </c>
    </row>
    <row r="27" spans="1:13">
      <c r="A27" s="20" t="s">
        <v>34</v>
      </c>
      <c r="B27" s="21">
        <v>8</v>
      </c>
      <c r="C27" s="22">
        <v>-4</v>
      </c>
      <c r="D27" s="22">
        <v>12</v>
      </c>
      <c r="E27" s="21">
        <v>0</v>
      </c>
      <c r="F27" s="22">
        <v>0</v>
      </c>
      <c r="G27" s="23">
        <v>0</v>
      </c>
      <c r="H27" s="22">
        <v>46</v>
      </c>
      <c r="I27" s="22">
        <v>22</v>
      </c>
      <c r="J27" s="22">
        <v>24</v>
      </c>
      <c r="K27" s="21">
        <v>38</v>
      </c>
      <c r="L27" s="53">
        <v>26</v>
      </c>
      <c r="M27" s="54">
        <v>12</v>
      </c>
    </row>
    <row r="28" spans="1:13">
      <c r="A28" s="20" t="s">
        <v>35</v>
      </c>
      <c r="B28" s="21">
        <v>41</v>
      </c>
      <c r="C28" s="22">
        <v>29</v>
      </c>
      <c r="D28" s="22">
        <v>12</v>
      </c>
      <c r="E28" s="21">
        <v>0</v>
      </c>
      <c r="F28" s="22">
        <v>0</v>
      </c>
      <c r="G28" s="23">
        <v>0</v>
      </c>
      <c r="H28" s="22">
        <v>104</v>
      </c>
      <c r="I28" s="22">
        <v>61</v>
      </c>
      <c r="J28" s="22">
        <v>43</v>
      </c>
      <c r="K28" s="21">
        <v>63</v>
      </c>
      <c r="L28" s="53">
        <v>32</v>
      </c>
      <c r="M28" s="54">
        <v>31</v>
      </c>
    </row>
    <row r="29" spans="1:13">
      <c r="A29" s="20" t="s">
        <v>36</v>
      </c>
      <c r="B29" s="21">
        <v>75</v>
      </c>
      <c r="C29" s="22">
        <v>37</v>
      </c>
      <c r="D29" s="22">
        <v>38</v>
      </c>
      <c r="E29" s="21">
        <v>0</v>
      </c>
      <c r="F29" s="22">
        <v>0</v>
      </c>
      <c r="G29" s="23">
        <v>0</v>
      </c>
      <c r="H29" s="22">
        <v>217</v>
      </c>
      <c r="I29" s="22">
        <v>120</v>
      </c>
      <c r="J29" s="22">
        <v>97</v>
      </c>
      <c r="K29" s="21">
        <v>142</v>
      </c>
      <c r="L29" s="53">
        <v>83</v>
      </c>
      <c r="M29" s="54">
        <v>59</v>
      </c>
    </row>
    <row r="30" spans="1:13" ht="20.100000000000001" customHeight="1">
      <c r="A30" s="16" t="s">
        <v>37</v>
      </c>
      <c r="B30" s="17">
        <v>601</v>
      </c>
      <c r="C30" s="18">
        <v>371</v>
      </c>
      <c r="D30" s="18">
        <v>230</v>
      </c>
      <c r="E30" s="17">
        <v>0</v>
      </c>
      <c r="F30" s="18">
        <v>0</v>
      </c>
      <c r="G30" s="19">
        <v>0</v>
      </c>
      <c r="H30" s="18">
        <v>1974</v>
      </c>
      <c r="I30" s="18">
        <v>1060</v>
      </c>
      <c r="J30" s="18">
        <v>914</v>
      </c>
      <c r="K30" s="17">
        <v>1373</v>
      </c>
      <c r="L30" s="51">
        <v>689</v>
      </c>
      <c r="M30" s="52">
        <v>684</v>
      </c>
    </row>
    <row r="31" spans="1:13">
      <c r="A31" s="20" t="s">
        <v>38</v>
      </c>
      <c r="B31" s="21">
        <v>64</v>
      </c>
      <c r="C31" s="22">
        <v>39</v>
      </c>
      <c r="D31" s="22">
        <v>25</v>
      </c>
      <c r="E31" s="21">
        <v>0</v>
      </c>
      <c r="F31" s="22">
        <v>0</v>
      </c>
      <c r="G31" s="23">
        <v>0</v>
      </c>
      <c r="H31" s="22">
        <v>234</v>
      </c>
      <c r="I31" s="22">
        <v>120</v>
      </c>
      <c r="J31" s="22">
        <v>114</v>
      </c>
      <c r="K31" s="21">
        <v>170</v>
      </c>
      <c r="L31" s="53">
        <v>81</v>
      </c>
      <c r="M31" s="54">
        <v>89</v>
      </c>
    </row>
    <row r="32" spans="1:13">
      <c r="A32" s="20" t="s">
        <v>39</v>
      </c>
      <c r="B32" s="21">
        <v>114</v>
      </c>
      <c r="C32" s="22">
        <v>54</v>
      </c>
      <c r="D32" s="22">
        <v>60</v>
      </c>
      <c r="E32" s="21">
        <v>0</v>
      </c>
      <c r="F32" s="22">
        <v>0</v>
      </c>
      <c r="G32" s="23">
        <v>0</v>
      </c>
      <c r="H32" s="22">
        <v>322</v>
      </c>
      <c r="I32" s="22">
        <v>162</v>
      </c>
      <c r="J32" s="22">
        <v>160</v>
      </c>
      <c r="K32" s="21">
        <v>208</v>
      </c>
      <c r="L32" s="53">
        <v>108</v>
      </c>
      <c r="M32" s="54">
        <v>100</v>
      </c>
    </row>
    <row r="33" spans="1:13">
      <c r="A33" s="20" t="s">
        <v>40</v>
      </c>
      <c r="B33" s="21">
        <v>126</v>
      </c>
      <c r="C33" s="22">
        <v>61</v>
      </c>
      <c r="D33" s="22">
        <v>65</v>
      </c>
      <c r="E33" s="21">
        <v>0</v>
      </c>
      <c r="F33" s="22">
        <v>0</v>
      </c>
      <c r="G33" s="23">
        <v>0</v>
      </c>
      <c r="H33" s="22">
        <v>383</v>
      </c>
      <c r="I33" s="22">
        <v>188</v>
      </c>
      <c r="J33" s="22">
        <v>195</v>
      </c>
      <c r="K33" s="21">
        <v>257</v>
      </c>
      <c r="L33" s="53">
        <v>127</v>
      </c>
      <c r="M33" s="54">
        <v>130</v>
      </c>
    </row>
    <row r="34" spans="1:13">
      <c r="A34" s="20" t="s">
        <v>41</v>
      </c>
      <c r="B34" s="21">
        <v>214</v>
      </c>
      <c r="C34" s="22">
        <v>141</v>
      </c>
      <c r="D34" s="22">
        <v>73</v>
      </c>
      <c r="E34" s="21">
        <v>0</v>
      </c>
      <c r="F34" s="22">
        <v>0</v>
      </c>
      <c r="G34" s="23">
        <v>0</v>
      </c>
      <c r="H34" s="22">
        <v>563</v>
      </c>
      <c r="I34" s="22">
        <v>323</v>
      </c>
      <c r="J34" s="22">
        <v>240</v>
      </c>
      <c r="K34" s="21">
        <v>349</v>
      </c>
      <c r="L34" s="53">
        <v>182</v>
      </c>
      <c r="M34" s="54">
        <v>167</v>
      </c>
    </row>
    <row r="35" spans="1:13">
      <c r="A35" s="20" t="s">
        <v>42</v>
      </c>
      <c r="B35" s="21">
        <v>83</v>
      </c>
      <c r="C35" s="22">
        <v>76</v>
      </c>
      <c r="D35" s="22">
        <v>7</v>
      </c>
      <c r="E35" s="21">
        <v>0</v>
      </c>
      <c r="F35" s="22">
        <v>0</v>
      </c>
      <c r="G35" s="23">
        <v>0</v>
      </c>
      <c r="H35" s="22">
        <v>472</v>
      </c>
      <c r="I35" s="22">
        <v>267</v>
      </c>
      <c r="J35" s="22">
        <v>205</v>
      </c>
      <c r="K35" s="21">
        <v>389</v>
      </c>
      <c r="L35" s="53">
        <v>191</v>
      </c>
      <c r="M35" s="54">
        <v>198</v>
      </c>
    </row>
    <row r="36" spans="1:13" ht="20.100000000000001" customHeight="1">
      <c r="A36" s="16" t="s">
        <v>43</v>
      </c>
      <c r="B36" s="17">
        <v>44</v>
      </c>
      <c r="C36" s="18">
        <v>46</v>
      </c>
      <c r="D36" s="18">
        <v>-2</v>
      </c>
      <c r="E36" s="17">
        <v>3</v>
      </c>
      <c r="F36" s="18">
        <v>3</v>
      </c>
      <c r="G36" s="19">
        <v>0</v>
      </c>
      <c r="H36" s="18">
        <v>2219</v>
      </c>
      <c r="I36" s="18">
        <v>1252</v>
      </c>
      <c r="J36" s="18">
        <v>967</v>
      </c>
      <c r="K36" s="17">
        <v>2172</v>
      </c>
      <c r="L36" s="51">
        <v>1203</v>
      </c>
      <c r="M36" s="52">
        <v>969</v>
      </c>
    </row>
    <row r="37" spans="1:13">
      <c r="A37" s="20" t="s">
        <v>44</v>
      </c>
      <c r="B37" s="21">
        <v>3</v>
      </c>
      <c r="C37" s="22">
        <v>10</v>
      </c>
      <c r="D37" s="22">
        <v>-7</v>
      </c>
      <c r="E37" s="21">
        <v>0</v>
      </c>
      <c r="F37" s="22">
        <v>0</v>
      </c>
      <c r="G37" s="23">
        <v>0</v>
      </c>
      <c r="H37" s="22">
        <v>441</v>
      </c>
      <c r="I37" s="22">
        <v>253</v>
      </c>
      <c r="J37" s="22">
        <v>188</v>
      </c>
      <c r="K37" s="21">
        <v>438</v>
      </c>
      <c r="L37" s="53">
        <v>243</v>
      </c>
      <c r="M37" s="54">
        <v>195</v>
      </c>
    </row>
    <row r="38" spans="1:13">
      <c r="A38" s="20" t="s">
        <v>45</v>
      </c>
      <c r="B38" s="21">
        <v>32</v>
      </c>
      <c r="C38" s="22">
        <v>22</v>
      </c>
      <c r="D38" s="22">
        <v>10</v>
      </c>
      <c r="E38" s="21">
        <v>1</v>
      </c>
      <c r="F38" s="22">
        <v>1</v>
      </c>
      <c r="G38" s="23">
        <v>0</v>
      </c>
      <c r="H38" s="22">
        <v>456</v>
      </c>
      <c r="I38" s="22">
        <v>241</v>
      </c>
      <c r="J38" s="22">
        <v>215</v>
      </c>
      <c r="K38" s="21">
        <v>423</v>
      </c>
      <c r="L38" s="53">
        <v>218</v>
      </c>
      <c r="M38" s="54">
        <v>205</v>
      </c>
    </row>
    <row r="39" spans="1:13">
      <c r="A39" s="20" t="s">
        <v>46</v>
      </c>
      <c r="B39" s="21">
        <v>-8</v>
      </c>
      <c r="C39" s="22">
        <v>4</v>
      </c>
      <c r="D39" s="22">
        <v>-12</v>
      </c>
      <c r="E39" s="21">
        <v>1</v>
      </c>
      <c r="F39" s="22">
        <v>1</v>
      </c>
      <c r="G39" s="23">
        <v>0</v>
      </c>
      <c r="H39" s="22">
        <v>456</v>
      </c>
      <c r="I39" s="22">
        <v>263</v>
      </c>
      <c r="J39" s="22">
        <v>193</v>
      </c>
      <c r="K39" s="21">
        <v>463</v>
      </c>
      <c r="L39" s="53">
        <v>258</v>
      </c>
      <c r="M39" s="54">
        <v>205</v>
      </c>
    </row>
    <row r="40" spans="1:13">
      <c r="A40" s="20" t="s">
        <v>47</v>
      </c>
      <c r="B40" s="21">
        <v>1</v>
      </c>
      <c r="C40" s="22">
        <v>16</v>
      </c>
      <c r="D40" s="22">
        <v>-15</v>
      </c>
      <c r="E40" s="21">
        <v>0</v>
      </c>
      <c r="F40" s="22">
        <v>0</v>
      </c>
      <c r="G40" s="23">
        <v>0</v>
      </c>
      <c r="H40" s="22">
        <v>449</v>
      </c>
      <c r="I40" s="22">
        <v>258</v>
      </c>
      <c r="J40" s="22">
        <v>191</v>
      </c>
      <c r="K40" s="21">
        <v>448</v>
      </c>
      <c r="L40" s="53">
        <v>242</v>
      </c>
      <c r="M40" s="54">
        <v>206</v>
      </c>
    </row>
    <row r="41" spans="1:13">
      <c r="A41" s="20" t="s">
        <v>48</v>
      </c>
      <c r="B41" s="21">
        <v>16</v>
      </c>
      <c r="C41" s="22">
        <v>-6</v>
      </c>
      <c r="D41" s="22">
        <v>22</v>
      </c>
      <c r="E41" s="21">
        <v>1</v>
      </c>
      <c r="F41" s="22">
        <v>1</v>
      </c>
      <c r="G41" s="23">
        <v>0</v>
      </c>
      <c r="H41" s="22">
        <v>417</v>
      </c>
      <c r="I41" s="22">
        <v>237</v>
      </c>
      <c r="J41" s="22">
        <v>180</v>
      </c>
      <c r="K41" s="21">
        <v>400</v>
      </c>
      <c r="L41" s="53">
        <v>242</v>
      </c>
      <c r="M41" s="54">
        <v>158</v>
      </c>
    </row>
    <row r="42" spans="1:13" ht="20.100000000000001" customHeight="1">
      <c r="A42" s="16" t="s">
        <v>49</v>
      </c>
      <c r="B42" s="17">
        <v>145</v>
      </c>
      <c r="C42" s="18">
        <v>66</v>
      </c>
      <c r="D42" s="18">
        <v>79</v>
      </c>
      <c r="E42" s="17">
        <v>5</v>
      </c>
      <c r="F42" s="18">
        <v>4</v>
      </c>
      <c r="G42" s="19">
        <v>1</v>
      </c>
      <c r="H42" s="18">
        <v>1871</v>
      </c>
      <c r="I42" s="18">
        <v>1008</v>
      </c>
      <c r="J42" s="18">
        <v>863</v>
      </c>
      <c r="K42" s="17">
        <v>1721</v>
      </c>
      <c r="L42" s="51">
        <v>938</v>
      </c>
      <c r="M42" s="52">
        <v>783</v>
      </c>
    </row>
    <row r="43" spans="1:13">
      <c r="A43" s="20" t="s">
        <v>50</v>
      </c>
      <c r="B43" s="21">
        <v>31</v>
      </c>
      <c r="C43" s="22">
        <v>19</v>
      </c>
      <c r="D43" s="22">
        <v>12</v>
      </c>
      <c r="E43" s="21">
        <v>0</v>
      </c>
      <c r="F43" s="22">
        <v>0</v>
      </c>
      <c r="G43" s="23">
        <v>0</v>
      </c>
      <c r="H43" s="22">
        <v>448</v>
      </c>
      <c r="I43" s="22">
        <v>243</v>
      </c>
      <c r="J43" s="22">
        <v>205</v>
      </c>
      <c r="K43" s="21">
        <v>417</v>
      </c>
      <c r="L43" s="53">
        <v>224</v>
      </c>
      <c r="M43" s="54">
        <v>193</v>
      </c>
    </row>
    <row r="44" spans="1:13">
      <c r="A44" s="20" t="s">
        <v>51</v>
      </c>
      <c r="B44" s="21">
        <v>32</v>
      </c>
      <c r="C44" s="22">
        <v>24</v>
      </c>
      <c r="D44" s="22">
        <v>8</v>
      </c>
      <c r="E44" s="21">
        <v>1</v>
      </c>
      <c r="F44" s="22">
        <v>1</v>
      </c>
      <c r="G44" s="23">
        <v>0</v>
      </c>
      <c r="H44" s="22">
        <v>387</v>
      </c>
      <c r="I44" s="22">
        <v>205</v>
      </c>
      <c r="J44" s="22">
        <v>182</v>
      </c>
      <c r="K44" s="21">
        <v>354</v>
      </c>
      <c r="L44" s="53">
        <v>180</v>
      </c>
      <c r="M44" s="54">
        <v>174</v>
      </c>
    </row>
    <row r="45" spans="1:13">
      <c r="A45" s="20" t="s">
        <v>52</v>
      </c>
      <c r="B45" s="21">
        <v>0</v>
      </c>
      <c r="C45" s="22">
        <v>-7</v>
      </c>
      <c r="D45" s="22">
        <v>7</v>
      </c>
      <c r="E45" s="21">
        <v>1</v>
      </c>
      <c r="F45" s="22">
        <v>1</v>
      </c>
      <c r="G45" s="23">
        <v>0</v>
      </c>
      <c r="H45" s="22">
        <v>332</v>
      </c>
      <c r="I45" s="22">
        <v>185</v>
      </c>
      <c r="J45" s="22">
        <v>147</v>
      </c>
      <c r="K45" s="21">
        <v>331</v>
      </c>
      <c r="L45" s="53">
        <v>191</v>
      </c>
      <c r="M45" s="54">
        <v>140</v>
      </c>
    </row>
    <row r="46" spans="1:13">
      <c r="A46" s="20" t="s">
        <v>53</v>
      </c>
      <c r="B46" s="21">
        <v>45</v>
      </c>
      <c r="C46" s="22">
        <v>29</v>
      </c>
      <c r="D46" s="22">
        <v>16</v>
      </c>
      <c r="E46" s="21">
        <v>0</v>
      </c>
      <c r="F46" s="22">
        <v>0</v>
      </c>
      <c r="G46" s="23">
        <v>0</v>
      </c>
      <c r="H46" s="22">
        <v>360</v>
      </c>
      <c r="I46" s="22">
        <v>192</v>
      </c>
      <c r="J46" s="22">
        <v>168</v>
      </c>
      <c r="K46" s="21">
        <v>315</v>
      </c>
      <c r="L46" s="53">
        <v>163</v>
      </c>
      <c r="M46" s="54">
        <v>152</v>
      </c>
    </row>
    <row r="47" spans="1:13">
      <c r="A47" s="20" t="s">
        <v>54</v>
      </c>
      <c r="B47" s="21">
        <v>37</v>
      </c>
      <c r="C47" s="22">
        <v>1</v>
      </c>
      <c r="D47" s="22">
        <v>36</v>
      </c>
      <c r="E47" s="21">
        <v>3</v>
      </c>
      <c r="F47" s="22">
        <v>2</v>
      </c>
      <c r="G47" s="23">
        <v>1</v>
      </c>
      <c r="H47" s="22">
        <v>344</v>
      </c>
      <c r="I47" s="22">
        <v>183</v>
      </c>
      <c r="J47" s="22">
        <v>161</v>
      </c>
      <c r="K47" s="21">
        <v>304</v>
      </c>
      <c r="L47" s="53">
        <v>180</v>
      </c>
      <c r="M47" s="54">
        <v>124</v>
      </c>
    </row>
    <row r="48" spans="1:13" ht="20.100000000000001" customHeight="1">
      <c r="A48" s="16" t="s">
        <v>55</v>
      </c>
      <c r="B48" s="17">
        <v>134</v>
      </c>
      <c r="C48" s="18">
        <v>95</v>
      </c>
      <c r="D48" s="18">
        <v>39</v>
      </c>
      <c r="E48" s="17">
        <v>7</v>
      </c>
      <c r="F48" s="18">
        <v>4</v>
      </c>
      <c r="G48" s="19">
        <v>3</v>
      </c>
      <c r="H48" s="18">
        <v>1452</v>
      </c>
      <c r="I48" s="18">
        <v>820</v>
      </c>
      <c r="J48" s="18">
        <v>632</v>
      </c>
      <c r="K48" s="17">
        <v>1311</v>
      </c>
      <c r="L48" s="51">
        <v>721</v>
      </c>
      <c r="M48" s="52">
        <v>590</v>
      </c>
    </row>
    <row r="49" spans="1:13">
      <c r="A49" s="20" t="s">
        <v>56</v>
      </c>
      <c r="B49" s="21">
        <v>28</v>
      </c>
      <c r="C49" s="22">
        <v>40</v>
      </c>
      <c r="D49" s="22">
        <v>-12</v>
      </c>
      <c r="E49" s="21">
        <v>2</v>
      </c>
      <c r="F49" s="22">
        <v>2</v>
      </c>
      <c r="G49" s="23">
        <v>0</v>
      </c>
      <c r="H49" s="22">
        <v>343</v>
      </c>
      <c r="I49" s="22">
        <v>201</v>
      </c>
      <c r="J49" s="22">
        <v>142</v>
      </c>
      <c r="K49" s="21">
        <v>313</v>
      </c>
      <c r="L49" s="53">
        <v>159</v>
      </c>
      <c r="M49" s="54">
        <v>154</v>
      </c>
    </row>
    <row r="50" spans="1:13">
      <c r="A50" s="20" t="s">
        <v>57</v>
      </c>
      <c r="B50" s="21">
        <v>5</v>
      </c>
      <c r="C50" s="22">
        <v>-13</v>
      </c>
      <c r="D50" s="22">
        <v>18</v>
      </c>
      <c r="E50" s="21">
        <v>0</v>
      </c>
      <c r="F50" s="22">
        <v>0</v>
      </c>
      <c r="G50" s="23">
        <v>0</v>
      </c>
      <c r="H50" s="22">
        <v>298</v>
      </c>
      <c r="I50" s="22">
        <v>158</v>
      </c>
      <c r="J50" s="22">
        <v>140</v>
      </c>
      <c r="K50" s="21">
        <v>293</v>
      </c>
      <c r="L50" s="53">
        <v>171</v>
      </c>
      <c r="M50" s="54">
        <v>122</v>
      </c>
    </row>
    <row r="51" spans="1:13">
      <c r="A51" s="20" t="s">
        <v>58</v>
      </c>
      <c r="B51" s="21">
        <v>25</v>
      </c>
      <c r="C51" s="22">
        <v>3</v>
      </c>
      <c r="D51" s="22">
        <v>22</v>
      </c>
      <c r="E51" s="21">
        <v>0</v>
      </c>
      <c r="F51" s="22">
        <v>0</v>
      </c>
      <c r="G51" s="23">
        <v>0</v>
      </c>
      <c r="H51" s="22">
        <v>270</v>
      </c>
      <c r="I51" s="22">
        <v>143</v>
      </c>
      <c r="J51" s="22">
        <v>127</v>
      </c>
      <c r="K51" s="21">
        <v>245</v>
      </c>
      <c r="L51" s="53">
        <v>140</v>
      </c>
      <c r="M51" s="54">
        <v>105</v>
      </c>
    </row>
    <row r="52" spans="1:13">
      <c r="A52" s="20" t="s">
        <v>59</v>
      </c>
      <c r="B52" s="21">
        <v>43</v>
      </c>
      <c r="C52" s="22">
        <v>35</v>
      </c>
      <c r="D52" s="22">
        <v>8</v>
      </c>
      <c r="E52" s="21">
        <v>3</v>
      </c>
      <c r="F52" s="22">
        <v>1</v>
      </c>
      <c r="G52" s="23">
        <v>2</v>
      </c>
      <c r="H52" s="22">
        <v>292</v>
      </c>
      <c r="I52" s="22">
        <v>174</v>
      </c>
      <c r="J52" s="22">
        <v>118</v>
      </c>
      <c r="K52" s="21">
        <v>246</v>
      </c>
      <c r="L52" s="53">
        <v>138</v>
      </c>
      <c r="M52" s="54">
        <v>108</v>
      </c>
    </row>
    <row r="53" spans="1:13">
      <c r="A53" s="20" t="s">
        <v>60</v>
      </c>
      <c r="B53" s="21">
        <v>33</v>
      </c>
      <c r="C53" s="22">
        <v>30</v>
      </c>
      <c r="D53" s="22">
        <v>3</v>
      </c>
      <c r="E53" s="21">
        <v>2</v>
      </c>
      <c r="F53" s="22">
        <v>1</v>
      </c>
      <c r="G53" s="23">
        <v>1</v>
      </c>
      <c r="H53" s="22">
        <v>249</v>
      </c>
      <c r="I53" s="22">
        <v>144</v>
      </c>
      <c r="J53" s="22">
        <v>105</v>
      </c>
      <c r="K53" s="21">
        <v>214</v>
      </c>
      <c r="L53" s="53">
        <v>113</v>
      </c>
      <c r="M53" s="54">
        <v>101</v>
      </c>
    </row>
    <row r="54" spans="1:13" ht="20.100000000000001" customHeight="1">
      <c r="A54" s="16" t="s">
        <v>61</v>
      </c>
      <c r="B54" s="17">
        <v>47</v>
      </c>
      <c r="C54" s="18">
        <v>36</v>
      </c>
      <c r="D54" s="18">
        <v>11</v>
      </c>
      <c r="E54" s="17">
        <v>9</v>
      </c>
      <c r="F54" s="18">
        <v>5</v>
      </c>
      <c r="G54" s="19">
        <v>4</v>
      </c>
      <c r="H54" s="18">
        <v>1067</v>
      </c>
      <c r="I54" s="18">
        <v>635</v>
      </c>
      <c r="J54" s="18">
        <v>432</v>
      </c>
      <c r="K54" s="17">
        <v>1011</v>
      </c>
      <c r="L54" s="51">
        <v>594</v>
      </c>
      <c r="M54" s="52">
        <v>417</v>
      </c>
    </row>
    <row r="55" spans="1:13">
      <c r="A55" s="20" t="s">
        <v>62</v>
      </c>
      <c r="B55" s="21">
        <v>9</v>
      </c>
      <c r="C55" s="22">
        <v>12</v>
      </c>
      <c r="D55" s="22">
        <v>-3</v>
      </c>
      <c r="E55" s="21">
        <v>1</v>
      </c>
      <c r="F55" s="22">
        <v>1</v>
      </c>
      <c r="G55" s="23">
        <v>0</v>
      </c>
      <c r="H55" s="22">
        <v>217</v>
      </c>
      <c r="I55" s="22">
        <v>132</v>
      </c>
      <c r="J55" s="22">
        <v>85</v>
      </c>
      <c r="K55" s="21">
        <v>207</v>
      </c>
      <c r="L55" s="53">
        <v>119</v>
      </c>
      <c r="M55" s="54">
        <v>88</v>
      </c>
    </row>
    <row r="56" spans="1:13">
      <c r="A56" s="20" t="s">
        <v>63</v>
      </c>
      <c r="B56" s="21">
        <v>0</v>
      </c>
      <c r="C56" s="22">
        <v>-2</v>
      </c>
      <c r="D56" s="22">
        <v>2</v>
      </c>
      <c r="E56" s="21">
        <v>0</v>
      </c>
      <c r="F56" s="22">
        <v>0</v>
      </c>
      <c r="G56" s="23">
        <v>0</v>
      </c>
      <c r="H56" s="22">
        <v>202</v>
      </c>
      <c r="I56" s="22">
        <v>110</v>
      </c>
      <c r="J56" s="22">
        <v>92</v>
      </c>
      <c r="K56" s="21">
        <v>202</v>
      </c>
      <c r="L56" s="53">
        <v>112</v>
      </c>
      <c r="M56" s="54">
        <v>90</v>
      </c>
    </row>
    <row r="57" spans="1:13">
      <c r="A57" s="20" t="s">
        <v>64</v>
      </c>
      <c r="B57" s="21">
        <v>28</v>
      </c>
      <c r="C57" s="22">
        <v>24</v>
      </c>
      <c r="D57" s="22">
        <v>4</v>
      </c>
      <c r="E57" s="21">
        <v>4</v>
      </c>
      <c r="F57" s="22">
        <v>3</v>
      </c>
      <c r="G57" s="23">
        <v>1</v>
      </c>
      <c r="H57" s="22">
        <v>233</v>
      </c>
      <c r="I57" s="22">
        <v>148</v>
      </c>
      <c r="J57" s="22">
        <v>85</v>
      </c>
      <c r="K57" s="21">
        <v>201</v>
      </c>
      <c r="L57" s="53">
        <v>121</v>
      </c>
      <c r="M57" s="54">
        <v>80</v>
      </c>
    </row>
    <row r="58" spans="1:13">
      <c r="A58" s="20" t="s">
        <v>65</v>
      </c>
      <c r="B58" s="21">
        <v>33</v>
      </c>
      <c r="C58" s="22">
        <v>20</v>
      </c>
      <c r="D58" s="22">
        <v>13</v>
      </c>
      <c r="E58" s="21">
        <v>4</v>
      </c>
      <c r="F58" s="22">
        <v>1</v>
      </c>
      <c r="G58" s="23">
        <v>3</v>
      </c>
      <c r="H58" s="22">
        <v>230</v>
      </c>
      <c r="I58" s="22">
        <v>140</v>
      </c>
      <c r="J58" s="22">
        <v>90</v>
      </c>
      <c r="K58" s="21">
        <v>193</v>
      </c>
      <c r="L58" s="53">
        <v>119</v>
      </c>
      <c r="M58" s="54">
        <v>74</v>
      </c>
    </row>
    <row r="59" spans="1:13">
      <c r="A59" s="20" t="s">
        <v>66</v>
      </c>
      <c r="B59" s="21">
        <v>-23</v>
      </c>
      <c r="C59" s="22">
        <v>-18</v>
      </c>
      <c r="D59" s="22">
        <v>-5</v>
      </c>
      <c r="E59" s="21">
        <v>0</v>
      </c>
      <c r="F59" s="22">
        <v>0</v>
      </c>
      <c r="G59" s="23">
        <v>0</v>
      </c>
      <c r="H59" s="22">
        <v>185</v>
      </c>
      <c r="I59" s="22">
        <v>105</v>
      </c>
      <c r="J59" s="22">
        <v>80</v>
      </c>
      <c r="K59" s="21">
        <v>208</v>
      </c>
      <c r="L59" s="53">
        <v>123</v>
      </c>
      <c r="M59" s="54">
        <v>85</v>
      </c>
    </row>
    <row r="60" spans="1:13" ht="20.100000000000001" customHeight="1">
      <c r="A60" s="16" t="s">
        <v>67</v>
      </c>
      <c r="B60" s="17">
        <v>2</v>
      </c>
      <c r="C60" s="18">
        <v>1</v>
      </c>
      <c r="D60" s="18">
        <v>1</v>
      </c>
      <c r="E60" s="17">
        <v>19</v>
      </c>
      <c r="F60" s="18">
        <v>13</v>
      </c>
      <c r="G60" s="19">
        <v>6</v>
      </c>
      <c r="H60" s="18">
        <v>937</v>
      </c>
      <c r="I60" s="18">
        <v>575</v>
      </c>
      <c r="J60" s="18">
        <v>362</v>
      </c>
      <c r="K60" s="17">
        <v>916</v>
      </c>
      <c r="L60" s="51">
        <v>561</v>
      </c>
      <c r="M60" s="52">
        <v>355</v>
      </c>
    </row>
    <row r="61" spans="1:13">
      <c r="A61" s="20" t="s">
        <v>68</v>
      </c>
      <c r="B61" s="21">
        <v>17</v>
      </c>
      <c r="C61" s="22">
        <v>10</v>
      </c>
      <c r="D61" s="22">
        <v>7</v>
      </c>
      <c r="E61" s="21">
        <v>4</v>
      </c>
      <c r="F61" s="22">
        <v>3</v>
      </c>
      <c r="G61" s="23">
        <v>1</v>
      </c>
      <c r="H61" s="22">
        <v>207</v>
      </c>
      <c r="I61" s="22">
        <v>128</v>
      </c>
      <c r="J61" s="22">
        <v>79</v>
      </c>
      <c r="K61" s="21">
        <v>186</v>
      </c>
      <c r="L61" s="53">
        <v>115</v>
      </c>
      <c r="M61" s="54">
        <v>71</v>
      </c>
    </row>
    <row r="62" spans="1:13">
      <c r="A62" s="20" t="s">
        <v>69</v>
      </c>
      <c r="B62" s="21">
        <v>0</v>
      </c>
      <c r="C62" s="22">
        <v>11</v>
      </c>
      <c r="D62" s="22">
        <v>-11</v>
      </c>
      <c r="E62" s="21">
        <v>1</v>
      </c>
      <c r="F62" s="22">
        <v>1</v>
      </c>
      <c r="G62" s="23">
        <v>0</v>
      </c>
      <c r="H62" s="22">
        <v>188</v>
      </c>
      <c r="I62" s="22">
        <v>120</v>
      </c>
      <c r="J62" s="22">
        <v>68</v>
      </c>
      <c r="K62" s="21">
        <v>187</v>
      </c>
      <c r="L62" s="53">
        <v>108</v>
      </c>
      <c r="M62" s="54">
        <v>79</v>
      </c>
    </row>
    <row r="63" spans="1:13">
      <c r="A63" s="20" t="s">
        <v>70</v>
      </c>
      <c r="B63" s="21">
        <v>-3</v>
      </c>
      <c r="C63" s="22">
        <v>-5</v>
      </c>
      <c r="D63" s="22">
        <v>2</v>
      </c>
      <c r="E63" s="21">
        <v>4</v>
      </c>
      <c r="F63" s="22">
        <v>3</v>
      </c>
      <c r="G63" s="23">
        <v>1</v>
      </c>
      <c r="H63" s="22">
        <v>184</v>
      </c>
      <c r="I63" s="22">
        <v>113</v>
      </c>
      <c r="J63" s="22">
        <v>71</v>
      </c>
      <c r="K63" s="21">
        <v>183</v>
      </c>
      <c r="L63" s="53">
        <v>115</v>
      </c>
      <c r="M63" s="54">
        <v>68</v>
      </c>
    </row>
    <row r="64" spans="1:13">
      <c r="A64" s="20" t="s">
        <v>71</v>
      </c>
      <c r="B64" s="21">
        <v>-8</v>
      </c>
      <c r="C64" s="22">
        <v>-12</v>
      </c>
      <c r="D64" s="22">
        <v>4</v>
      </c>
      <c r="E64" s="21">
        <v>1</v>
      </c>
      <c r="F64" s="22">
        <v>0</v>
      </c>
      <c r="G64" s="23">
        <v>1</v>
      </c>
      <c r="H64" s="22">
        <v>178</v>
      </c>
      <c r="I64" s="22">
        <v>99</v>
      </c>
      <c r="J64" s="22">
        <v>79</v>
      </c>
      <c r="K64" s="21">
        <v>185</v>
      </c>
      <c r="L64" s="53">
        <v>111</v>
      </c>
      <c r="M64" s="54">
        <v>74</v>
      </c>
    </row>
    <row r="65" spans="1:13">
      <c r="A65" s="24" t="s">
        <v>72</v>
      </c>
      <c r="B65" s="25">
        <v>-4</v>
      </c>
      <c r="C65" s="26">
        <v>-3</v>
      </c>
      <c r="D65" s="26">
        <v>-1</v>
      </c>
      <c r="E65" s="25">
        <v>9</v>
      </c>
      <c r="F65" s="26">
        <v>6</v>
      </c>
      <c r="G65" s="27">
        <v>3</v>
      </c>
      <c r="H65" s="26">
        <v>180</v>
      </c>
      <c r="I65" s="26">
        <v>115</v>
      </c>
      <c r="J65" s="26">
        <v>65</v>
      </c>
      <c r="K65" s="25">
        <v>175</v>
      </c>
      <c r="L65" s="55">
        <v>112</v>
      </c>
      <c r="M65" s="56">
        <v>6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889</v>
      </c>
      <c r="C69" s="58">
        <v>453</v>
      </c>
      <c r="D69" s="59">
        <v>43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889</v>
      </c>
      <c r="C70" s="61">
        <v>453</v>
      </c>
      <c r="D70" s="62">
        <v>436</v>
      </c>
    </row>
    <row r="71" spans="1:13">
      <c r="A71" s="24" t="s">
        <v>14</v>
      </c>
      <c r="B71" s="63">
        <v>889</v>
      </c>
      <c r="C71" s="64">
        <v>453</v>
      </c>
      <c r="D71" s="65">
        <v>436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79" t="s">
        <v>15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4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11</v>
      </c>
      <c r="C77" s="18">
        <v>31</v>
      </c>
      <c r="D77" s="18">
        <v>-20</v>
      </c>
      <c r="E77" s="17">
        <v>36</v>
      </c>
      <c r="F77" s="18">
        <v>26</v>
      </c>
      <c r="G77" s="19">
        <v>10</v>
      </c>
      <c r="H77" s="18">
        <v>758</v>
      </c>
      <c r="I77" s="18">
        <v>497</v>
      </c>
      <c r="J77" s="18">
        <v>261</v>
      </c>
      <c r="K77" s="17">
        <v>711</v>
      </c>
      <c r="L77" s="51">
        <v>440</v>
      </c>
      <c r="M77" s="52">
        <v>271</v>
      </c>
    </row>
    <row r="78" spans="1:13">
      <c r="A78" s="40" t="s">
        <v>81</v>
      </c>
      <c r="B78" s="21">
        <v>13</v>
      </c>
      <c r="C78" s="22">
        <v>22</v>
      </c>
      <c r="D78" s="22">
        <v>-9</v>
      </c>
      <c r="E78" s="21">
        <v>4</v>
      </c>
      <c r="F78" s="22">
        <v>4</v>
      </c>
      <c r="G78" s="23">
        <v>0</v>
      </c>
      <c r="H78" s="22">
        <v>191</v>
      </c>
      <c r="I78" s="22">
        <v>123</v>
      </c>
      <c r="J78" s="22">
        <v>68</v>
      </c>
      <c r="K78" s="21">
        <v>174</v>
      </c>
      <c r="L78" s="53">
        <v>97</v>
      </c>
      <c r="M78" s="54">
        <v>77</v>
      </c>
    </row>
    <row r="79" spans="1:13">
      <c r="A79" s="40" t="s">
        <v>82</v>
      </c>
      <c r="B79" s="21">
        <v>5</v>
      </c>
      <c r="C79" s="22">
        <v>-3</v>
      </c>
      <c r="D79" s="22">
        <v>8</v>
      </c>
      <c r="E79" s="21">
        <v>8</v>
      </c>
      <c r="F79" s="22">
        <v>7</v>
      </c>
      <c r="G79" s="23">
        <v>1</v>
      </c>
      <c r="H79" s="22">
        <v>165</v>
      </c>
      <c r="I79" s="22">
        <v>102</v>
      </c>
      <c r="J79" s="22">
        <v>63</v>
      </c>
      <c r="K79" s="21">
        <v>152</v>
      </c>
      <c r="L79" s="53">
        <v>98</v>
      </c>
      <c r="M79" s="54">
        <v>54</v>
      </c>
    </row>
    <row r="80" spans="1:13">
      <c r="A80" s="40" t="s">
        <v>83</v>
      </c>
      <c r="B80" s="21">
        <v>9</v>
      </c>
      <c r="C80" s="22">
        <v>22</v>
      </c>
      <c r="D80" s="22">
        <v>-13</v>
      </c>
      <c r="E80" s="21">
        <v>8</v>
      </c>
      <c r="F80" s="22">
        <v>5</v>
      </c>
      <c r="G80" s="23">
        <v>3</v>
      </c>
      <c r="H80" s="22">
        <v>159</v>
      </c>
      <c r="I80" s="22">
        <v>111</v>
      </c>
      <c r="J80" s="22">
        <v>48</v>
      </c>
      <c r="K80" s="21">
        <v>142</v>
      </c>
      <c r="L80" s="53">
        <v>84</v>
      </c>
      <c r="M80" s="54">
        <v>58</v>
      </c>
    </row>
    <row r="81" spans="1:13">
      <c r="A81" s="40" t="s">
        <v>84</v>
      </c>
      <c r="B81" s="21">
        <v>-8</v>
      </c>
      <c r="C81" s="22">
        <v>-13</v>
      </c>
      <c r="D81" s="22">
        <v>5</v>
      </c>
      <c r="E81" s="21">
        <v>6</v>
      </c>
      <c r="F81" s="22">
        <v>3</v>
      </c>
      <c r="G81" s="23">
        <v>3</v>
      </c>
      <c r="H81" s="22">
        <v>117</v>
      </c>
      <c r="I81" s="22">
        <v>71</v>
      </c>
      <c r="J81" s="22">
        <v>46</v>
      </c>
      <c r="K81" s="21">
        <v>119</v>
      </c>
      <c r="L81" s="53">
        <v>81</v>
      </c>
      <c r="M81" s="54">
        <v>38</v>
      </c>
    </row>
    <row r="82" spans="1:13">
      <c r="A82" s="40" t="s">
        <v>85</v>
      </c>
      <c r="B82" s="21">
        <v>-8</v>
      </c>
      <c r="C82" s="22">
        <v>3</v>
      </c>
      <c r="D82" s="22">
        <v>-11</v>
      </c>
      <c r="E82" s="21">
        <v>10</v>
      </c>
      <c r="F82" s="22">
        <v>7</v>
      </c>
      <c r="G82" s="23">
        <v>3</v>
      </c>
      <c r="H82" s="22">
        <v>126</v>
      </c>
      <c r="I82" s="22">
        <v>90</v>
      </c>
      <c r="J82" s="22">
        <v>36</v>
      </c>
      <c r="K82" s="21">
        <v>124</v>
      </c>
      <c r="L82" s="53">
        <v>80</v>
      </c>
      <c r="M82" s="54">
        <v>44</v>
      </c>
    </row>
    <row r="83" spans="1:13" ht="19.5" customHeight="1">
      <c r="A83" s="34" t="s">
        <v>86</v>
      </c>
      <c r="B83" s="17">
        <v>-19</v>
      </c>
      <c r="C83" s="18">
        <v>-14</v>
      </c>
      <c r="D83" s="18">
        <v>-5</v>
      </c>
      <c r="E83" s="17">
        <v>62</v>
      </c>
      <c r="F83" s="18">
        <v>39</v>
      </c>
      <c r="G83" s="19">
        <v>23</v>
      </c>
      <c r="H83" s="18">
        <v>559</v>
      </c>
      <c r="I83" s="18">
        <v>356</v>
      </c>
      <c r="J83" s="18">
        <v>203</v>
      </c>
      <c r="K83" s="17">
        <v>516</v>
      </c>
      <c r="L83" s="51">
        <v>331</v>
      </c>
      <c r="M83" s="52">
        <v>185</v>
      </c>
    </row>
    <row r="84" spans="1:13">
      <c r="A84" s="40" t="s">
        <v>87</v>
      </c>
      <c r="B84" s="21">
        <v>28</v>
      </c>
      <c r="C84" s="22">
        <v>10</v>
      </c>
      <c r="D84" s="22">
        <v>18</v>
      </c>
      <c r="E84" s="21">
        <v>7</v>
      </c>
      <c r="F84" s="22">
        <v>4</v>
      </c>
      <c r="G84" s="23">
        <v>3</v>
      </c>
      <c r="H84" s="22">
        <v>150</v>
      </c>
      <c r="I84" s="22">
        <v>94</v>
      </c>
      <c r="J84" s="22">
        <v>56</v>
      </c>
      <c r="K84" s="21">
        <v>115</v>
      </c>
      <c r="L84" s="53">
        <v>80</v>
      </c>
      <c r="M84" s="54">
        <v>35</v>
      </c>
    </row>
    <row r="85" spans="1:13">
      <c r="A85" s="40" t="s">
        <v>88</v>
      </c>
      <c r="B85" s="21">
        <v>-1</v>
      </c>
      <c r="C85" s="22">
        <v>-3</v>
      </c>
      <c r="D85" s="22">
        <v>2</v>
      </c>
      <c r="E85" s="21">
        <v>10</v>
      </c>
      <c r="F85" s="22">
        <v>8</v>
      </c>
      <c r="G85" s="23">
        <v>2</v>
      </c>
      <c r="H85" s="22">
        <v>127</v>
      </c>
      <c r="I85" s="22">
        <v>83</v>
      </c>
      <c r="J85" s="22">
        <v>44</v>
      </c>
      <c r="K85" s="21">
        <v>118</v>
      </c>
      <c r="L85" s="53">
        <v>78</v>
      </c>
      <c r="M85" s="54">
        <v>40</v>
      </c>
    </row>
    <row r="86" spans="1:13">
      <c r="A86" s="40" t="s">
        <v>89</v>
      </c>
      <c r="B86" s="21">
        <v>-18</v>
      </c>
      <c r="C86" s="22">
        <v>-9</v>
      </c>
      <c r="D86" s="22">
        <v>-9</v>
      </c>
      <c r="E86" s="21">
        <v>8</v>
      </c>
      <c r="F86" s="22">
        <v>5</v>
      </c>
      <c r="G86" s="23">
        <v>3</v>
      </c>
      <c r="H86" s="22">
        <v>90</v>
      </c>
      <c r="I86" s="22">
        <v>53</v>
      </c>
      <c r="J86" s="22">
        <v>37</v>
      </c>
      <c r="K86" s="21">
        <v>100</v>
      </c>
      <c r="L86" s="53">
        <v>57</v>
      </c>
      <c r="M86" s="54">
        <v>43</v>
      </c>
    </row>
    <row r="87" spans="1:13">
      <c r="A87" s="40" t="s">
        <v>90</v>
      </c>
      <c r="B87" s="21">
        <v>-12</v>
      </c>
      <c r="C87" s="22">
        <v>-3</v>
      </c>
      <c r="D87" s="22">
        <v>-9</v>
      </c>
      <c r="E87" s="21">
        <v>20</v>
      </c>
      <c r="F87" s="22">
        <v>14</v>
      </c>
      <c r="G87" s="23">
        <v>6</v>
      </c>
      <c r="H87" s="22">
        <v>102</v>
      </c>
      <c r="I87" s="22">
        <v>67</v>
      </c>
      <c r="J87" s="22">
        <v>35</v>
      </c>
      <c r="K87" s="21">
        <v>94</v>
      </c>
      <c r="L87" s="53">
        <v>56</v>
      </c>
      <c r="M87" s="54">
        <v>38</v>
      </c>
    </row>
    <row r="88" spans="1:13">
      <c r="A88" s="40" t="s">
        <v>91</v>
      </c>
      <c r="B88" s="21">
        <v>-16</v>
      </c>
      <c r="C88" s="22">
        <v>-9</v>
      </c>
      <c r="D88" s="22">
        <v>-7</v>
      </c>
      <c r="E88" s="21">
        <v>17</v>
      </c>
      <c r="F88" s="22">
        <v>8</v>
      </c>
      <c r="G88" s="23">
        <v>9</v>
      </c>
      <c r="H88" s="22">
        <v>90</v>
      </c>
      <c r="I88" s="22">
        <v>59</v>
      </c>
      <c r="J88" s="22">
        <v>31</v>
      </c>
      <c r="K88" s="21">
        <v>89</v>
      </c>
      <c r="L88" s="53">
        <v>60</v>
      </c>
      <c r="M88" s="54">
        <v>29</v>
      </c>
    </row>
    <row r="89" spans="1:13" ht="19.5" customHeight="1">
      <c r="A89" s="34" t="s">
        <v>92</v>
      </c>
      <c r="B89" s="17">
        <v>-29</v>
      </c>
      <c r="C89" s="18">
        <v>-29</v>
      </c>
      <c r="D89" s="18">
        <v>0</v>
      </c>
      <c r="E89" s="17">
        <v>70</v>
      </c>
      <c r="F89" s="18">
        <v>52</v>
      </c>
      <c r="G89" s="19">
        <v>18</v>
      </c>
      <c r="H89" s="18">
        <v>403</v>
      </c>
      <c r="I89" s="18">
        <v>275</v>
      </c>
      <c r="J89" s="18">
        <v>128</v>
      </c>
      <c r="K89" s="17">
        <v>362</v>
      </c>
      <c r="L89" s="51">
        <v>252</v>
      </c>
      <c r="M89" s="52">
        <v>110</v>
      </c>
    </row>
    <row r="90" spans="1:13">
      <c r="A90" s="40" t="s">
        <v>93</v>
      </c>
      <c r="B90" s="21">
        <v>-12</v>
      </c>
      <c r="C90" s="22">
        <v>-13</v>
      </c>
      <c r="D90" s="22">
        <v>1</v>
      </c>
      <c r="E90" s="21">
        <v>13</v>
      </c>
      <c r="F90" s="22">
        <v>11</v>
      </c>
      <c r="G90" s="23">
        <v>2</v>
      </c>
      <c r="H90" s="22">
        <v>89</v>
      </c>
      <c r="I90" s="22">
        <v>56</v>
      </c>
      <c r="J90" s="22">
        <v>33</v>
      </c>
      <c r="K90" s="21">
        <v>88</v>
      </c>
      <c r="L90" s="53">
        <v>58</v>
      </c>
      <c r="M90" s="54">
        <v>30</v>
      </c>
    </row>
    <row r="91" spans="1:13">
      <c r="A91" s="40" t="s">
        <v>94</v>
      </c>
      <c r="B91" s="21">
        <v>-14</v>
      </c>
      <c r="C91" s="22">
        <v>-3</v>
      </c>
      <c r="D91" s="22">
        <v>-11</v>
      </c>
      <c r="E91" s="21">
        <v>20</v>
      </c>
      <c r="F91" s="22">
        <v>15</v>
      </c>
      <c r="G91" s="23">
        <v>5</v>
      </c>
      <c r="H91" s="22">
        <v>92</v>
      </c>
      <c r="I91" s="22">
        <v>73</v>
      </c>
      <c r="J91" s="22">
        <v>19</v>
      </c>
      <c r="K91" s="21">
        <v>86</v>
      </c>
      <c r="L91" s="53">
        <v>61</v>
      </c>
      <c r="M91" s="54">
        <v>25</v>
      </c>
    </row>
    <row r="92" spans="1:13">
      <c r="A92" s="40" t="s">
        <v>95</v>
      </c>
      <c r="B92" s="21">
        <v>-8</v>
      </c>
      <c r="C92" s="22">
        <v>-7</v>
      </c>
      <c r="D92" s="22">
        <v>-1</v>
      </c>
      <c r="E92" s="21">
        <v>6</v>
      </c>
      <c r="F92" s="22">
        <v>4</v>
      </c>
      <c r="G92" s="23">
        <v>2</v>
      </c>
      <c r="H92" s="22">
        <v>70</v>
      </c>
      <c r="I92" s="22">
        <v>48</v>
      </c>
      <c r="J92" s="22">
        <v>22</v>
      </c>
      <c r="K92" s="21">
        <v>72</v>
      </c>
      <c r="L92" s="53">
        <v>51</v>
      </c>
      <c r="M92" s="54">
        <v>21</v>
      </c>
    </row>
    <row r="93" spans="1:13">
      <c r="A93" s="40" t="s">
        <v>96</v>
      </c>
      <c r="B93" s="21">
        <v>-7</v>
      </c>
      <c r="C93" s="22">
        <v>-8</v>
      </c>
      <c r="D93" s="22">
        <v>1</v>
      </c>
      <c r="E93" s="21">
        <v>18</v>
      </c>
      <c r="F93" s="22">
        <v>13</v>
      </c>
      <c r="G93" s="23">
        <v>5</v>
      </c>
      <c r="H93" s="22">
        <v>64</v>
      </c>
      <c r="I93" s="22">
        <v>38</v>
      </c>
      <c r="J93" s="22">
        <v>26</v>
      </c>
      <c r="K93" s="21">
        <v>53</v>
      </c>
      <c r="L93" s="53">
        <v>33</v>
      </c>
      <c r="M93" s="54">
        <v>20</v>
      </c>
    </row>
    <row r="94" spans="1:13">
      <c r="A94" s="40" t="s">
        <v>97</v>
      </c>
      <c r="B94" s="21">
        <v>12</v>
      </c>
      <c r="C94" s="22">
        <v>2</v>
      </c>
      <c r="D94" s="22">
        <v>10</v>
      </c>
      <c r="E94" s="21">
        <v>13</v>
      </c>
      <c r="F94" s="22">
        <v>9</v>
      </c>
      <c r="G94" s="23">
        <v>4</v>
      </c>
      <c r="H94" s="22">
        <v>88</v>
      </c>
      <c r="I94" s="22">
        <v>60</v>
      </c>
      <c r="J94" s="22">
        <v>28</v>
      </c>
      <c r="K94" s="21">
        <v>63</v>
      </c>
      <c r="L94" s="53">
        <v>49</v>
      </c>
      <c r="M94" s="54">
        <v>14</v>
      </c>
    </row>
    <row r="95" spans="1:13" ht="19.5" customHeight="1">
      <c r="A95" s="34" t="s">
        <v>98</v>
      </c>
      <c r="B95" s="17">
        <v>-50</v>
      </c>
      <c r="C95" s="18">
        <v>-38</v>
      </c>
      <c r="D95" s="18">
        <v>-12</v>
      </c>
      <c r="E95" s="17">
        <v>122</v>
      </c>
      <c r="F95" s="18">
        <v>104</v>
      </c>
      <c r="G95" s="19">
        <v>18</v>
      </c>
      <c r="H95" s="18">
        <v>313</v>
      </c>
      <c r="I95" s="18">
        <v>231</v>
      </c>
      <c r="J95" s="18">
        <v>82</v>
      </c>
      <c r="K95" s="17">
        <v>241</v>
      </c>
      <c r="L95" s="51">
        <v>165</v>
      </c>
      <c r="M95" s="52">
        <v>76</v>
      </c>
    </row>
    <row r="96" spans="1:13">
      <c r="A96" s="40" t="s">
        <v>99</v>
      </c>
      <c r="B96" s="21">
        <v>-3</v>
      </c>
      <c r="C96" s="22">
        <v>0</v>
      </c>
      <c r="D96" s="22">
        <v>-3</v>
      </c>
      <c r="E96" s="21">
        <v>12</v>
      </c>
      <c r="F96" s="22">
        <v>11</v>
      </c>
      <c r="G96" s="23">
        <v>1</v>
      </c>
      <c r="H96" s="22">
        <v>61</v>
      </c>
      <c r="I96" s="22">
        <v>48</v>
      </c>
      <c r="J96" s="22">
        <v>13</v>
      </c>
      <c r="K96" s="21">
        <v>52</v>
      </c>
      <c r="L96" s="53">
        <v>37</v>
      </c>
      <c r="M96" s="54">
        <v>15</v>
      </c>
    </row>
    <row r="97" spans="1:13">
      <c r="A97" s="40" t="s">
        <v>100</v>
      </c>
      <c r="B97" s="21">
        <v>2</v>
      </c>
      <c r="C97" s="22">
        <v>-2</v>
      </c>
      <c r="D97" s="22">
        <v>4</v>
      </c>
      <c r="E97" s="21">
        <v>20</v>
      </c>
      <c r="F97" s="22">
        <v>19</v>
      </c>
      <c r="G97" s="23">
        <v>1</v>
      </c>
      <c r="H97" s="22">
        <v>69</v>
      </c>
      <c r="I97" s="22">
        <v>52</v>
      </c>
      <c r="J97" s="22">
        <v>17</v>
      </c>
      <c r="K97" s="21">
        <v>47</v>
      </c>
      <c r="L97" s="53">
        <v>35</v>
      </c>
      <c r="M97" s="54">
        <v>12</v>
      </c>
    </row>
    <row r="98" spans="1:13">
      <c r="A98" s="40" t="s">
        <v>101</v>
      </c>
      <c r="B98" s="21">
        <v>0</v>
      </c>
      <c r="C98" s="22">
        <v>4</v>
      </c>
      <c r="D98" s="22">
        <v>-4</v>
      </c>
      <c r="E98" s="21">
        <v>21</v>
      </c>
      <c r="F98" s="22">
        <v>16</v>
      </c>
      <c r="G98" s="23">
        <v>5</v>
      </c>
      <c r="H98" s="22">
        <v>71</v>
      </c>
      <c r="I98" s="22">
        <v>49</v>
      </c>
      <c r="J98" s="22">
        <v>22</v>
      </c>
      <c r="K98" s="21">
        <v>50</v>
      </c>
      <c r="L98" s="53">
        <v>29</v>
      </c>
      <c r="M98" s="54">
        <v>21</v>
      </c>
    </row>
    <row r="99" spans="1:13">
      <c r="A99" s="40" t="s">
        <v>102</v>
      </c>
      <c r="B99" s="21">
        <v>-20</v>
      </c>
      <c r="C99" s="22">
        <v>-15</v>
      </c>
      <c r="D99" s="22">
        <v>-5</v>
      </c>
      <c r="E99" s="21">
        <v>27</v>
      </c>
      <c r="F99" s="22">
        <v>21</v>
      </c>
      <c r="G99" s="23">
        <v>6</v>
      </c>
      <c r="H99" s="22">
        <v>48</v>
      </c>
      <c r="I99" s="22">
        <v>31</v>
      </c>
      <c r="J99" s="22">
        <v>17</v>
      </c>
      <c r="K99" s="21">
        <v>41</v>
      </c>
      <c r="L99" s="53">
        <v>25</v>
      </c>
      <c r="M99" s="54">
        <v>16</v>
      </c>
    </row>
    <row r="100" spans="1:13">
      <c r="A100" s="40" t="s">
        <v>103</v>
      </c>
      <c r="B100" s="21">
        <v>-29</v>
      </c>
      <c r="C100" s="22">
        <v>-25</v>
      </c>
      <c r="D100" s="22">
        <v>-4</v>
      </c>
      <c r="E100" s="21">
        <v>42</v>
      </c>
      <c r="F100" s="22">
        <v>37</v>
      </c>
      <c r="G100" s="23">
        <v>5</v>
      </c>
      <c r="H100" s="22">
        <v>64</v>
      </c>
      <c r="I100" s="22">
        <v>51</v>
      </c>
      <c r="J100" s="22">
        <v>13</v>
      </c>
      <c r="K100" s="21">
        <v>51</v>
      </c>
      <c r="L100" s="53">
        <v>39</v>
      </c>
      <c r="M100" s="54">
        <v>12</v>
      </c>
    </row>
    <row r="101" spans="1:13" ht="19.5" customHeight="1">
      <c r="A101" s="34" t="s">
        <v>104</v>
      </c>
      <c r="B101" s="17">
        <v>-129</v>
      </c>
      <c r="C101" s="18">
        <v>-109</v>
      </c>
      <c r="D101" s="18">
        <v>-20</v>
      </c>
      <c r="E101" s="17">
        <v>173</v>
      </c>
      <c r="F101" s="18">
        <v>133</v>
      </c>
      <c r="G101" s="19">
        <v>40</v>
      </c>
      <c r="H101" s="18">
        <v>276</v>
      </c>
      <c r="I101" s="18">
        <v>174</v>
      </c>
      <c r="J101" s="18">
        <v>102</v>
      </c>
      <c r="K101" s="17">
        <v>232</v>
      </c>
      <c r="L101" s="51">
        <v>150</v>
      </c>
      <c r="M101" s="52">
        <v>82</v>
      </c>
    </row>
    <row r="102" spans="1:13">
      <c r="A102" s="40" t="s">
        <v>105</v>
      </c>
      <c r="B102" s="21">
        <v>-3</v>
      </c>
      <c r="C102" s="22">
        <v>-17</v>
      </c>
      <c r="D102" s="22">
        <v>14</v>
      </c>
      <c r="E102" s="21">
        <v>28</v>
      </c>
      <c r="F102" s="22">
        <v>23</v>
      </c>
      <c r="G102" s="23">
        <v>5</v>
      </c>
      <c r="H102" s="22">
        <v>86</v>
      </c>
      <c r="I102" s="22">
        <v>46</v>
      </c>
      <c r="J102" s="22">
        <v>40</v>
      </c>
      <c r="K102" s="21">
        <v>61</v>
      </c>
      <c r="L102" s="53">
        <v>40</v>
      </c>
      <c r="M102" s="54">
        <v>21</v>
      </c>
    </row>
    <row r="103" spans="1:13">
      <c r="A103" s="40" t="s">
        <v>106</v>
      </c>
      <c r="B103" s="21">
        <v>-44</v>
      </c>
      <c r="C103" s="22">
        <v>-31</v>
      </c>
      <c r="D103" s="22">
        <v>-13</v>
      </c>
      <c r="E103" s="21">
        <v>42</v>
      </c>
      <c r="F103" s="22">
        <v>33</v>
      </c>
      <c r="G103" s="23">
        <v>9</v>
      </c>
      <c r="H103" s="22">
        <v>49</v>
      </c>
      <c r="I103" s="22">
        <v>35</v>
      </c>
      <c r="J103" s="22">
        <v>14</v>
      </c>
      <c r="K103" s="21">
        <v>51</v>
      </c>
      <c r="L103" s="53">
        <v>33</v>
      </c>
      <c r="M103" s="54">
        <v>18</v>
      </c>
    </row>
    <row r="104" spans="1:13">
      <c r="A104" s="40" t="s">
        <v>107</v>
      </c>
      <c r="B104" s="21">
        <v>-28</v>
      </c>
      <c r="C104" s="22">
        <v>-24</v>
      </c>
      <c r="D104" s="22">
        <v>-4</v>
      </c>
      <c r="E104" s="21">
        <v>39</v>
      </c>
      <c r="F104" s="22">
        <v>32</v>
      </c>
      <c r="G104" s="23">
        <v>7</v>
      </c>
      <c r="H104" s="22">
        <v>63</v>
      </c>
      <c r="I104" s="22">
        <v>42</v>
      </c>
      <c r="J104" s="22">
        <v>21</v>
      </c>
      <c r="K104" s="21">
        <v>52</v>
      </c>
      <c r="L104" s="53">
        <v>34</v>
      </c>
      <c r="M104" s="54">
        <v>18</v>
      </c>
    </row>
    <row r="105" spans="1:13">
      <c r="A105" s="40" t="s">
        <v>108</v>
      </c>
      <c r="B105" s="21">
        <v>-35</v>
      </c>
      <c r="C105" s="22">
        <v>-24</v>
      </c>
      <c r="D105" s="22">
        <v>-11</v>
      </c>
      <c r="E105" s="21">
        <v>38</v>
      </c>
      <c r="F105" s="22">
        <v>27</v>
      </c>
      <c r="G105" s="23">
        <v>11</v>
      </c>
      <c r="H105" s="22">
        <v>46</v>
      </c>
      <c r="I105" s="22">
        <v>28</v>
      </c>
      <c r="J105" s="22">
        <v>18</v>
      </c>
      <c r="K105" s="21">
        <v>43</v>
      </c>
      <c r="L105" s="53">
        <v>25</v>
      </c>
      <c r="M105" s="54">
        <v>18</v>
      </c>
    </row>
    <row r="106" spans="1:13">
      <c r="A106" s="40" t="s">
        <v>109</v>
      </c>
      <c r="B106" s="21">
        <v>-19</v>
      </c>
      <c r="C106" s="22">
        <v>-13</v>
      </c>
      <c r="D106" s="22">
        <v>-6</v>
      </c>
      <c r="E106" s="21">
        <v>26</v>
      </c>
      <c r="F106" s="22">
        <v>18</v>
      </c>
      <c r="G106" s="23">
        <v>8</v>
      </c>
      <c r="H106" s="22">
        <v>32</v>
      </c>
      <c r="I106" s="22">
        <v>23</v>
      </c>
      <c r="J106" s="22">
        <v>9</v>
      </c>
      <c r="K106" s="21">
        <v>25</v>
      </c>
      <c r="L106" s="53">
        <v>18</v>
      </c>
      <c r="M106" s="54">
        <v>7</v>
      </c>
    </row>
    <row r="107" spans="1:13" ht="19.5" customHeight="1">
      <c r="A107" s="34" t="s">
        <v>110</v>
      </c>
      <c r="B107" s="17">
        <v>-181</v>
      </c>
      <c r="C107" s="18">
        <v>-150</v>
      </c>
      <c r="D107" s="18">
        <v>-31</v>
      </c>
      <c r="E107" s="17">
        <v>197</v>
      </c>
      <c r="F107" s="18">
        <v>151</v>
      </c>
      <c r="G107" s="19">
        <v>46</v>
      </c>
      <c r="H107" s="18">
        <v>168</v>
      </c>
      <c r="I107" s="18">
        <v>88</v>
      </c>
      <c r="J107" s="18">
        <v>80</v>
      </c>
      <c r="K107" s="17">
        <v>152</v>
      </c>
      <c r="L107" s="51">
        <v>87</v>
      </c>
      <c r="M107" s="52">
        <v>65</v>
      </c>
    </row>
    <row r="108" spans="1:13">
      <c r="A108" s="40" t="s">
        <v>111</v>
      </c>
      <c r="B108" s="21">
        <v>-47</v>
      </c>
      <c r="C108" s="22">
        <v>-37</v>
      </c>
      <c r="D108" s="22">
        <v>-10</v>
      </c>
      <c r="E108" s="21">
        <v>39</v>
      </c>
      <c r="F108" s="22">
        <v>30</v>
      </c>
      <c r="G108" s="23">
        <v>9</v>
      </c>
      <c r="H108" s="22">
        <v>28</v>
      </c>
      <c r="I108" s="22">
        <v>16</v>
      </c>
      <c r="J108" s="22">
        <v>12</v>
      </c>
      <c r="K108" s="21">
        <v>36</v>
      </c>
      <c r="L108" s="53">
        <v>23</v>
      </c>
      <c r="M108" s="54">
        <v>13</v>
      </c>
    </row>
    <row r="109" spans="1:13">
      <c r="A109" s="40" t="s">
        <v>112</v>
      </c>
      <c r="B109" s="21">
        <v>-30</v>
      </c>
      <c r="C109" s="22">
        <v>-31</v>
      </c>
      <c r="D109" s="22">
        <v>1</v>
      </c>
      <c r="E109" s="21">
        <v>40</v>
      </c>
      <c r="F109" s="22">
        <v>29</v>
      </c>
      <c r="G109" s="23">
        <v>11</v>
      </c>
      <c r="H109" s="22">
        <v>37</v>
      </c>
      <c r="I109" s="22">
        <v>18</v>
      </c>
      <c r="J109" s="22">
        <v>19</v>
      </c>
      <c r="K109" s="21">
        <v>27</v>
      </c>
      <c r="L109" s="53">
        <v>20</v>
      </c>
      <c r="M109" s="54">
        <v>7</v>
      </c>
    </row>
    <row r="110" spans="1:13">
      <c r="A110" s="40" t="s">
        <v>113</v>
      </c>
      <c r="B110" s="21">
        <v>-40</v>
      </c>
      <c r="C110" s="22">
        <v>-35</v>
      </c>
      <c r="D110" s="22">
        <v>-5</v>
      </c>
      <c r="E110" s="21">
        <v>38</v>
      </c>
      <c r="F110" s="22">
        <v>29</v>
      </c>
      <c r="G110" s="23">
        <v>9</v>
      </c>
      <c r="H110" s="22">
        <v>33</v>
      </c>
      <c r="I110" s="22">
        <v>17</v>
      </c>
      <c r="J110" s="22">
        <v>16</v>
      </c>
      <c r="K110" s="21">
        <v>35</v>
      </c>
      <c r="L110" s="53">
        <v>23</v>
      </c>
      <c r="M110" s="54">
        <v>12</v>
      </c>
    </row>
    <row r="111" spans="1:13">
      <c r="A111" s="40" t="s">
        <v>114</v>
      </c>
      <c r="B111" s="21">
        <v>-36</v>
      </c>
      <c r="C111" s="22">
        <v>-27</v>
      </c>
      <c r="D111" s="22">
        <v>-9</v>
      </c>
      <c r="E111" s="21">
        <v>47</v>
      </c>
      <c r="F111" s="22">
        <v>39</v>
      </c>
      <c r="G111" s="23">
        <v>8</v>
      </c>
      <c r="H111" s="22">
        <v>35</v>
      </c>
      <c r="I111" s="22">
        <v>21</v>
      </c>
      <c r="J111" s="22">
        <v>14</v>
      </c>
      <c r="K111" s="21">
        <v>24</v>
      </c>
      <c r="L111" s="53">
        <v>9</v>
      </c>
      <c r="M111" s="54">
        <v>15</v>
      </c>
    </row>
    <row r="112" spans="1:13">
      <c r="A112" s="40" t="s">
        <v>115</v>
      </c>
      <c r="B112" s="21">
        <v>-28</v>
      </c>
      <c r="C112" s="22">
        <v>-20</v>
      </c>
      <c r="D112" s="22">
        <v>-8</v>
      </c>
      <c r="E112" s="21">
        <v>33</v>
      </c>
      <c r="F112" s="22">
        <v>24</v>
      </c>
      <c r="G112" s="23">
        <v>9</v>
      </c>
      <c r="H112" s="22">
        <v>35</v>
      </c>
      <c r="I112" s="22">
        <v>16</v>
      </c>
      <c r="J112" s="22">
        <v>19</v>
      </c>
      <c r="K112" s="21">
        <v>30</v>
      </c>
      <c r="L112" s="53">
        <v>12</v>
      </c>
      <c r="M112" s="54">
        <v>18</v>
      </c>
    </row>
    <row r="113" spans="1:13" ht="19.5" customHeight="1">
      <c r="A113" s="34" t="s">
        <v>116</v>
      </c>
      <c r="B113" s="17">
        <v>-230</v>
      </c>
      <c r="C113" s="18">
        <v>-149</v>
      </c>
      <c r="D113" s="18">
        <v>-81</v>
      </c>
      <c r="E113" s="17">
        <v>255</v>
      </c>
      <c r="F113" s="18">
        <v>157</v>
      </c>
      <c r="G113" s="19">
        <v>98</v>
      </c>
      <c r="H113" s="18">
        <v>132</v>
      </c>
      <c r="I113" s="18">
        <v>55</v>
      </c>
      <c r="J113" s="18">
        <v>77</v>
      </c>
      <c r="K113" s="17">
        <v>107</v>
      </c>
      <c r="L113" s="51">
        <v>47</v>
      </c>
      <c r="M113" s="52">
        <v>60</v>
      </c>
    </row>
    <row r="114" spans="1:13">
      <c r="A114" s="40" t="s">
        <v>117</v>
      </c>
      <c r="B114" s="21">
        <v>-40</v>
      </c>
      <c r="C114" s="22">
        <v>-25</v>
      </c>
      <c r="D114" s="22">
        <v>-15</v>
      </c>
      <c r="E114" s="21">
        <v>46</v>
      </c>
      <c r="F114" s="22">
        <v>32</v>
      </c>
      <c r="G114" s="23">
        <v>14</v>
      </c>
      <c r="H114" s="22">
        <v>24</v>
      </c>
      <c r="I114" s="22">
        <v>13</v>
      </c>
      <c r="J114" s="22">
        <v>11</v>
      </c>
      <c r="K114" s="21">
        <v>18</v>
      </c>
      <c r="L114" s="53">
        <v>6</v>
      </c>
      <c r="M114" s="54">
        <v>12</v>
      </c>
    </row>
    <row r="115" spans="1:13">
      <c r="A115" s="40" t="s">
        <v>118</v>
      </c>
      <c r="B115" s="21">
        <v>-33</v>
      </c>
      <c r="C115" s="22">
        <v>-28</v>
      </c>
      <c r="D115" s="22">
        <v>-5</v>
      </c>
      <c r="E115" s="21">
        <v>37</v>
      </c>
      <c r="F115" s="22">
        <v>27</v>
      </c>
      <c r="G115" s="23">
        <v>10</v>
      </c>
      <c r="H115" s="22">
        <v>26</v>
      </c>
      <c r="I115" s="22">
        <v>8</v>
      </c>
      <c r="J115" s="22">
        <v>18</v>
      </c>
      <c r="K115" s="21">
        <v>22</v>
      </c>
      <c r="L115" s="53">
        <v>9</v>
      </c>
      <c r="M115" s="54">
        <v>13</v>
      </c>
    </row>
    <row r="116" spans="1:13">
      <c r="A116" s="40" t="s">
        <v>119</v>
      </c>
      <c r="B116" s="21">
        <v>-43</v>
      </c>
      <c r="C116" s="22">
        <v>-28</v>
      </c>
      <c r="D116" s="22">
        <v>-15</v>
      </c>
      <c r="E116" s="21">
        <v>42</v>
      </c>
      <c r="F116" s="22">
        <v>23</v>
      </c>
      <c r="G116" s="23">
        <v>19</v>
      </c>
      <c r="H116" s="22">
        <v>21</v>
      </c>
      <c r="I116" s="22">
        <v>10</v>
      </c>
      <c r="J116" s="22">
        <v>11</v>
      </c>
      <c r="K116" s="21">
        <v>22</v>
      </c>
      <c r="L116" s="53">
        <v>15</v>
      </c>
      <c r="M116" s="54">
        <v>7</v>
      </c>
    </row>
    <row r="117" spans="1:13">
      <c r="A117" s="40" t="s">
        <v>120</v>
      </c>
      <c r="B117" s="21">
        <v>-52</v>
      </c>
      <c r="C117" s="22">
        <v>-34</v>
      </c>
      <c r="D117" s="22">
        <v>-18</v>
      </c>
      <c r="E117" s="21">
        <v>65</v>
      </c>
      <c r="F117" s="22">
        <v>40</v>
      </c>
      <c r="G117" s="23">
        <v>25</v>
      </c>
      <c r="H117" s="22">
        <v>34</v>
      </c>
      <c r="I117" s="22">
        <v>14</v>
      </c>
      <c r="J117" s="22">
        <v>20</v>
      </c>
      <c r="K117" s="21">
        <v>21</v>
      </c>
      <c r="L117" s="53">
        <v>8</v>
      </c>
      <c r="M117" s="54">
        <v>13</v>
      </c>
    </row>
    <row r="118" spans="1:13">
      <c r="A118" s="40" t="s">
        <v>121</v>
      </c>
      <c r="B118" s="21">
        <v>-62</v>
      </c>
      <c r="C118" s="22">
        <v>-34</v>
      </c>
      <c r="D118" s="22">
        <v>-28</v>
      </c>
      <c r="E118" s="21">
        <v>65</v>
      </c>
      <c r="F118" s="22">
        <v>35</v>
      </c>
      <c r="G118" s="23">
        <v>30</v>
      </c>
      <c r="H118" s="22">
        <v>27</v>
      </c>
      <c r="I118" s="22">
        <v>10</v>
      </c>
      <c r="J118" s="22">
        <v>17</v>
      </c>
      <c r="K118" s="21">
        <v>24</v>
      </c>
      <c r="L118" s="53">
        <v>9</v>
      </c>
      <c r="M118" s="54">
        <v>15</v>
      </c>
    </row>
    <row r="119" spans="1:13" ht="19.5" customHeight="1">
      <c r="A119" s="34" t="s">
        <v>122</v>
      </c>
      <c r="B119" s="17">
        <v>-254</v>
      </c>
      <c r="C119" s="18">
        <v>-142</v>
      </c>
      <c r="D119" s="18">
        <v>-112</v>
      </c>
      <c r="E119" s="17">
        <v>238</v>
      </c>
      <c r="F119" s="18">
        <v>137</v>
      </c>
      <c r="G119" s="19">
        <v>101</v>
      </c>
      <c r="H119" s="18">
        <v>64</v>
      </c>
      <c r="I119" s="18">
        <v>19</v>
      </c>
      <c r="J119" s="18">
        <v>45</v>
      </c>
      <c r="K119" s="17">
        <v>80</v>
      </c>
      <c r="L119" s="51">
        <v>24</v>
      </c>
      <c r="M119" s="52">
        <v>56</v>
      </c>
    </row>
    <row r="120" spans="1:13">
      <c r="A120" s="40" t="s">
        <v>123</v>
      </c>
      <c r="B120" s="21">
        <v>-43</v>
      </c>
      <c r="C120" s="22">
        <v>-31</v>
      </c>
      <c r="D120" s="22">
        <v>-12</v>
      </c>
      <c r="E120" s="21">
        <v>43</v>
      </c>
      <c r="F120" s="22">
        <v>28</v>
      </c>
      <c r="G120" s="23">
        <v>15</v>
      </c>
      <c r="H120" s="22">
        <v>15</v>
      </c>
      <c r="I120" s="22">
        <v>5</v>
      </c>
      <c r="J120" s="22">
        <v>10</v>
      </c>
      <c r="K120" s="21">
        <v>15</v>
      </c>
      <c r="L120" s="53">
        <v>8</v>
      </c>
      <c r="M120" s="54">
        <v>7</v>
      </c>
    </row>
    <row r="121" spans="1:13">
      <c r="A121" s="40" t="s">
        <v>124</v>
      </c>
      <c r="B121" s="21">
        <v>-41</v>
      </c>
      <c r="C121" s="22">
        <v>-24</v>
      </c>
      <c r="D121" s="22">
        <v>-17</v>
      </c>
      <c r="E121" s="21">
        <v>42</v>
      </c>
      <c r="F121" s="22">
        <v>25</v>
      </c>
      <c r="G121" s="23">
        <v>17</v>
      </c>
      <c r="H121" s="22">
        <v>15</v>
      </c>
      <c r="I121" s="22">
        <v>5</v>
      </c>
      <c r="J121" s="22">
        <v>10</v>
      </c>
      <c r="K121" s="21">
        <v>14</v>
      </c>
      <c r="L121" s="53">
        <v>4</v>
      </c>
      <c r="M121" s="54">
        <v>10</v>
      </c>
    </row>
    <row r="122" spans="1:13">
      <c r="A122" s="40" t="s">
        <v>125</v>
      </c>
      <c r="B122" s="21">
        <v>-52</v>
      </c>
      <c r="C122" s="22">
        <v>-35</v>
      </c>
      <c r="D122" s="22">
        <v>-17</v>
      </c>
      <c r="E122" s="21">
        <v>49</v>
      </c>
      <c r="F122" s="22">
        <v>34</v>
      </c>
      <c r="G122" s="23">
        <v>15</v>
      </c>
      <c r="H122" s="22">
        <v>13</v>
      </c>
      <c r="I122" s="22">
        <v>4</v>
      </c>
      <c r="J122" s="22">
        <v>9</v>
      </c>
      <c r="K122" s="21">
        <v>16</v>
      </c>
      <c r="L122" s="53">
        <v>5</v>
      </c>
      <c r="M122" s="54">
        <v>11</v>
      </c>
    </row>
    <row r="123" spans="1:13">
      <c r="A123" s="40" t="s">
        <v>126</v>
      </c>
      <c r="B123" s="21">
        <v>-69</v>
      </c>
      <c r="C123" s="22">
        <v>-28</v>
      </c>
      <c r="D123" s="22">
        <v>-41</v>
      </c>
      <c r="E123" s="21">
        <v>60</v>
      </c>
      <c r="F123" s="22">
        <v>28</v>
      </c>
      <c r="G123" s="23">
        <v>32</v>
      </c>
      <c r="H123" s="22">
        <v>12</v>
      </c>
      <c r="I123" s="22">
        <v>4</v>
      </c>
      <c r="J123" s="22">
        <v>8</v>
      </c>
      <c r="K123" s="21">
        <v>21</v>
      </c>
      <c r="L123" s="53">
        <v>4</v>
      </c>
      <c r="M123" s="54">
        <v>17</v>
      </c>
    </row>
    <row r="124" spans="1:13">
      <c r="A124" s="40" t="s">
        <v>127</v>
      </c>
      <c r="B124" s="21">
        <v>-49</v>
      </c>
      <c r="C124" s="22">
        <v>-24</v>
      </c>
      <c r="D124" s="22">
        <v>-25</v>
      </c>
      <c r="E124" s="21">
        <v>44</v>
      </c>
      <c r="F124" s="22">
        <v>22</v>
      </c>
      <c r="G124" s="23">
        <v>22</v>
      </c>
      <c r="H124" s="22">
        <v>9</v>
      </c>
      <c r="I124" s="22">
        <v>1</v>
      </c>
      <c r="J124" s="22">
        <v>8</v>
      </c>
      <c r="K124" s="21">
        <v>14</v>
      </c>
      <c r="L124" s="53">
        <v>3</v>
      </c>
      <c r="M124" s="54">
        <v>11</v>
      </c>
    </row>
    <row r="125" spans="1:13" ht="19.5" customHeight="1">
      <c r="A125" s="34" t="s">
        <v>128</v>
      </c>
      <c r="B125" s="17">
        <v>-242</v>
      </c>
      <c r="C125" s="18">
        <v>-93</v>
      </c>
      <c r="D125" s="18">
        <v>-149</v>
      </c>
      <c r="E125" s="17">
        <v>222</v>
      </c>
      <c r="F125" s="18">
        <v>84</v>
      </c>
      <c r="G125" s="19">
        <v>138</v>
      </c>
      <c r="H125" s="18">
        <v>39</v>
      </c>
      <c r="I125" s="18">
        <v>8</v>
      </c>
      <c r="J125" s="18">
        <v>31</v>
      </c>
      <c r="K125" s="17">
        <v>59</v>
      </c>
      <c r="L125" s="51">
        <v>17</v>
      </c>
      <c r="M125" s="52">
        <v>42</v>
      </c>
    </row>
    <row r="126" spans="1:13">
      <c r="A126" s="40" t="s">
        <v>129</v>
      </c>
      <c r="B126" s="21">
        <v>-54</v>
      </c>
      <c r="C126" s="22">
        <v>-19</v>
      </c>
      <c r="D126" s="22">
        <v>-35</v>
      </c>
      <c r="E126" s="21">
        <v>52</v>
      </c>
      <c r="F126" s="22">
        <v>19</v>
      </c>
      <c r="G126" s="23">
        <v>33</v>
      </c>
      <c r="H126" s="22">
        <v>12</v>
      </c>
      <c r="I126" s="22">
        <v>4</v>
      </c>
      <c r="J126" s="22">
        <v>8</v>
      </c>
      <c r="K126" s="21">
        <v>14</v>
      </c>
      <c r="L126" s="53">
        <v>4</v>
      </c>
      <c r="M126" s="54">
        <v>10</v>
      </c>
    </row>
    <row r="127" spans="1:13">
      <c r="A127" s="40" t="s">
        <v>130</v>
      </c>
      <c r="B127" s="21">
        <v>-54</v>
      </c>
      <c r="C127" s="22">
        <v>-27</v>
      </c>
      <c r="D127" s="22">
        <v>-27</v>
      </c>
      <c r="E127" s="21">
        <v>51</v>
      </c>
      <c r="F127" s="22">
        <v>24</v>
      </c>
      <c r="G127" s="23">
        <v>27</v>
      </c>
      <c r="H127" s="22">
        <v>12</v>
      </c>
      <c r="I127" s="22">
        <v>3</v>
      </c>
      <c r="J127" s="22">
        <v>9</v>
      </c>
      <c r="K127" s="21">
        <v>15</v>
      </c>
      <c r="L127" s="53">
        <v>6</v>
      </c>
      <c r="M127" s="54">
        <v>9</v>
      </c>
    </row>
    <row r="128" spans="1:13">
      <c r="A128" s="40" t="s">
        <v>131</v>
      </c>
      <c r="B128" s="21">
        <v>-48</v>
      </c>
      <c r="C128" s="22">
        <v>-18</v>
      </c>
      <c r="D128" s="22">
        <v>-30</v>
      </c>
      <c r="E128" s="21">
        <v>43</v>
      </c>
      <c r="F128" s="22">
        <v>16</v>
      </c>
      <c r="G128" s="23">
        <v>27</v>
      </c>
      <c r="H128" s="22">
        <v>6</v>
      </c>
      <c r="I128" s="22">
        <v>0</v>
      </c>
      <c r="J128" s="22">
        <v>6</v>
      </c>
      <c r="K128" s="21">
        <v>11</v>
      </c>
      <c r="L128" s="53">
        <v>2</v>
      </c>
      <c r="M128" s="54">
        <v>9</v>
      </c>
    </row>
    <row r="129" spans="1:13">
      <c r="A129" s="40" t="s">
        <v>132</v>
      </c>
      <c r="B129" s="21">
        <v>-37</v>
      </c>
      <c r="C129" s="22">
        <v>-13</v>
      </c>
      <c r="D129" s="22">
        <v>-24</v>
      </c>
      <c r="E129" s="21">
        <v>35</v>
      </c>
      <c r="F129" s="22">
        <v>12</v>
      </c>
      <c r="G129" s="23">
        <v>23</v>
      </c>
      <c r="H129" s="22">
        <v>4</v>
      </c>
      <c r="I129" s="22">
        <v>1</v>
      </c>
      <c r="J129" s="22">
        <v>3</v>
      </c>
      <c r="K129" s="21">
        <v>6</v>
      </c>
      <c r="L129" s="53">
        <v>2</v>
      </c>
      <c r="M129" s="54">
        <v>4</v>
      </c>
    </row>
    <row r="130" spans="1:13">
      <c r="A130" s="40" t="s">
        <v>133</v>
      </c>
      <c r="B130" s="21">
        <v>-49</v>
      </c>
      <c r="C130" s="22">
        <v>-16</v>
      </c>
      <c r="D130" s="22">
        <v>-33</v>
      </c>
      <c r="E130" s="21">
        <v>41</v>
      </c>
      <c r="F130" s="22">
        <v>13</v>
      </c>
      <c r="G130" s="23">
        <v>28</v>
      </c>
      <c r="H130" s="22">
        <v>5</v>
      </c>
      <c r="I130" s="22">
        <v>0</v>
      </c>
      <c r="J130" s="22">
        <v>5</v>
      </c>
      <c r="K130" s="21">
        <v>13</v>
      </c>
      <c r="L130" s="53">
        <v>3</v>
      </c>
      <c r="M130" s="54">
        <v>10</v>
      </c>
    </row>
    <row r="131" spans="1:13" ht="19.5" customHeight="1">
      <c r="A131" s="34" t="s">
        <v>134</v>
      </c>
      <c r="B131" s="17">
        <v>-117</v>
      </c>
      <c r="C131" s="18">
        <v>-26</v>
      </c>
      <c r="D131" s="18">
        <v>-91</v>
      </c>
      <c r="E131" s="17">
        <v>111</v>
      </c>
      <c r="F131" s="18">
        <v>25</v>
      </c>
      <c r="G131" s="19">
        <v>86</v>
      </c>
      <c r="H131" s="18">
        <v>5</v>
      </c>
      <c r="I131" s="18">
        <v>2</v>
      </c>
      <c r="J131" s="18">
        <v>3</v>
      </c>
      <c r="K131" s="17">
        <v>11</v>
      </c>
      <c r="L131" s="51">
        <v>3</v>
      </c>
      <c r="M131" s="52">
        <v>8</v>
      </c>
    </row>
    <row r="132" spans="1:13">
      <c r="A132" s="40" t="s">
        <v>135</v>
      </c>
      <c r="B132" s="21">
        <v>-31</v>
      </c>
      <c r="C132" s="22">
        <v>-5</v>
      </c>
      <c r="D132" s="22">
        <v>-26</v>
      </c>
      <c r="E132" s="21">
        <v>28</v>
      </c>
      <c r="F132" s="22">
        <v>6</v>
      </c>
      <c r="G132" s="23">
        <v>22</v>
      </c>
      <c r="H132" s="22">
        <v>1</v>
      </c>
      <c r="I132" s="22">
        <v>1</v>
      </c>
      <c r="J132" s="22">
        <v>0</v>
      </c>
      <c r="K132" s="21">
        <v>4</v>
      </c>
      <c r="L132" s="53">
        <v>0</v>
      </c>
      <c r="M132" s="54">
        <v>4</v>
      </c>
    </row>
    <row r="133" spans="1:13">
      <c r="A133" s="40" t="s">
        <v>136</v>
      </c>
      <c r="B133" s="21">
        <v>-35</v>
      </c>
      <c r="C133" s="22">
        <v>-12</v>
      </c>
      <c r="D133" s="22">
        <v>-23</v>
      </c>
      <c r="E133" s="21">
        <v>32</v>
      </c>
      <c r="F133" s="22">
        <v>10</v>
      </c>
      <c r="G133" s="23">
        <v>22</v>
      </c>
      <c r="H133" s="22">
        <v>1</v>
      </c>
      <c r="I133" s="22">
        <v>0</v>
      </c>
      <c r="J133" s="22">
        <v>1</v>
      </c>
      <c r="K133" s="21">
        <v>4</v>
      </c>
      <c r="L133" s="53">
        <v>2</v>
      </c>
      <c r="M133" s="54">
        <v>2</v>
      </c>
    </row>
    <row r="134" spans="1:13">
      <c r="A134" s="40" t="s">
        <v>137</v>
      </c>
      <c r="B134" s="21">
        <v>-19</v>
      </c>
      <c r="C134" s="22">
        <v>-2</v>
      </c>
      <c r="D134" s="22">
        <v>-17</v>
      </c>
      <c r="E134" s="21">
        <v>20</v>
      </c>
      <c r="F134" s="22">
        <v>2</v>
      </c>
      <c r="G134" s="23">
        <v>18</v>
      </c>
      <c r="H134" s="22">
        <v>3</v>
      </c>
      <c r="I134" s="22">
        <v>1</v>
      </c>
      <c r="J134" s="22">
        <v>2</v>
      </c>
      <c r="K134" s="21">
        <v>2</v>
      </c>
      <c r="L134" s="53">
        <v>1</v>
      </c>
      <c r="M134" s="54">
        <v>1</v>
      </c>
    </row>
    <row r="135" spans="1:13">
      <c r="A135" s="40" t="s">
        <v>138</v>
      </c>
      <c r="B135" s="21">
        <v>-14</v>
      </c>
      <c r="C135" s="22">
        <v>-3</v>
      </c>
      <c r="D135" s="22">
        <v>-11</v>
      </c>
      <c r="E135" s="21">
        <v>14</v>
      </c>
      <c r="F135" s="22">
        <v>3</v>
      </c>
      <c r="G135" s="23">
        <v>11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8</v>
      </c>
      <c r="C136" s="22">
        <v>-4</v>
      </c>
      <c r="D136" s="22">
        <v>-14</v>
      </c>
      <c r="E136" s="21">
        <v>17</v>
      </c>
      <c r="F136" s="22">
        <v>4</v>
      </c>
      <c r="G136" s="23">
        <v>13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23</v>
      </c>
      <c r="C137" s="43">
        <v>-3</v>
      </c>
      <c r="D137" s="43">
        <v>-20</v>
      </c>
      <c r="E137" s="42">
        <v>23</v>
      </c>
      <c r="F137" s="43">
        <v>3</v>
      </c>
      <c r="G137" s="44">
        <v>20</v>
      </c>
      <c r="H137" s="43">
        <v>1</v>
      </c>
      <c r="I137" s="43">
        <v>0</v>
      </c>
      <c r="J137" s="43">
        <v>1</v>
      </c>
      <c r="K137" s="42">
        <v>1</v>
      </c>
      <c r="L137" s="67">
        <v>0</v>
      </c>
      <c r="M137" s="68">
        <v>1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3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7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46</v>
      </c>
      <c r="C5" s="14">
        <v>14</v>
      </c>
      <c r="D5" s="14">
        <v>32</v>
      </c>
      <c r="E5" s="13">
        <v>165</v>
      </c>
      <c r="F5" s="14">
        <v>92</v>
      </c>
      <c r="G5" s="15">
        <v>73</v>
      </c>
      <c r="H5" s="14">
        <v>766</v>
      </c>
      <c r="I5" s="14">
        <v>410</v>
      </c>
      <c r="J5" s="14">
        <v>356</v>
      </c>
      <c r="K5" s="13">
        <v>655</v>
      </c>
      <c r="L5" s="49">
        <v>352</v>
      </c>
      <c r="M5" s="50">
        <v>303</v>
      </c>
    </row>
    <row r="6" spans="1:13" ht="19.5" customHeight="1">
      <c r="A6" s="16" t="s">
        <v>13</v>
      </c>
      <c r="B6" s="17">
        <v>126</v>
      </c>
      <c r="C6" s="18">
        <v>62</v>
      </c>
      <c r="D6" s="18">
        <v>64</v>
      </c>
      <c r="E6" s="17">
        <v>1</v>
      </c>
      <c r="F6" s="18">
        <v>1</v>
      </c>
      <c r="G6" s="19">
        <v>0</v>
      </c>
      <c r="H6" s="18">
        <v>64</v>
      </c>
      <c r="I6" s="18">
        <v>35</v>
      </c>
      <c r="J6" s="18">
        <v>29</v>
      </c>
      <c r="K6" s="17">
        <v>37</v>
      </c>
      <c r="L6" s="51">
        <v>20</v>
      </c>
      <c r="M6" s="52">
        <v>17</v>
      </c>
    </row>
    <row r="7" spans="1:13">
      <c r="A7" s="20" t="s">
        <v>14</v>
      </c>
      <c r="B7" s="21">
        <v>101</v>
      </c>
      <c r="C7" s="22">
        <v>50</v>
      </c>
      <c r="D7" s="22">
        <v>51</v>
      </c>
      <c r="E7" s="21">
        <v>1</v>
      </c>
      <c r="F7" s="22">
        <v>1</v>
      </c>
      <c r="G7" s="23">
        <v>0</v>
      </c>
      <c r="H7" s="22">
        <v>8</v>
      </c>
      <c r="I7" s="22">
        <v>7</v>
      </c>
      <c r="J7" s="22">
        <v>1</v>
      </c>
      <c r="K7" s="21">
        <v>6</v>
      </c>
      <c r="L7" s="53">
        <v>4</v>
      </c>
      <c r="M7" s="54">
        <v>2</v>
      </c>
    </row>
    <row r="8" spans="1:13">
      <c r="A8" s="20" t="s">
        <v>15</v>
      </c>
      <c r="B8" s="21">
        <v>12</v>
      </c>
      <c r="C8" s="22">
        <v>7</v>
      </c>
      <c r="D8" s="22">
        <v>5</v>
      </c>
      <c r="E8" s="21">
        <v>0</v>
      </c>
      <c r="F8" s="22">
        <v>0</v>
      </c>
      <c r="G8" s="23">
        <v>0</v>
      </c>
      <c r="H8" s="22">
        <v>19</v>
      </c>
      <c r="I8" s="22">
        <v>10</v>
      </c>
      <c r="J8" s="22">
        <v>9</v>
      </c>
      <c r="K8" s="21">
        <v>7</v>
      </c>
      <c r="L8" s="53">
        <v>3</v>
      </c>
      <c r="M8" s="54">
        <v>4</v>
      </c>
    </row>
    <row r="9" spans="1:13">
      <c r="A9" s="20" t="s">
        <v>16</v>
      </c>
      <c r="B9" s="21">
        <v>6</v>
      </c>
      <c r="C9" s="22">
        <v>1</v>
      </c>
      <c r="D9" s="22">
        <v>5</v>
      </c>
      <c r="E9" s="21">
        <v>0</v>
      </c>
      <c r="F9" s="22">
        <v>0</v>
      </c>
      <c r="G9" s="23">
        <v>0</v>
      </c>
      <c r="H9" s="22">
        <v>17</v>
      </c>
      <c r="I9" s="22">
        <v>8</v>
      </c>
      <c r="J9" s="22">
        <v>9</v>
      </c>
      <c r="K9" s="21">
        <v>11</v>
      </c>
      <c r="L9" s="53">
        <v>7</v>
      </c>
      <c r="M9" s="54">
        <v>4</v>
      </c>
    </row>
    <row r="10" spans="1:13">
      <c r="A10" s="20" t="s">
        <v>17</v>
      </c>
      <c r="B10" s="21">
        <v>4</v>
      </c>
      <c r="C10" s="22">
        <v>4</v>
      </c>
      <c r="D10" s="22">
        <v>0</v>
      </c>
      <c r="E10" s="21">
        <v>0</v>
      </c>
      <c r="F10" s="22">
        <v>0</v>
      </c>
      <c r="G10" s="23">
        <v>0</v>
      </c>
      <c r="H10" s="22">
        <v>11</v>
      </c>
      <c r="I10" s="22">
        <v>6</v>
      </c>
      <c r="J10" s="22">
        <v>5</v>
      </c>
      <c r="K10" s="21">
        <v>7</v>
      </c>
      <c r="L10" s="53">
        <v>2</v>
      </c>
      <c r="M10" s="54">
        <v>5</v>
      </c>
    </row>
    <row r="11" spans="1:13">
      <c r="A11" s="20" t="s">
        <v>18</v>
      </c>
      <c r="B11" s="21">
        <v>3</v>
      </c>
      <c r="C11" s="22">
        <v>0</v>
      </c>
      <c r="D11" s="22">
        <v>3</v>
      </c>
      <c r="E11" s="21">
        <v>0</v>
      </c>
      <c r="F11" s="22">
        <v>0</v>
      </c>
      <c r="G11" s="23">
        <v>0</v>
      </c>
      <c r="H11" s="22">
        <v>9</v>
      </c>
      <c r="I11" s="22">
        <v>4</v>
      </c>
      <c r="J11" s="22">
        <v>5</v>
      </c>
      <c r="K11" s="21">
        <v>6</v>
      </c>
      <c r="L11" s="53">
        <v>4</v>
      </c>
      <c r="M11" s="54">
        <v>2</v>
      </c>
    </row>
    <row r="12" spans="1:13" ht="20.100000000000001" customHeight="1">
      <c r="A12" s="16" t="s">
        <v>19</v>
      </c>
      <c r="B12" s="17">
        <v>18</v>
      </c>
      <c r="C12" s="18">
        <v>2</v>
      </c>
      <c r="D12" s="18">
        <v>16</v>
      </c>
      <c r="E12" s="17">
        <v>0</v>
      </c>
      <c r="F12" s="18">
        <v>0</v>
      </c>
      <c r="G12" s="19">
        <v>0</v>
      </c>
      <c r="H12" s="18">
        <v>32</v>
      </c>
      <c r="I12" s="18">
        <v>10</v>
      </c>
      <c r="J12" s="18">
        <v>22</v>
      </c>
      <c r="K12" s="17">
        <v>14</v>
      </c>
      <c r="L12" s="51">
        <v>8</v>
      </c>
      <c r="M12" s="52">
        <v>6</v>
      </c>
    </row>
    <row r="13" spans="1:13">
      <c r="A13" s="20" t="s">
        <v>20</v>
      </c>
      <c r="B13" s="21">
        <v>5</v>
      </c>
      <c r="C13" s="22">
        <v>2</v>
      </c>
      <c r="D13" s="22">
        <v>3</v>
      </c>
      <c r="E13" s="21">
        <v>0</v>
      </c>
      <c r="F13" s="22">
        <v>0</v>
      </c>
      <c r="G13" s="23">
        <v>0</v>
      </c>
      <c r="H13" s="22">
        <v>9</v>
      </c>
      <c r="I13" s="22">
        <v>4</v>
      </c>
      <c r="J13" s="22">
        <v>5</v>
      </c>
      <c r="K13" s="21">
        <v>4</v>
      </c>
      <c r="L13" s="53">
        <v>2</v>
      </c>
      <c r="M13" s="54">
        <v>2</v>
      </c>
    </row>
    <row r="14" spans="1:13">
      <c r="A14" s="20" t="s">
        <v>21</v>
      </c>
      <c r="B14" s="21">
        <v>6</v>
      </c>
      <c r="C14" s="22">
        <v>-1</v>
      </c>
      <c r="D14" s="22">
        <v>7</v>
      </c>
      <c r="E14" s="21">
        <v>0</v>
      </c>
      <c r="F14" s="22">
        <v>0</v>
      </c>
      <c r="G14" s="23">
        <v>0</v>
      </c>
      <c r="H14" s="22">
        <v>12</v>
      </c>
      <c r="I14" s="22">
        <v>3</v>
      </c>
      <c r="J14" s="22">
        <v>9</v>
      </c>
      <c r="K14" s="21">
        <v>6</v>
      </c>
      <c r="L14" s="53">
        <v>4</v>
      </c>
      <c r="M14" s="54">
        <v>2</v>
      </c>
    </row>
    <row r="15" spans="1:13">
      <c r="A15" s="20" t="s">
        <v>22</v>
      </c>
      <c r="B15" s="21">
        <v>3</v>
      </c>
      <c r="C15" s="22">
        <v>2</v>
      </c>
      <c r="D15" s="22">
        <v>1</v>
      </c>
      <c r="E15" s="21">
        <v>0</v>
      </c>
      <c r="F15" s="22">
        <v>0</v>
      </c>
      <c r="G15" s="23">
        <v>0</v>
      </c>
      <c r="H15" s="22">
        <v>4</v>
      </c>
      <c r="I15" s="22">
        <v>2</v>
      </c>
      <c r="J15" s="22">
        <v>2</v>
      </c>
      <c r="K15" s="21">
        <v>1</v>
      </c>
      <c r="L15" s="53">
        <v>0</v>
      </c>
      <c r="M15" s="54">
        <v>1</v>
      </c>
    </row>
    <row r="16" spans="1:13">
      <c r="A16" s="20" t="s">
        <v>23</v>
      </c>
      <c r="B16" s="21">
        <v>4</v>
      </c>
      <c r="C16" s="22">
        <v>0</v>
      </c>
      <c r="D16" s="22">
        <v>4</v>
      </c>
      <c r="E16" s="21">
        <v>0</v>
      </c>
      <c r="F16" s="22">
        <v>0</v>
      </c>
      <c r="G16" s="23">
        <v>0</v>
      </c>
      <c r="H16" s="22">
        <v>6</v>
      </c>
      <c r="I16" s="22">
        <v>1</v>
      </c>
      <c r="J16" s="22">
        <v>5</v>
      </c>
      <c r="K16" s="21">
        <v>2</v>
      </c>
      <c r="L16" s="53">
        <v>1</v>
      </c>
      <c r="M16" s="54">
        <v>1</v>
      </c>
    </row>
    <row r="17" spans="1:13">
      <c r="A17" s="20" t="s">
        <v>24</v>
      </c>
      <c r="B17" s="21">
        <v>0</v>
      </c>
      <c r="C17" s="22">
        <v>-1</v>
      </c>
      <c r="D17" s="22">
        <v>1</v>
      </c>
      <c r="E17" s="21">
        <v>0</v>
      </c>
      <c r="F17" s="22">
        <v>0</v>
      </c>
      <c r="G17" s="23">
        <v>0</v>
      </c>
      <c r="H17" s="22">
        <v>1</v>
      </c>
      <c r="I17" s="22">
        <v>0</v>
      </c>
      <c r="J17" s="22">
        <v>1</v>
      </c>
      <c r="K17" s="21">
        <v>1</v>
      </c>
      <c r="L17" s="53">
        <v>1</v>
      </c>
      <c r="M17" s="54">
        <v>0</v>
      </c>
    </row>
    <row r="18" spans="1:13" ht="20.100000000000001" customHeight="1">
      <c r="A18" s="16" t="s">
        <v>25</v>
      </c>
      <c r="B18" s="17">
        <v>5</v>
      </c>
      <c r="C18" s="18">
        <v>1</v>
      </c>
      <c r="D18" s="18">
        <v>4</v>
      </c>
      <c r="E18" s="17">
        <v>0</v>
      </c>
      <c r="F18" s="18">
        <v>0</v>
      </c>
      <c r="G18" s="19">
        <v>0</v>
      </c>
      <c r="H18" s="18">
        <v>13</v>
      </c>
      <c r="I18" s="18">
        <v>8</v>
      </c>
      <c r="J18" s="18">
        <v>5</v>
      </c>
      <c r="K18" s="17">
        <v>8</v>
      </c>
      <c r="L18" s="51">
        <v>7</v>
      </c>
      <c r="M18" s="52">
        <v>1</v>
      </c>
    </row>
    <row r="19" spans="1:13">
      <c r="A19" s="20" t="s">
        <v>26</v>
      </c>
      <c r="B19" s="21">
        <v>2</v>
      </c>
      <c r="C19" s="22">
        <v>1</v>
      </c>
      <c r="D19" s="22">
        <v>1</v>
      </c>
      <c r="E19" s="21">
        <v>0</v>
      </c>
      <c r="F19" s="22">
        <v>0</v>
      </c>
      <c r="G19" s="23">
        <v>0</v>
      </c>
      <c r="H19" s="22">
        <v>5</v>
      </c>
      <c r="I19" s="22">
        <v>3</v>
      </c>
      <c r="J19" s="22">
        <v>2</v>
      </c>
      <c r="K19" s="21">
        <v>3</v>
      </c>
      <c r="L19" s="53">
        <v>2</v>
      </c>
      <c r="M19" s="54">
        <v>1</v>
      </c>
    </row>
    <row r="20" spans="1:13">
      <c r="A20" s="20" t="s">
        <v>27</v>
      </c>
      <c r="B20" s="21">
        <v>2</v>
      </c>
      <c r="C20" s="22">
        <v>1</v>
      </c>
      <c r="D20" s="22">
        <v>1</v>
      </c>
      <c r="E20" s="21">
        <v>0</v>
      </c>
      <c r="F20" s="22">
        <v>0</v>
      </c>
      <c r="G20" s="23">
        <v>0</v>
      </c>
      <c r="H20" s="22">
        <v>4</v>
      </c>
      <c r="I20" s="22">
        <v>3</v>
      </c>
      <c r="J20" s="22">
        <v>1</v>
      </c>
      <c r="K20" s="21">
        <v>2</v>
      </c>
      <c r="L20" s="53">
        <v>2</v>
      </c>
      <c r="M20" s="54">
        <v>0</v>
      </c>
    </row>
    <row r="21" spans="1:13">
      <c r="A21" s="20" t="s">
        <v>28</v>
      </c>
      <c r="B21" s="21">
        <v>1</v>
      </c>
      <c r="C21" s="22">
        <v>0</v>
      </c>
      <c r="D21" s="22">
        <v>1</v>
      </c>
      <c r="E21" s="21">
        <v>0</v>
      </c>
      <c r="F21" s="22">
        <v>0</v>
      </c>
      <c r="G21" s="23">
        <v>0</v>
      </c>
      <c r="H21" s="22">
        <v>1</v>
      </c>
      <c r="I21" s="22">
        <v>0</v>
      </c>
      <c r="J21" s="22">
        <v>1</v>
      </c>
      <c r="K21" s="21">
        <v>0</v>
      </c>
      <c r="L21" s="53">
        <v>0</v>
      </c>
      <c r="M21" s="54">
        <v>0</v>
      </c>
    </row>
    <row r="22" spans="1:13">
      <c r="A22" s="20" t="s">
        <v>29</v>
      </c>
      <c r="B22" s="21">
        <v>0</v>
      </c>
      <c r="C22" s="22">
        <v>-1</v>
      </c>
      <c r="D22" s="22">
        <v>1</v>
      </c>
      <c r="E22" s="21">
        <v>0</v>
      </c>
      <c r="F22" s="22">
        <v>0</v>
      </c>
      <c r="G22" s="23">
        <v>0</v>
      </c>
      <c r="H22" s="22">
        <v>3</v>
      </c>
      <c r="I22" s="22">
        <v>2</v>
      </c>
      <c r="J22" s="22">
        <v>1</v>
      </c>
      <c r="K22" s="21">
        <v>3</v>
      </c>
      <c r="L22" s="53">
        <v>3</v>
      </c>
      <c r="M22" s="54">
        <v>0</v>
      </c>
    </row>
    <row r="23" spans="1:13">
      <c r="A23" s="20" t="s">
        <v>30</v>
      </c>
      <c r="B23" s="21">
        <v>0</v>
      </c>
      <c r="C23" s="22">
        <v>0</v>
      </c>
      <c r="D23" s="22">
        <v>0</v>
      </c>
      <c r="E23" s="21">
        <v>0</v>
      </c>
      <c r="F23" s="22">
        <v>0</v>
      </c>
      <c r="G23" s="23">
        <v>0</v>
      </c>
      <c r="H23" s="22">
        <v>0</v>
      </c>
      <c r="I23" s="22">
        <v>0</v>
      </c>
      <c r="J23" s="22">
        <v>0</v>
      </c>
      <c r="K23" s="21">
        <v>0</v>
      </c>
      <c r="L23" s="53">
        <v>0</v>
      </c>
      <c r="M23" s="54">
        <v>0</v>
      </c>
    </row>
    <row r="24" spans="1:13" ht="20.100000000000001" customHeight="1">
      <c r="A24" s="16" t="s">
        <v>31</v>
      </c>
      <c r="B24" s="17">
        <v>3</v>
      </c>
      <c r="C24" s="18">
        <v>0</v>
      </c>
      <c r="D24" s="18">
        <v>3</v>
      </c>
      <c r="E24" s="17">
        <v>0</v>
      </c>
      <c r="F24" s="18">
        <v>0</v>
      </c>
      <c r="G24" s="19">
        <v>0</v>
      </c>
      <c r="H24" s="18">
        <v>28</v>
      </c>
      <c r="I24" s="18">
        <v>15</v>
      </c>
      <c r="J24" s="18">
        <v>13</v>
      </c>
      <c r="K24" s="17">
        <v>25</v>
      </c>
      <c r="L24" s="51">
        <v>15</v>
      </c>
      <c r="M24" s="52">
        <v>10</v>
      </c>
    </row>
    <row r="25" spans="1:13">
      <c r="A25" s="20" t="s">
        <v>32</v>
      </c>
      <c r="B25" s="21">
        <v>2</v>
      </c>
      <c r="C25" s="22">
        <v>2</v>
      </c>
      <c r="D25" s="22">
        <v>0</v>
      </c>
      <c r="E25" s="21">
        <v>0</v>
      </c>
      <c r="F25" s="22">
        <v>0</v>
      </c>
      <c r="G25" s="23">
        <v>0</v>
      </c>
      <c r="H25" s="22">
        <v>3</v>
      </c>
      <c r="I25" s="22">
        <v>2</v>
      </c>
      <c r="J25" s="22">
        <v>1</v>
      </c>
      <c r="K25" s="21">
        <v>1</v>
      </c>
      <c r="L25" s="53">
        <v>0</v>
      </c>
      <c r="M25" s="54">
        <v>1</v>
      </c>
    </row>
    <row r="26" spans="1:13">
      <c r="A26" s="20" t="s">
        <v>33</v>
      </c>
      <c r="B26" s="21">
        <v>-1</v>
      </c>
      <c r="C26" s="22">
        <v>0</v>
      </c>
      <c r="D26" s="22">
        <v>-1</v>
      </c>
      <c r="E26" s="21">
        <v>0</v>
      </c>
      <c r="F26" s="22">
        <v>0</v>
      </c>
      <c r="G26" s="23">
        <v>0</v>
      </c>
      <c r="H26" s="22">
        <v>5</v>
      </c>
      <c r="I26" s="22">
        <v>4</v>
      </c>
      <c r="J26" s="22">
        <v>1</v>
      </c>
      <c r="K26" s="21">
        <v>6</v>
      </c>
      <c r="L26" s="53">
        <v>4</v>
      </c>
      <c r="M26" s="54">
        <v>2</v>
      </c>
    </row>
    <row r="27" spans="1:13">
      <c r="A27" s="20" t="s">
        <v>34</v>
      </c>
      <c r="B27" s="21">
        <v>1</v>
      </c>
      <c r="C27" s="22">
        <v>0</v>
      </c>
      <c r="D27" s="22">
        <v>1</v>
      </c>
      <c r="E27" s="21">
        <v>0</v>
      </c>
      <c r="F27" s="22">
        <v>0</v>
      </c>
      <c r="G27" s="23">
        <v>0</v>
      </c>
      <c r="H27" s="22">
        <v>3</v>
      </c>
      <c r="I27" s="22">
        <v>2</v>
      </c>
      <c r="J27" s="22">
        <v>1</v>
      </c>
      <c r="K27" s="21">
        <v>2</v>
      </c>
      <c r="L27" s="53">
        <v>2</v>
      </c>
      <c r="M27" s="54">
        <v>0</v>
      </c>
    </row>
    <row r="28" spans="1:13">
      <c r="A28" s="20" t="s">
        <v>35</v>
      </c>
      <c r="B28" s="21">
        <v>-1</v>
      </c>
      <c r="C28" s="22">
        <v>1</v>
      </c>
      <c r="D28" s="22">
        <v>-2</v>
      </c>
      <c r="E28" s="21">
        <v>0</v>
      </c>
      <c r="F28" s="22">
        <v>0</v>
      </c>
      <c r="G28" s="23">
        <v>0</v>
      </c>
      <c r="H28" s="22">
        <v>6</v>
      </c>
      <c r="I28" s="22">
        <v>5</v>
      </c>
      <c r="J28" s="22">
        <v>1</v>
      </c>
      <c r="K28" s="21">
        <v>7</v>
      </c>
      <c r="L28" s="53">
        <v>4</v>
      </c>
      <c r="M28" s="54">
        <v>3</v>
      </c>
    </row>
    <row r="29" spans="1:13">
      <c r="A29" s="20" t="s">
        <v>36</v>
      </c>
      <c r="B29" s="21">
        <v>2</v>
      </c>
      <c r="C29" s="22">
        <v>-3</v>
      </c>
      <c r="D29" s="22">
        <v>5</v>
      </c>
      <c r="E29" s="21">
        <v>0</v>
      </c>
      <c r="F29" s="22">
        <v>0</v>
      </c>
      <c r="G29" s="23">
        <v>0</v>
      </c>
      <c r="H29" s="22">
        <v>11</v>
      </c>
      <c r="I29" s="22">
        <v>2</v>
      </c>
      <c r="J29" s="22">
        <v>9</v>
      </c>
      <c r="K29" s="21">
        <v>9</v>
      </c>
      <c r="L29" s="53">
        <v>5</v>
      </c>
      <c r="M29" s="54">
        <v>4</v>
      </c>
    </row>
    <row r="30" spans="1:13" ht="20.100000000000001" customHeight="1">
      <c r="A30" s="16" t="s">
        <v>37</v>
      </c>
      <c r="B30" s="17">
        <v>-36</v>
      </c>
      <c r="C30" s="18">
        <v>-10</v>
      </c>
      <c r="D30" s="18">
        <v>-26</v>
      </c>
      <c r="E30" s="17">
        <v>1</v>
      </c>
      <c r="F30" s="18">
        <v>1</v>
      </c>
      <c r="G30" s="19">
        <v>0</v>
      </c>
      <c r="H30" s="18">
        <v>97</v>
      </c>
      <c r="I30" s="18">
        <v>49</v>
      </c>
      <c r="J30" s="18">
        <v>48</v>
      </c>
      <c r="K30" s="17">
        <v>132</v>
      </c>
      <c r="L30" s="51">
        <v>58</v>
      </c>
      <c r="M30" s="52">
        <v>74</v>
      </c>
    </row>
    <row r="31" spans="1:13">
      <c r="A31" s="20" t="s">
        <v>38</v>
      </c>
      <c r="B31" s="21">
        <v>2</v>
      </c>
      <c r="C31" s="22">
        <v>2</v>
      </c>
      <c r="D31" s="22">
        <v>0</v>
      </c>
      <c r="E31" s="21">
        <v>1</v>
      </c>
      <c r="F31" s="22">
        <v>1</v>
      </c>
      <c r="G31" s="23">
        <v>0</v>
      </c>
      <c r="H31" s="22">
        <v>12</v>
      </c>
      <c r="I31" s="22">
        <v>7</v>
      </c>
      <c r="J31" s="22">
        <v>5</v>
      </c>
      <c r="K31" s="21">
        <v>9</v>
      </c>
      <c r="L31" s="53">
        <v>4</v>
      </c>
      <c r="M31" s="54">
        <v>5</v>
      </c>
    </row>
    <row r="32" spans="1:13">
      <c r="A32" s="20" t="s">
        <v>39</v>
      </c>
      <c r="B32" s="21">
        <v>-7</v>
      </c>
      <c r="C32" s="22">
        <v>-1</v>
      </c>
      <c r="D32" s="22">
        <v>-6</v>
      </c>
      <c r="E32" s="21">
        <v>0</v>
      </c>
      <c r="F32" s="22">
        <v>0</v>
      </c>
      <c r="G32" s="23">
        <v>0</v>
      </c>
      <c r="H32" s="22">
        <v>19</v>
      </c>
      <c r="I32" s="22">
        <v>8</v>
      </c>
      <c r="J32" s="22">
        <v>11</v>
      </c>
      <c r="K32" s="21">
        <v>26</v>
      </c>
      <c r="L32" s="53">
        <v>9</v>
      </c>
      <c r="M32" s="54">
        <v>17</v>
      </c>
    </row>
    <row r="33" spans="1:13">
      <c r="A33" s="20" t="s">
        <v>40</v>
      </c>
      <c r="B33" s="21">
        <v>-10</v>
      </c>
      <c r="C33" s="22">
        <v>1</v>
      </c>
      <c r="D33" s="22">
        <v>-11</v>
      </c>
      <c r="E33" s="21">
        <v>0</v>
      </c>
      <c r="F33" s="22">
        <v>0</v>
      </c>
      <c r="G33" s="23">
        <v>0</v>
      </c>
      <c r="H33" s="22">
        <v>16</v>
      </c>
      <c r="I33" s="22">
        <v>11</v>
      </c>
      <c r="J33" s="22">
        <v>5</v>
      </c>
      <c r="K33" s="21">
        <v>26</v>
      </c>
      <c r="L33" s="53">
        <v>10</v>
      </c>
      <c r="M33" s="54">
        <v>16</v>
      </c>
    </row>
    <row r="34" spans="1:13">
      <c r="A34" s="20" t="s">
        <v>41</v>
      </c>
      <c r="B34" s="21">
        <v>-10</v>
      </c>
      <c r="C34" s="22">
        <v>-6</v>
      </c>
      <c r="D34" s="22">
        <v>-4</v>
      </c>
      <c r="E34" s="21">
        <v>0</v>
      </c>
      <c r="F34" s="22">
        <v>0</v>
      </c>
      <c r="G34" s="23">
        <v>0</v>
      </c>
      <c r="H34" s="22">
        <v>25</v>
      </c>
      <c r="I34" s="22">
        <v>12</v>
      </c>
      <c r="J34" s="22">
        <v>13</v>
      </c>
      <c r="K34" s="21">
        <v>35</v>
      </c>
      <c r="L34" s="53">
        <v>18</v>
      </c>
      <c r="M34" s="54">
        <v>17</v>
      </c>
    </row>
    <row r="35" spans="1:13">
      <c r="A35" s="20" t="s">
        <v>42</v>
      </c>
      <c r="B35" s="21">
        <v>-11</v>
      </c>
      <c r="C35" s="22">
        <v>-6</v>
      </c>
      <c r="D35" s="22">
        <v>-5</v>
      </c>
      <c r="E35" s="21">
        <v>0</v>
      </c>
      <c r="F35" s="22">
        <v>0</v>
      </c>
      <c r="G35" s="23">
        <v>0</v>
      </c>
      <c r="H35" s="22">
        <v>25</v>
      </c>
      <c r="I35" s="22">
        <v>11</v>
      </c>
      <c r="J35" s="22">
        <v>14</v>
      </c>
      <c r="K35" s="21">
        <v>36</v>
      </c>
      <c r="L35" s="53">
        <v>17</v>
      </c>
      <c r="M35" s="54">
        <v>19</v>
      </c>
    </row>
    <row r="36" spans="1:13" ht="20.100000000000001" customHeight="1">
      <c r="A36" s="16" t="s">
        <v>43</v>
      </c>
      <c r="B36" s="17">
        <v>48</v>
      </c>
      <c r="C36" s="18">
        <v>35</v>
      </c>
      <c r="D36" s="18">
        <v>13</v>
      </c>
      <c r="E36" s="17">
        <v>0</v>
      </c>
      <c r="F36" s="18">
        <v>0</v>
      </c>
      <c r="G36" s="19">
        <v>0</v>
      </c>
      <c r="H36" s="18">
        <v>151</v>
      </c>
      <c r="I36" s="18">
        <v>91</v>
      </c>
      <c r="J36" s="18">
        <v>60</v>
      </c>
      <c r="K36" s="17">
        <v>103</v>
      </c>
      <c r="L36" s="51">
        <v>56</v>
      </c>
      <c r="M36" s="52">
        <v>47</v>
      </c>
    </row>
    <row r="37" spans="1:13">
      <c r="A37" s="20" t="s">
        <v>44</v>
      </c>
      <c r="B37" s="21">
        <v>4</v>
      </c>
      <c r="C37" s="22">
        <v>4</v>
      </c>
      <c r="D37" s="22">
        <v>0</v>
      </c>
      <c r="E37" s="21">
        <v>0</v>
      </c>
      <c r="F37" s="22">
        <v>0</v>
      </c>
      <c r="G37" s="23">
        <v>0</v>
      </c>
      <c r="H37" s="22">
        <v>28</v>
      </c>
      <c r="I37" s="22">
        <v>15</v>
      </c>
      <c r="J37" s="22">
        <v>13</v>
      </c>
      <c r="K37" s="21">
        <v>24</v>
      </c>
      <c r="L37" s="53">
        <v>11</v>
      </c>
      <c r="M37" s="54">
        <v>13</v>
      </c>
    </row>
    <row r="38" spans="1:13">
      <c r="A38" s="20" t="s">
        <v>45</v>
      </c>
      <c r="B38" s="21">
        <v>6</v>
      </c>
      <c r="C38" s="22">
        <v>3</v>
      </c>
      <c r="D38" s="22">
        <v>3</v>
      </c>
      <c r="E38" s="21">
        <v>0</v>
      </c>
      <c r="F38" s="22">
        <v>0</v>
      </c>
      <c r="G38" s="23">
        <v>0</v>
      </c>
      <c r="H38" s="22">
        <v>33</v>
      </c>
      <c r="I38" s="22">
        <v>21</v>
      </c>
      <c r="J38" s="22">
        <v>12</v>
      </c>
      <c r="K38" s="21">
        <v>27</v>
      </c>
      <c r="L38" s="53">
        <v>18</v>
      </c>
      <c r="M38" s="54">
        <v>9</v>
      </c>
    </row>
    <row r="39" spans="1:13">
      <c r="A39" s="20" t="s">
        <v>46</v>
      </c>
      <c r="B39" s="21">
        <v>23</v>
      </c>
      <c r="C39" s="22">
        <v>16</v>
      </c>
      <c r="D39" s="22">
        <v>7</v>
      </c>
      <c r="E39" s="21">
        <v>0</v>
      </c>
      <c r="F39" s="22">
        <v>0</v>
      </c>
      <c r="G39" s="23">
        <v>0</v>
      </c>
      <c r="H39" s="22">
        <v>37</v>
      </c>
      <c r="I39" s="22">
        <v>21</v>
      </c>
      <c r="J39" s="22">
        <v>16</v>
      </c>
      <c r="K39" s="21">
        <v>14</v>
      </c>
      <c r="L39" s="53">
        <v>5</v>
      </c>
      <c r="M39" s="54">
        <v>9</v>
      </c>
    </row>
    <row r="40" spans="1:13">
      <c r="A40" s="20" t="s">
        <v>47</v>
      </c>
      <c r="B40" s="21">
        <v>9</v>
      </c>
      <c r="C40" s="22">
        <v>8</v>
      </c>
      <c r="D40" s="22">
        <v>1</v>
      </c>
      <c r="E40" s="21">
        <v>0</v>
      </c>
      <c r="F40" s="22">
        <v>0</v>
      </c>
      <c r="G40" s="23">
        <v>0</v>
      </c>
      <c r="H40" s="22">
        <v>27</v>
      </c>
      <c r="I40" s="22">
        <v>18</v>
      </c>
      <c r="J40" s="22">
        <v>9</v>
      </c>
      <c r="K40" s="21">
        <v>18</v>
      </c>
      <c r="L40" s="53">
        <v>10</v>
      </c>
      <c r="M40" s="54">
        <v>8</v>
      </c>
    </row>
    <row r="41" spans="1:13">
      <c r="A41" s="20" t="s">
        <v>48</v>
      </c>
      <c r="B41" s="21">
        <v>6</v>
      </c>
      <c r="C41" s="22">
        <v>4</v>
      </c>
      <c r="D41" s="22">
        <v>2</v>
      </c>
      <c r="E41" s="21">
        <v>0</v>
      </c>
      <c r="F41" s="22">
        <v>0</v>
      </c>
      <c r="G41" s="23">
        <v>0</v>
      </c>
      <c r="H41" s="22">
        <v>26</v>
      </c>
      <c r="I41" s="22">
        <v>16</v>
      </c>
      <c r="J41" s="22">
        <v>10</v>
      </c>
      <c r="K41" s="21">
        <v>20</v>
      </c>
      <c r="L41" s="53">
        <v>12</v>
      </c>
      <c r="M41" s="54">
        <v>8</v>
      </c>
    </row>
    <row r="42" spans="1:13" ht="20.100000000000001" customHeight="1">
      <c r="A42" s="16" t="s">
        <v>49</v>
      </c>
      <c r="B42" s="17">
        <v>13</v>
      </c>
      <c r="C42" s="18">
        <v>4</v>
      </c>
      <c r="D42" s="18">
        <v>9</v>
      </c>
      <c r="E42" s="17">
        <v>1</v>
      </c>
      <c r="F42" s="18">
        <v>0</v>
      </c>
      <c r="G42" s="19">
        <v>1</v>
      </c>
      <c r="H42" s="18">
        <v>97</v>
      </c>
      <c r="I42" s="18">
        <v>51</v>
      </c>
      <c r="J42" s="18">
        <v>46</v>
      </c>
      <c r="K42" s="17">
        <v>83</v>
      </c>
      <c r="L42" s="51">
        <v>47</v>
      </c>
      <c r="M42" s="52">
        <v>36</v>
      </c>
    </row>
    <row r="43" spans="1:13">
      <c r="A43" s="20" t="s">
        <v>50</v>
      </c>
      <c r="B43" s="21">
        <v>16</v>
      </c>
      <c r="C43" s="22">
        <v>7</v>
      </c>
      <c r="D43" s="22">
        <v>9</v>
      </c>
      <c r="E43" s="21">
        <v>0</v>
      </c>
      <c r="F43" s="22">
        <v>0</v>
      </c>
      <c r="G43" s="23">
        <v>0</v>
      </c>
      <c r="H43" s="22">
        <v>32</v>
      </c>
      <c r="I43" s="22">
        <v>19</v>
      </c>
      <c r="J43" s="22">
        <v>13</v>
      </c>
      <c r="K43" s="21">
        <v>16</v>
      </c>
      <c r="L43" s="53">
        <v>12</v>
      </c>
      <c r="M43" s="54">
        <v>4</v>
      </c>
    </row>
    <row r="44" spans="1:13">
      <c r="A44" s="20" t="s">
        <v>51</v>
      </c>
      <c r="B44" s="21">
        <v>-2</v>
      </c>
      <c r="C44" s="22">
        <v>-5</v>
      </c>
      <c r="D44" s="22">
        <v>3</v>
      </c>
      <c r="E44" s="21">
        <v>1</v>
      </c>
      <c r="F44" s="22">
        <v>0</v>
      </c>
      <c r="G44" s="23">
        <v>1</v>
      </c>
      <c r="H44" s="22">
        <v>19</v>
      </c>
      <c r="I44" s="22">
        <v>7</v>
      </c>
      <c r="J44" s="22">
        <v>12</v>
      </c>
      <c r="K44" s="21">
        <v>20</v>
      </c>
      <c r="L44" s="53">
        <v>12</v>
      </c>
      <c r="M44" s="54">
        <v>8</v>
      </c>
    </row>
    <row r="45" spans="1:13">
      <c r="A45" s="20" t="s">
        <v>52</v>
      </c>
      <c r="B45" s="21">
        <v>-4</v>
      </c>
      <c r="C45" s="22">
        <v>-2</v>
      </c>
      <c r="D45" s="22">
        <v>-2</v>
      </c>
      <c r="E45" s="21">
        <v>0</v>
      </c>
      <c r="F45" s="22">
        <v>0</v>
      </c>
      <c r="G45" s="23">
        <v>0</v>
      </c>
      <c r="H45" s="22">
        <v>17</v>
      </c>
      <c r="I45" s="22">
        <v>10</v>
      </c>
      <c r="J45" s="22">
        <v>7</v>
      </c>
      <c r="K45" s="21">
        <v>21</v>
      </c>
      <c r="L45" s="53">
        <v>12</v>
      </c>
      <c r="M45" s="54">
        <v>9</v>
      </c>
    </row>
    <row r="46" spans="1:13">
      <c r="A46" s="20" t="s">
        <v>53</v>
      </c>
      <c r="B46" s="21">
        <v>5</v>
      </c>
      <c r="C46" s="22">
        <v>3</v>
      </c>
      <c r="D46" s="22">
        <v>2</v>
      </c>
      <c r="E46" s="21">
        <v>0</v>
      </c>
      <c r="F46" s="22">
        <v>0</v>
      </c>
      <c r="G46" s="23">
        <v>0</v>
      </c>
      <c r="H46" s="22">
        <v>18</v>
      </c>
      <c r="I46" s="22">
        <v>9</v>
      </c>
      <c r="J46" s="22">
        <v>9</v>
      </c>
      <c r="K46" s="21">
        <v>13</v>
      </c>
      <c r="L46" s="53">
        <v>6</v>
      </c>
      <c r="M46" s="54">
        <v>7</v>
      </c>
    </row>
    <row r="47" spans="1:13">
      <c r="A47" s="20" t="s">
        <v>54</v>
      </c>
      <c r="B47" s="21">
        <v>-2</v>
      </c>
      <c r="C47" s="22">
        <v>1</v>
      </c>
      <c r="D47" s="22">
        <v>-3</v>
      </c>
      <c r="E47" s="21">
        <v>0</v>
      </c>
      <c r="F47" s="22">
        <v>0</v>
      </c>
      <c r="G47" s="23">
        <v>0</v>
      </c>
      <c r="H47" s="22">
        <v>11</v>
      </c>
      <c r="I47" s="22">
        <v>6</v>
      </c>
      <c r="J47" s="22">
        <v>5</v>
      </c>
      <c r="K47" s="21">
        <v>13</v>
      </c>
      <c r="L47" s="53">
        <v>5</v>
      </c>
      <c r="M47" s="54">
        <v>8</v>
      </c>
    </row>
    <row r="48" spans="1:13" ht="20.100000000000001" customHeight="1">
      <c r="A48" s="16" t="s">
        <v>55</v>
      </c>
      <c r="B48" s="17">
        <v>11</v>
      </c>
      <c r="C48" s="18">
        <v>6</v>
      </c>
      <c r="D48" s="18">
        <v>5</v>
      </c>
      <c r="E48" s="17">
        <v>0</v>
      </c>
      <c r="F48" s="18">
        <v>0</v>
      </c>
      <c r="G48" s="19">
        <v>0</v>
      </c>
      <c r="H48" s="18">
        <v>65</v>
      </c>
      <c r="I48" s="18">
        <v>34</v>
      </c>
      <c r="J48" s="18">
        <v>31</v>
      </c>
      <c r="K48" s="17">
        <v>54</v>
      </c>
      <c r="L48" s="51">
        <v>28</v>
      </c>
      <c r="M48" s="52">
        <v>26</v>
      </c>
    </row>
    <row r="49" spans="1:13">
      <c r="A49" s="20" t="s">
        <v>56</v>
      </c>
      <c r="B49" s="21">
        <v>-5</v>
      </c>
      <c r="C49" s="22">
        <v>-3</v>
      </c>
      <c r="D49" s="22">
        <v>-2</v>
      </c>
      <c r="E49" s="21">
        <v>0</v>
      </c>
      <c r="F49" s="22">
        <v>0</v>
      </c>
      <c r="G49" s="23">
        <v>0</v>
      </c>
      <c r="H49" s="22">
        <v>8</v>
      </c>
      <c r="I49" s="22">
        <v>3</v>
      </c>
      <c r="J49" s="22">
        <v>5</v>
      </c>
      <c r="K49" s="21">
        <v>13</v>
      </c>
      <c r="L49" s="53">
        <v>6</v>
      </c>
      <c r="M49" s="54">
        <v>7</v>
      </c>
    </row>
    <row r="50" spans="1:13">
      <c r="A50" s="20" t="s">
        <v>57</v>
      </c>
      <c r="B50" s="21">
        <v>8</v>
      </c>
      <c r="C50" s="22">
        <v>3</v>
      </c>
      <c r="D50" s="22">
        <v>5</v>
      </c>
      <c r="E50" s="21">
        <v>0</v>
      </c>
      <c r="F50" s="22">
        <v>0</v>
      </c>
      <c r="G50" s="23">
        <v>0</v>
      </c>
      <c r="H50" s="22">
        <v>23</v>
      </c>
      <c r="I50" s="22">
        <v>11</v>
      </c>
      <c r="J50" s="22">
        <v>12</v>
      </c>
      <c r="K50" s="21">
        <v>15</v>
      </c>
      <c r="L50" s="53">
        <v>8</v>
      </c>
      <c r="M50" s="54">
        <v>7</v>
      </c>
    </row>
    <row r="51" spans="1:13">
      <c r="A51" s="20" t="s">
        <v>58</v>
      </c>
      <c r="B51" s="21">
        <v>2</v>
      </c>
      <c r="C51" s="22">
        <v>0</v>
      </c>
      <c r="D51" s="22">
        <v>2</v>
      </c>
      <c r="E51" s="21">
        <v>0</v>
      </c>
      <c r="F51" s="22">
        <v>0</v>
      </c>
      <c r="G51" s="23">
        <v>0</v>
      </c>
      <c r="H51" s="22">
        <v>10</v>
      </c>
      <c r="I51" s="22">
        <v>6</v>
      </c>
      <c r="J51" s="22">
        <v>4</v>
      </c>
      <c r="K51" s="21">
        <v>8</v>
      </c>
      <c r="L51" s="53">
        <v>6</v>
      </c>
      <c r="M51" s="54">
        <v>2</v>
      </c>
    </row>
    <row r="52" spans="1:13">
      <c r="A52" s="20" t="s">
        <v>59</v>
      </c>
      <c r="B52" s="21">
        <v>5</v>
      </c>
      <c r="C52" s="22">
        <v>5</v>
      </c>
      <c r="D52" s="22">
        <v>0</v>
      </c>
      <c r="E52" s="21">
        <v>0</v>
      </c>
      <c r="F52" s="22">
        <v>0</v>
      </c>
      <c r="G52" s="23">
        <v>0</v>
      </c>
      <c r="H52" s="22">
        <v>15</v>
      </c>
      <c r="I52" s="22">
        <v>9</v>
      </c>
      <c r="J52" s="22">
        <v>6</v>
      </c>
      <c r="K52" s="21">
        <v>10</v>
      </c>
      <c r="L52" s="53">
        <v>4</v>
      </c>
      <c r="M52" s="54">
        <v>6</v>
      </c>
    </row>
    <row r="53" spans="1:13">
      <c r="A53" s="20" t="s">
        <v>60</v>
      </c>
      <c r="B53" s="21">
        <v>1</v>
      </c>
      <c r="C53" s="22">
        <v>1</v>
      </c>
      <c r="D53" s="22">
        <v>0</v>
      </c>
      <c r="E53" s="21">
        <v>0</v>
      </c>
      <c r="F53" s="22">
        <v>0</v>
      </c>
      <c r="G53" s="23">
        <v>0</v>
      </c>
      <c r="H53" s="22">
        <v>9</v>
      </c>
      <c r="I53" s="22">
        <v>5</v>
      </c>
      <c r="J53" s="22">
        <v>4</v>
      </c>
      <c r="K53" s="21">
        <v>8</v>
      </c>
      <c r="L53" s="53">
        <v>4</v>
      </c>
      <c r="M53" s="54">
        <v>4</v>
      </c>
    </row>
    <row r="54" spans="1:13" ht="20.100000000000001" customHeight="1">
      <c r="A54" s="16" t="s">
        <v>61</v>
      </c>
      <c r="B54" s="17">
        <v>5</v>
      </c>
      <c r="C54" s="18">
        <v>2</v>
      </c>
      <c r="D54" s="18">
        <v>3</v>
      </c>
      <c r="E54" s="17">
        <v>0</v>
      </c>
      <c r="F54" s="18">
        <v>0</v>
      </c>
      <c r="G54" s="19">
        <v>0</v>
      </c>
      <c r="H54" s="18">
        <v>55</v>
      </c>
      <c r="I54" s="18">
        <v>29</v>
      </c>
      <c r="J54" s="18">
        <v>26</v>
      </c>
      <c r="K54" s="17">
        <v>50</v>
      </c>
      <c r="L54" s="51">
        <v>27</v>
      </c>
      <c r="M54" s="52">
        <v>23</v>
      </c>
    </row>
    <row r="55" spans="1:13">
      <c r="A55" s="20" t="s">
        <v>62</v>
      </c>
      <c r="B55" s="21">
        <v>1</v>
      </c>
      <c r="C55" s="22">
        <v>5</v>
      </c>
      <c r="D55" s="22">
        <v>-4</v>
      </c>
      <c r="E55" s="21">
        <v>0</v>
      </c>
      <c r="F55" s="22">
        <v>0</v>
      </c>
      <c r="G55" s="23">
        <v>0</v>
      </c>
      <c r="H55" s="22">
        <v>13</v>
      </c>
      <c r="I55" s="22">
        <v>9</v>
      </c>
      <c r="J55" s="22">
        <v>4</v>
      </c>
      <c r="K55" s="21">
        <v>12</v>
      </c>
      <c r="L55" s="53">
        <v>4</v>
      </c>
      <c r="M55" s="54">
        <v>8</v>
      </c>
    </row>
    <row r="56" spans="1:13">
      <c r="A56" s="20" t="s">
        <v>63</v>
      </c>
      <c r="B56" s="21">
        <v>3</v>
      </c>
      <c r="C56" s="22">
        <v>2</v>
      </c>
      <c r="D56" s="22">
        <v>1</v>
      </c>
      <c r="E56" s="21">
        <v>0</v>
      </c>
      <c r="F56" s="22">
        <v>0</v>
      </c>
      <c r="G56" s="23">
        <v>0</v>
      </c>
      <c r="H56" s="22">
        <v>11</v>
      </c>
      <c r="I56" s="22">
        <v>8</v>
      </c>
      <c r="J56" s="22">
        <v>3</v>
      </c>
      <c r="K56" s="21">
        <v>8</v>
      </c>
      <c r="L56" s="53">
        <v>6</v>
      </c>
      <c r="M56" s="54">
        <v>2</v>
      </c>
    </row>
    <row r="57" spans="1:13">
      <c r="A57" s="20" t="s">
        <v>64</v>
      </c>
      <c r="B57" s="21">
        <v>-3</v>
      </c>
      <c r="C57" s="22">
        <v>-6</v>
      </c>
      <c r="D57" s="22">
        <v>3</v>
      </c>
      <c r="E57" s="21">
        <v>0</v>
      </c>
      <c r="F57" s="22">
        <v>0</v>
      </c>
      <c r="G57" s="23">
        <v>0</v>
      </c>
      <c r="H57" s="22">
        <v>11</v>
      </c>
      <c r="I57" s="22">
        <v>3</v>
      </c>
      <c r="J57" s="22">
        <v>8</v>
      </c>
      <c r="K57" s="21">
        <v>14</v>
      </c>
      <c r="L57" s="53">
        <v>9</v>
      </c>
      <c r="M57" s="54">
        <v>5</v>
      </c>
    </row>
    <row r="58" spans="1:13">
      <c r="A58" s="20" t="s">
        <v>65</v>
      </c>
      <c r="B58" s="21">
        <v>1</v>
      </c>
      <c r="C58" s="22">
        <v>0</v>
      </c>
      <c r="D58" s="22">
        <v>1</v>
      </c>
      <c r="E58" s="21">
        <v>0</v>
      </c>
      <c r="F58" s="22">
        <v>0</v>
      </c>
      <c r="G58" s="23">
        <v>0</v>
      </c>
      <c r="H58" s="22">
        <v>12</v>
      </c>
      <c r="I58" s="22">
        <v>4</v>
      </c>
      <c r="J58" s="22">
        <v>8</v>
      </c>
      <c r="K58" s="21">
        <v>11</v>
      </c>
      <c r="L58" s="53">
        <v>4</v>
      </c>
      <c r="M58" s="54">
        <v>7</v>
      </c>
    </row>
    <row r="59" spans="1:13">
      <c r="A59" s="20" t="s">
        <v>66</v>
      </c>
      <c r="B59" s="21">
        <v>3</v>
      </c>
      <c r="C59" s="22">
        <v>1</v>
      </c>
      <c r="D59" s="22">
        <v>2</v>
      </c>
      <c r="E59" s="21">
        <v>0</v>
      </c>
      <c r="F59" s="22">
        <v>0</v>
      </c>
      <c r="G59" s="23">
        <v>0</v>
      </c>
      <c r="H59" s="22">
        <v>8</v>
      </c>
      <c r="I59" s="22">
        <v>5</v>
      </c>
      <c r="J59" s="22">
        <v>3</v>
      </c>
      <c r="K59" s="21">
        <v>5</v>
      </c>
      <c r="L59" s="53">
        <v>4</v>
      </c>
      <c r="M59" s="54">
        <v>1</v>
      </c>
    </row>
    <row r="60" spans="1:13" ht="20.100000000000001" customHeight="1">
      <c r="A60" s="16" t="s">
        <v>67</v>
      </c>
      <c r="B60" s="17">
        <v>-8</v>
      </c>
      <c r="C60" s="18">
        <v>-7</v>
      </c>
      <c r="D60" s="18">
        <v>-1</v>
      </c>
      <c r="E60" s="17">
        <v>2</v>
      </c>
      <c r="F60" s="18">
        <v>1</v>
      </c>
      <c r="G60" s="19">
        <v>1</v>
      </c>
      <c r="H60" s="18">
        <v>42</v>
      </c>
      <c r="I60" s="18">
        <v>28</v>
      </c>
      <c r="J60" s="18">
        <v>14</v>
      </c>
      <c r="K60" s="17">
        <v>48</v>
      </c>
      <c r="L60" s="51">
        <v>34</v>
      </c>
      <c r="M60" s="52">
        <v>14</v>
      </c>
    </row>
    <row r="61" spans="1:13">
      <c r="A61" s="20" t="s">
        <v>68</v>
      </c>
      <c r="B61" s="21">
        <v>1</v>
      </c>
      <c r="C61" s="22">
        <v>-2</v>
      </c>
      <c r="D61" s="22">
        <v>3</v>
      </c>
      <c r="E61" s="21">
        <v>0</v>
      </c>
      <c r="F61" s="22">
        <v>0</v>
      </c>
      <c r="G61" s="23">
        <v>0</v>
      </c>
      <c r="H61" s="22">
        <v>10</v>
      </c>
      <c r="I61" s="22">
        <v>5</v>
      </c>
      <c r="J61" s="22">
        <v>5</v>
      </c>
      <c r="K61" s="21">
        <v>9</v>
      </c>
      <c r="L61" s="53">
        <v>7</v>
      </c>
      <c r="M61" s="54">
        <v>2</v>
      </c>
    </row>
    <row r="62" spans="1:13">
      <c r="A62" s="20" t="s">
        <v>69</v>
      </c>
      <c r="B62" s="21">
        <v>-10</v>
      </c>
      <c r="C62" s="22">
        <v>-8</v>
      </c>
      <c r="D62" s="22">
        <v>-2</v>
      </c>
      <c r="E62" s="21">
        <v>0</v>
      </c>
      <c r="F62" s="22">
        <v>0</v>
      </c>
      <c r="G62" s="23">
        <v>0</v>
      </c>
      <c r="H62" s="22">
        <v>4</v>
      </c>
      <c r="I62" s="22">
        <v>2</v>
      </c>
      <c r="J62" s="22">
        <v>2</v>
      </c>
      <c r="K62" s="21">
        <v>14</v>
      </c>
      <c r="L62" s="53">
        <v>10</v>
      </c>
      <c r="M62" s="54">
        <v>4</v>
      </c>
    </row>
    <row r="63" spans="1:13">
      <c r="A63" s="20" t="s">
        <v>70</v>
      </c>
      <c r="B63" s="21">
        <v>-2</v>
      </c>
      <c r="C63" s="22">
        <v>2</v>
      </c>
      <c r="D63" s="22">
        <v>-4</v>
      </c>
      <c r="E63" s="21">
        <v>0</v>
      </c>
      <c r="F63" s="22">
        <v>0</v>
      </c>
      <c r="G63" s="23">
        <v>0</v>
      </c>
      <c r="H63" s="22">
        <v>8</v>
      </c>
      <c r="I63" s="22">
        <v>8</v>
      </c>
      <c r="J63" s="22">
        <v>0</v>
      </c>
      <c r="K63" s="21">
        <v>10</v>
      </c>
      <c r="L63" s="53">
        <v>6</v>
      </c>
      <c r="M63" s="54">
        <v>4</v>
      </c>
    </row>
    <row r="64" spans="1:13">
      <c r="A64" s="20" t="s">
        <v>71</v>
      </c>
      <c r="B64" s="21">
        <v>-1</v>
      </c>
      <c r="C64" s="22">
        <v>-1</v>
      </c>
      <c r="D64" s="22">
        <v>0</v>
      </c>
      <c r="E64" s="21">
        <v>2</v>
      </c>
      <c r="F64" s="22">
        <v>1</v>
      </c>
      <c r="G64" s="23">
        <v>1</v>
      </c>
      <c r="H64" s="22">
        <v>8</v>
      </c>
      <c r="I64" s="22">
        <v>5</v>
      </c>
      <c r="J64" s="22">
        <v>3</v>
      </c>
      <c r="K64" s="21">
        <v>7</v>
      </c>
      <c r="L64" s="53">
        <v>5</v>
      </c>
      <c r="M64" s="54">
        <v>2</v>
      </c>
    </row>
    <row r="65" spans="1:13">
      <c r="A65" s="24" t="s">
        <v>72</v>
      </c>
      <c r="B65" s="25">
        <v>4</v>
      </c>
      <c r="C65" s="26">
        <v>2</v>
      </c>
      <c r="D65" s="26">
        <v>2</v>
      </c>
      <c r="E65" s="25">
        <v>0</v>
      </c>
      <c r="F65" s="26">
        <v>0</v>
      </c>
      <c r="G65" s="27">
        <v>0</v>
      </c>
      <c r="H65" s="26">
        <v>12</v>
      </c>
      <c r="I65" s="26">
        <v>8</v>
      </c>
      <c r="J65" s="26">
        <v>4</v>
      </c>
      <c r="K65" s="25">
        <v>8</v>
      </c>
      <c r="L65" s="55">
        <v>6</v>
      </c>
      <c r="M65" s="56">
        <v>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00</v>
      </c>
      <c r="C69" s="58">
        <v>48</v>
      </c>
      <c r="D69" s="59">
        <v>52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00</v>
      </c>
      <c r="C70" s="61">
        <v>48</v>
      </c>
      <c r="D70" s="62">
        <v>52</v>
      </c>
    </row>
    <row r="71" spans="1:13">
      <c r="A71" s="24" t="s">
        <v>14</v>
      </c>
      <c r="B71" s="63">
        <v>100</v>
      </c>
      <c r="C71" s="64">
        <v>48</v>
      </c>
      <c r="D71" s="65">
        <v>52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0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5</v>
      </c>
      <c r="C77" s="18">
        <v>3</v>
      </c>
      <c r="D77" s="18">
        <v>2</v>
      </c>
      <c r="E77" s="17">
        <v>5</v>
      </c>
      <c r="F77" s="18">
        <v>4</v>
      </c>
      <c r="G77" s="19">
        <v>1</v>
      </c>
      <c r="H77" s="18">
        <v>40</v>
      </c>
      <c r="I77" s="18">
        <v>20</v>
      </c>
      <c r="J77" s="18">
        <v>20</v>
      </c>
      <c r="K77" s="17">
        <v>30</v>
      </c>
      <c r="L77" s="51">
        <v>13</v>
      </c>
      <c r="M77" s="52">
        <v>17</v>
      </c>
    </row>
    <row r="78" spans="1:13">
      <c r="A78" s="40" t="s">
        <v>81</v>
      </c>
      <c r="B78" s="21">
        <v>0</v>
      </c>
      <c r="C78" s="22">
        <v>2</v>
      </c>
      <c r="D78" s="22">
        <v>-2</v>
      </c>
      <c r="E78" s="21">
        <v>2</v>
      </c>
      <c r="F78" s="22">
        <v>1</v>
      </c>
      <c r="G78" s="23">
        <v>1</v>
      </c>
      <c r="H78" s="22">
        <v>8</v>
      </c>
      <c r="I78" s="22">
        <v>4</v>
      </c>
      <c r="J78" s="22">
        <v>4</v>
      </c>
      <c r="K78" s="21">
        <v>6</v>
      </c>
      <c r="L78" s="53">
        <v>1</v>
      </c>
      <c r="M78" s="54">
        <v>5</v>
      </c>
    </row>
    <row r="79" spans="1:13">
      <c r="A79" s="40" t="s">
        <v>82</v>
      </c>
      <c r="B79" s="21">
        <v>-1</v>
      </c>
      <c r="C79" s="22">
        <v>-3</v>
      </c>
      <c r="D79" s="22">
        <v>2</v>
      </c>
      <c r="E79" s="21">
        <v>1</v>
      </c>
      <c r="F79" s="22">
        <v>1</v>
      </c>
      <c r="G79" s="23">
        <v>0</v>
      </c>
      <c r="H79" s="22">
        <v>10</v>
      </c>
      <c r="I79" s="22">
        <v>6</v>
      </c>
      <c r="J79" s="22">
        <v>4</v>
      </c>
      <c r="K79" s="21">
        <v>10</v>
      </c>
      <c r="L79" s="53">
        <v>8</v>
      </c>
      <c r="M79" s="54">
        <v>2</v>
      </c>
    </row>
    <row r="80" spans="1:13">
      <c r="A80" s="40" t="s">
        <v>83</v>
      </c>
      <c r="B80" s="21">
        <v>2</v>
      </c>
      <c r="C80" s="22">
        <v>3</v>
      </c>
      <c r="D80" s="22">
        <v>-1</v>
      </c>
      <c r="E80" s="21">
        <v>1</v>
      </c>
      <c r="F80" s="22">
        <v>1</v>
      </c>
      <c r="G80" s="23">
        <v>0</v>
      </c>
      <c r="H80" s="22">
        <v>9</v>
      </c>
      <c r="I80" s="22">
        <v>4</v>
      </c>
      <c r="J80" s="22">
        <v>5</v>
      </c>
      <c r="K80" s="21">
        <v>6</v>
      </c>
      <c r="L80" s="53">
        <v>0</v>
      </c>
      <c r="M80" s="54">
        <v>6</v>
      </c>
    </row>
    <row r="81" spans="1:13">
      <c r="A81" s="40" t="s">
        <v>84</v>
      </c>
      <c r="B81" s="21">
        <v>-1</v>
      </c>
      <c r="C81" s="22">
        <v>-1</v>
      </c>
      <c r="D81" s="22">
        <v>0</v>
      </c>
      <c r="E81" s="21">
        <v>1</v>
      </c>
      <c r="F81" s="22">
        <v>1</v>
      </c>
      <c r="G81" s="23">
        <v>0</v>
      </c>
      <c r="H81" s="22">
        <v>5</v>
      </c>
      <c r="I81" s="22">
        <v>1</v>
      </c>
      <c r="J81" s="22">
        <v>4</v>
      </c>
      <c r="K81" s="21">
        <v>5</v>
      </c>
      <c r="L81" s="53">
        <v>1</v>
      </c>
      <c r="M81" s="54">
        <v>4</v>
      </c>
    </row>
    <row r="82" spans="1:13">
      <c r="A82" s="40" t="s">
        <v>85</v>
      </c>
      <c r="B82" s="21">
        <v>5</v>
      </c>
      <c r="C82" s="22">
        <v>2</v>
      </c>
      <c r="D82" s="22">
        <v>3</v>
      </c>
      <c r="E82" s="21">
        <v>0</v>
      </c>
      <c r="F82" s="22">
        <v>0</v>
      </c>
      <c r="G82" s="23">
        <v>0</v>
      </c>
      <c r="H82" s="22">
        <v>8</v>
      </c>
      <c r="I82" s="22">
        <v>5</v>
      </c>
      <c r="J82" s="22">
        <v>3</v>
      </c>
      <c r="K82" s="21">
        <v>3</v>
      </c>
      <c r="L82" s="53">
        <v>3</v>
      </c>
      <c r="M82" s="54">
        <v>0</v>
      </c>
    </row>
    <row r="83" spans="1:13" ht="19.5" customHeight="1">
      <c r="A83" s="34" t="s">
        <v>86</v>
      </c>
      <c r="B83" s="17">
        <v>6</v>
      </c>
      <c r="C83" s="18">
        <v>0</v>
      </c>
      <c r="D83" s="18">
        <v>6</v>
      </c>
      <c r="E83" s="17">
        <v>1</v>
      </c>
      <c r="F83" s="18">
        <v>1</v>
      </c>
      <c r="G83" s="19">
        <v>0</v>
      </c>
      <c r="H83" s="18">
        <v>23</v>
      </c>
      <c r="I83" s="18">
        <v>12</v>
      </c>
      <c r="J83" s="18">
        <v>11</v>
      </c>
      <c r="K83" s="17">
        <v>16</v>
      </c>
      <c r="L83" s="51">
        <v>11</v>
      </c>
      <c r="M83" s="52">
        <v>5</v>
      </c>
    </row>
    <row r="84" spans="1:13">
      <c r="A84" s="40" t="s">
        <v>87</v>
      </c>
      <c r="B84" s="21">
        <v>-3</v>
      </c>
      <c r="C84" s="22">
        <v>-2</v>
      </c>
      <c r="D84" s="22">
        <v>-1</v>
      </c>
      <c r="E84" s="21">
        <v>0</v>
      </c>
      <c r="F84" s="22">
        <v>0</v>
      </c>
      <c r="G84" s="23">
        <v>0</v>
      </c>
      <c r="H84" s="22">
        <v>4</v>
      </c>
      <c r="I84" s="22">
        <v>3</v>
      </c>
      <c r="J84" s="22">
        <v>1</v>
      </c>
      <c r="K84" s="21">
        <v>7</v>
      </c>
      <c r="L84" s="53">
        <v>5</v>
      </c>
      <c r="M84" s="54">
        <v>2</v>
      </c>
    </row>
    <row r="85" spans="1:13">
      <c r="A85" s="40" t="s">
        <v>88</v>
      </c>
      <c r="B85" s="21">
        <v>4</v>
      </c>
      <c r="C85" s="22">
        <v>2</v>
      </c>
      <c r="D85" s="22">
        <v>2</v>
      </c>
      <c r="E85" s="21">
        <v>0</v>
      </c>
      <c r="F85" s="22">
        <v>0</v>
      </c>
      <c r="G85" s="23">
        <v>0</v>
      </c>
      <c r="H85" s="22">
        <v>5</v>
      </c>
      <c r="I85" s="22">
        <v>3</v>
      </c>
      <c r="J85" s="22">
        <v>2</v>
      </c>
      <c r="K85" s="21">
        <v>1</v>
      </c>
      <c r="L85" s="53">
        <v>1</v>
      </c>
      <c r="M85" s="54">
        <v>0</v>
      </c>
    </row>
    <row r="86" spans="1:13">
      <c r="A86" s="40" t="s">
        <v>89</v>
      </c>
      <c r="B86" s="21">
        <v>1</v>
      </c>
      <c r="C86" s="22">
        <v>-1</v>
      </c>
      <c r="D86" s="22">
        <v>2</v>
      </c>
      <c r="E86" s="21">
        <v>1</v>
      </c>
      <c r="F86" s="22">
        <v>1</v>
      </c>
      <c r="G86" s="23">
        <v>0</v>
      </c>
      <c r="H86" s="22">
        <v>6</v>
      </c>
      <c r="I86" s="22">
        <v>3</v>
      </c>
      <c r="J86" s="22">
        <v>3</v>
      </c>
      <c r="K86" s="21">
        <v>4</v>
      </c>
      <c r="L86" s="53">
        <v>3</v>
      </c>
      <c r="M86" s="54">
        <v>1</v>
      </c>
    </row>
    <row r="87" spans="1:13">
      <c r="A87" s="40" t="s">
        <v>90</v>
      </c>
      <c r="B87" s="21">
        <v>0</v>
      </c>
      <c r="C87" s="22">
        <v>-1</v>
      </c>
      <c r="D87" s="22">
        <v>1</v>
      </c>
      <c r="E87" s="21">
        <v>0</v>
      </c>
      <c r="F87" s="22">
        <v>0</v>
      </c>
      <c r="G87" s="23">
        <v>0</v>
      </c>
      <c r="H87" s="22">
        <v>4</v>
      </c>
      <c r="I87" s="22">
        <v>1</v>
      </c>
      <c r="J87" s="22">
        <v>3</v>
      </c>
      <c r="K87" s="21">
        <v>4</v>
      </c>
      <c r="L87" s="53">
        <v>2</v>
      </c>
      <c r="M87" s="54">
        <v>2</v>
      </c>
    </row>
    <row r="88" spans="1:13">
      <c r="A88" s="40" t="s">
        <v>91</v>
      </c>
      <c r="B88" s="21">
        <v>4</v>
      </c>
      <c r="C88" s="22">
        <v>2</v>
      </c>
      <c r="D88" s="22">
        <v>2</v>
      </c>
      <c r="E88" s="21">
        <v>0</v>
      </c>
      <c r="F88" s="22">
        <v>0</v>
      </c>
      <c r="G88" s="23">
        <v>0</v>
      </c>
      <c r="H88" s="22">
        <v>4</v>
      </c>
      <c r="I88" s="22">
        <v>2</v>
      </c>
      <c r="J88" s="22">
        <v>2</v>
      </c>
      <c r="K88" s="21">
        <v>0</v>
      </c>
      <c r="L88" s="53">
        <v>0</v>
      </c>
      <c r="M88" s="54">
        <v>0</v>
      </c>
    </row>
    <row r="89" spans="1:13" ht="19.5" customHeight="1">
      <c r="A89" s="34" t="s">
        <v>92</v>
      </c>
      <c r="B89" s="17">
        <v>1</v>
      </c>
      <c r="C89" s="18">
        <v>-1</v>
      </c>
      <c r="D89" s="18">
        <v>2</v>
      </c>
      <c r="E89" s="17">
        <v>5</v>
      </c>
      <c r="F89" s="18">
        <v>3</v>
      </c>
      <c r="G89" s="19">
        <v>2</v>
      </c>
      <c r="H89" s="18">
        <v>17</v>
      </c>
      <c r="I89" s="18">
        <v>11</v>
      </c>
      <c r="J89" s="18">
        <v>6</v>
      </c>
      <c r="K89" s="17">
        <v>11</v>
      </c>
      <c r="L89" s="51">
        <v>9</v>
      </c>
      <c r="M89" s="52">
        <v>2</v>
      </c>
    </row>
    <row r="90" spans="1:13">
      <c r="A90" s="40" t="s">
        <v>93</v>
      </c>
      <c r="B90" s="21">
        <v>3</v>
      </c>
      <c r="C90" s="22">
        <v>3</v>
      </c>
      <c r="D90" s="22">
        <v>0</v>
      </c>
      <c r="E90" s="21">
        <v>1</v>
      </c>
      <c r="F90" s="22">
        <v>0</v>
      </c>
      <c r="G90" s="23">
        <v>1</v>
      </c>
      <c r="H90" s="22">
        <v>6</v>
      </c>
      <c r="I90" s="22">
        <v>5</v>
      </c>
      <c r="J90" s="22">
        <v>1</v>
      </c>
      <c r="K90" s="21">
        <v>2</v>
      </c>
      <c r="L90" s="53">
        <v>2</v>
      </c>
      <c r="M90" s="54">
        <v>0</v>
      </c>
    </row>
    <row r="91" spans="1:13">
      <c r="A91" s="40" t="s">
        <v>94</v>
      </c>
      <c r="B91" s="21">
        <v>3</v>
      </c>
      <c r="C91" s="22">
        <v>1</v>
      </c>
      <c r="D91" s="22">
        <v>2</v>
      </c>
      <c r="E91" s="21">
        <v>1</v>
      </c>
      <c r="F91" s="22">
        <v>1</v>
      </c>
      <c r="G91" s="23">
        <v>0</v>
      </c>
      <c r="H91" s="22">
        <v>5</v>
      </c>
      <c r="I91" s="22">
        <v>3</v>
      </c>
      <c r="J91" s="22">
        <v>2</v>
      </c>
      <c r="K91" s="21">
        <v>1</v>
      </c>
      <c r="L91" s="53">
        <v>1</v>
      </c>
      <c r="M91" s="54">
        <v>0</v>
      </c>
    </row>
    <row r="92" spans="1:13">
      <c r="A92" s="40" t="s">
        <v>95</v>
      </c>
      <c r="B92" s="21">
        <v>-1</v>
      </c>
      <c r="C92" s="22">
        <v>-1</v>
      </c>
      <c r="D92" s="22">
        <v>0</v>
      </c>
      <c r="E92" s="21">
        <v>1</v>
      </c>
      <c r="F92" s="22">
        <v>1</v>
      </c>
      <c r="G92" s="23">
        <v>0</v>
      </c>
      <c r="H92" s="22">
        <v>2</v>
      </c>
      <c r="I92" s="22">
        <v>1</v>
      </c>
      <c r="J92" s="22">
        <v>1</v>
      </c>
      <c r="K92" s="21">
        <v>2</v>
      </c>
      <c r="L92" s="53">
        <v>1</v>
      </c>
      <c r="M92" s="54">
        <v>1</v>
      </c>
    </row>
    <row r="93" spans="1:13">
      <c r="A93" s="40" t="s">
        <v>96</v>
      </c>
      <c r="B93" s="21">
        <v>-2</v>
      </c>
      <c r="C93" s="22">
        <v>-2</v>
      </c>
      <c r="D93" s="22">
        <v>0</v>
      </c>
      <c r="E93" s="21">
        <v>2</v>
      </c>
      <c r="F93" s="22">
        <v>1</v>
      </c>
      <c r="G93" s="23">
        <v>1</v>
      </c>
      <c r="H93" s="22">
        <v>2</v>
      </c>
      <c r="I93" s="22">
        <v>1</v>
      </c>
      <c r="J93" s="22">
        <v>1</v>
      </c>
      <c r="K93" s="21">
        <v>2</v>
      </c>
      <c r="L93" s="53">
        <v>2</v>
      </c>
      <c r="M93" s="54">
        <v>0</v>
      </c>
    </row>
    <row r="94" spans="1:13">
      <c r="A94" s="40" t="s">
        <v>97</v>
      </c>
      <c r="B94" s="21">
        <v>-2</v>
      </c>
      <c r="C94" s="22">
        <v>-2</v>
      </c>
      <c r="D94" s="22">
        <v>0</v>
      </c>
      <c r="E94" s="21">
        <v>0</v>
      </c>
      <c r="F94" s="22">
        <v>0</v>
      </c>
      <c r="G94" s="23">
        <v>0</v>
      </c>
      <c r="H94" s="22">
        <v>2</v>
      </c>
      <c r="I94" s="22">
        <v>1</v>
      </c>
      <c r="J94" s="22">
        <v>1</v>
      </c>
      <c r="K94" s="21">
        <v>4</v>
      </c>
      <c r="L94" s="53">
        <v>3</v>
      </c>
      <c r="M94" s="54">
        <v>1</v>
      </c>
    </row>
    <row r="95" spans="1:13" ht="19.5" customHeight="1">
      <c r="A95" s="34" t="s">
        <v>98</v>
      </c>
      <c r="B95" s="17">
        <v>-10</v>
      </c>
      <c r="C95" s="18">
        <v>-8</v>
      </c>
      <c r="D95" s="18">
        <v>-2</v>
      </c>
      <c r="E95" s="17">
        <v>11</v>
      </c>
      <c r="F95" s="18">
        <v>6</v>
      </c>
      <c r="G95" s="19">
        <v>5</v>
      </c>
      <c r="H95" s="18">
        <v>10</v>
      </c>
      <c r="I95" s="18">
        <v>5</v>
      </c>
      <c r="J95" s="18">
        <v>5</v>
      </c>
      <c r="K95" s="17">
        <v>9</v>
      </c>
      <c r="L95" s="51">
        <v>7</v>
      </c>
      <c r="M95" s="52">
        <v>2</v>
      </c>
    </row>
    <row r="96" spans="1:13">
      <c r="A96" s="40" t="s">
        <v>99</v>
      </c>
      <c r="B96" s="21">
        <v>1</v>
      </c>
      <c r="C96" s="22">
        <v>1</v>
      </c>
      <c r="D96" s="22">
        <v>0</v>
      </c>
      <c r="E96" s="21">
        <v>2</v>
      </c>
      <c r="F96" s="22">
        <v>0</v>
      </c>
      <c r="G96" s="23">
        <v>2</v>
      </c>
      <c r="H96" s="22">
        <v>3</v>
      </c>
      <c r="I96" s="22">
        <v>1</v>
      </c>
      <c r="J96" s="22">
        <v>2</v>
      </c>
      <c r="K96" s="21">
        <v>0</v>
      </c>
      <c r="L96" s="53">
        <v>0</v>
      </c>
      <c r="M96" s="54">
        <v>0</v>
      </c>
    </row>
    <row r="97" spans="1:13">
      <c r="A97" s="40" t="s">
        <v>100</v>
      </c>
      <c r="B97" s="21">
        <v>-5</v>
      </c>
      <c r="C97" s="22">
        <v>-4</v>
      </c>
      <c r="D97" s="22">
        <v>-1</v>
      </c>
      <c r="E97" s="21">
        <v>2</v>
      </c>
      <c r="F97" s="22">
        <v>1</v>
      </c>
      <c r="G97" s="23">
        <v>1</v>
      </c>
      <c r="H97" s="22">
        <v>1</v>
      </c>
      <c r="I97" s="22">
        <v>1</v>
      </c>
      <c r="J97" s="22">
        <v>0</v>
      </c>
      <c r="K97" s="21">
        <v>4</v>
      </c>
      <c r="L97" s="53">
        <v>4</v>
      </c>
      <c r="M97" s="54">
        <v>0</v>
      </c>
    </row>
    <row r="98" spans="1:13">
      <c r="A98" s="40" t="s">
        <v>101</v>
      </c>
      <c r="B98" s="21">
        <v>-3</v>
      </c>
      <c r="C98" s="22">
        <v>-3</v>
      </c>
      <c r="D98" s="22">
        <v>0</v>
      </c>
      <c r="E98" s="21">
        <v>2</v>
      </c>
      <c r="F98" s="22">
        <v>2</v>
      </c>
      <c r="G98" s="23">
        <v>0</v>
      </c>
      <c r="H98" s="22">
        <v>1</v>
      </c>
      <c r="I98" s="22">
        <v>1</v>
      </c>
      <c r="J98" s="22">
        <v>0</v>
      </c>
      <c r="K98" s="21">
        <v>2</v>
      </c>
      <c r="L98" s="53">
        <v>2</v>
      </c>
      <c r="M98" s="54">
        <v>0</v>
      </c>
    </row>
    <row r="99" spans="1:13">
      <c r="A99" s="40" t="s">
        <v>102</v>
      </c>
      <c r="B99" s="21">
        <v>-1</v>
      </c>
      <c r="C99" s="22">
        <v>0</v>
      </c>
      <c r="D99" s="22">
        <v>-1</v>
      </c>
      <c r="E99" s="21">
        <v>3</v>
      </c>
      <c r="F99" s="22">
        <v>1</v>
      </c>
      <c r="G99" s="23">
        <v>2</v>
      </c>
      <c r="H99" s="22">
        <v>3</v>
      </c>
      <c r="I99" s="22">
        <v>1</v>
      </c>
      <c r="J99" s="22">
        <v>2</v>
      </c>
      <c r="K99" s="21">
        <v>1</v>
      </c>
      <c r="L99" s="53">
        <v>0</v>
      </c>
      <c r="M99" s="54">
        <v>1</v>
      </c>
    </row>
    <row r="100" spans="1:13">
      <c r="A100" s="40" t="s">
        <v>103</v>
      </c>
      <c r="B100" s="21">
        <v>-2</v>
      </c>
      <c r="C100" s="22">
        <v>-2</v>
      </c>
      <c r="D100" s="22">
        <v>0</v>
      </c>
      <c r="E100" s="21">
        <v>2</v>
      </c>
      <c r="F100" s="22">
        <v>2</v>
      </c>
      <c r="G100" s="23">
        <v>0</v>
      </c>
      <c r="H100" s="22">
        <v>2</v>
      </c>
      <c r="I100" s="22">
        <v>1</v>
      </c>
      <c r="J100" s="22">
        <v>1</v>
      </c>
      <c r="K100" s="21">
        <v>2</v>
      </c>
      <c r="L100" s="53">
        <v>1</v>
      </c>
      <c r="M100" s="54">
        <v>1</v>
      </c>
    </row>
    <row r="101" spans="1:13" ht="19.5" customHeight="1">
      <c r="A101" s="34" t="s">
        <v>104</v>
      </c>
      <c r="B101" s="17">
        <v>-17</v>
      </c>
      <c r="C101" s="18">
        <v>-10</v>
      </c>
      <c r="D101" s="18">
        <v>-7</v>
      </c>
      <c r="E101" s="17">
        <v>13</v>
      </c>
      <c r="F101" s="18">
        <v>9</v>
      </c>
      <c r="G101" s="19">
        <v>4</v>
      </c>
      <c r="H101" s="18">
        <v>7</v>
      </c>
      <c r="I101" s="18">
        <v>4</v>
      </c>
      <c r="J101" s="18">
        <v>3</v>
      </c>
      <c r="K101" s="17">
        <v>11</v>
      </c>
      <c r="L101" s="51">
        <v>5</v>
      </c>
      <c r="M101" s="52">
        <v>6</v>
      </c>
    </row>
    <row r="102" spans="1:13">
      <c r="A102" s="40" t="s">
        <v>105</v>
      </c>
      <c r="B102" s="21">
        <v>-5</v>
      </c>
      <c r="C102" s="22">
        <v>-4</v>
      </c>
      <c r="D102" s="22">
        <v>-1</v>
      </c>
      <c r="E102" s="21">
        <v>3</v>
      </c>
      <c r="F102" s="22">
        <v>2</v>
      </c>
      <c r="G102" s="23">
        <v>1</v>
      </c>
      <c r="H102" s="22">
        <v>0</v>
      </c>
      <c r="I102" s="22">
        <v>0</v>
      </c>
      <c r="J102" s="22">
        <v>0</v>
      </c>
      <c r="K102" s="21">
        <v>2</v>
      </c>
      <c r="L102" s="53">
        <v>2</v>
      </c>
      <c r="M102" s="54">
        <v>0</v>
      </c>
    </row>
    <row r="103" spans="1:13">
      <c r="A103" s="40" t="s">
        <v>106</v>
      </c>
      <c r="B103" s="21">
        <v>0</v>
      </c>
      <c r="C103" s="22">
        <v>0</v>
      </c>
      <c r="D103" s="22">
        <v>0</v>
      </c>
      <c r="E103" s="21">
        <v>0</v>
      </c>
      <c r="F103" s="22">
        <v>0</v>
      </c>
      <c r="G103" s="23">
        <v>0</v>
      </c>
      <c r="H103" s="22">
        <v>1</v>
      </c>
      <c r="I103" s="22">
        <v>1</v>
      </c>
      <c r="J103" s="22">
        <v>0</v>
      </c>
      <c r="K103" s="21">
        <v>1</v>
      </c>
      <c r="L103" s="53">
        <v>1</v>
      </c>
      <c r="M103" s="54">
        <v>0</v>
      </c>
    </row>
    <row r="104" spans="1:13">
      <c r="A104" s="40" t="s">
        <v>107</v>
      </c>
      <c r="B104" s="21">
        <v>-7</v>
      </c>
      <c r="C104" s="22">
        <v>-3</v>
      </c>
      <c r="D104" s="22">
        <v>-4</v>
      </c>
      <c r="E104" s="21">
        <v>5</v>
      </c>
      <c r="F104" s="22">
        <v>4</v>
      </c>
      <c r="G104" s="23">
        <v>1</v>
      </c>
      <c r="H104" s="22">
        <v>1</v>
      </c>
      <c r="I104" s="22">
        <v>1</v>
      </c>
      <c r="J104" s="22">
        <v>0</v>
      </c>
      <c r="K104" s="21">
        <v>3</v>
      </c>
      <c r="L104" s="53">
        <v>0</v>
      </c>
      <c r="M104" s="54">
        <v>3</v>
      </c>
    </row>
    <row r="105" spans="1:13">
      <c r="A105" s="40" t="s">
        <v>108</v>
      </c>
      <c r="B105" s="21">
        <v>-3</v>
      </c>
      <c r="C105" s="22">
        <v>-2</v>
      </c>
      <c r="D105" s="22">
        <v>-1</v>
      </c>
      <c r="E105" s="21">
        <v>2</v>
      </c>
      <c r="F105" s="22">
        <v>2</v>
      </c>
      <c r="G105" s="23">
        <v>0</v>
      </c>
      <c r="H105" s="22">
        <v>1</v>
      </c>
      <c r="I105" s="22">
        <v>0</v>
      </c>
      <c r="J105" s="22">
        <v>1</v>
      </c>
      <c r="K105" s="21">
        <v>2</v>
      </c>
      <c r="L105" s="53">
        <v>0</v>
      </c>
      <c r="M105" s="54">
        <v>2</v>
      </c>
    </row>
    <row r="106" spans="1:13">
      <c r="A106" s="40" t="s">
        <v>109</v>
      </c>
      <c r="B106" s="21">
        <v>-2</v>
      </c>
      <c r="C106" s="22">
        <v>-1</v>
      </c>
      <c r="D106" s="22">
        <v>-1</v>
      </c>
      <c r="E106" s="21">
        <v>3</v>
      </c>
      <c r="F106" s="22">
        <v>1</v>
      </c>
      <c r="G106" s="23">
        <v>2</v>
      </c>
      <c r="H106" s="22">
        <v>4</v>
      </c>
      <c r="I106" s="22">
        <v>2</v>
      </c>
      <c r="J106" s="22">
        <v>2</v>
      </c>
      <c r="K106" s="21">
        <v>3</v>
      </c>
      <c r="L106" s="53">
        <v>2</v>
      </c>
      <c r="M106" s="54">
        <v>1</v>
      </c>
    </row>
    <row r="107" spans="1:13" ht="19.5" customHeight="1">
      <c r="A107" s="34" t="s">
        <v>110</v>
      </c>
      <c r="B107" s="17">
        <v>-25</v>
      </c>
      <c r="C107" s="18">
        <v>-16</v>
      </c>
      <c r="D107" s="18">
        <v>-9</v>
      </c>
      <c r="E107" s="17">
        <v>22</v>
      </c>
      <c r="F107" s="18">
        <v>12</v>
      </c>
      <c r="G107" s="19">
        <v>10</v>
      </c>
      <c r="H107" s="18">
        <v>7</v>
      </c>
      <c r="I107" s="18">
        <v>2</v>
      </c>
      <c r="J107" s="18">
        <v>5</v>
      </c>
      <c r="K107" s="17">
        <v>10</v>
      </c>
      <c r="L107" s="51">
        <v>6</v>
      </c>
      <c r="M107" s="52">
        <v>4</v>
      </c>
    </row>
    <row r="108" spans="1:13">
      <c r="A108" s="40" t="s">
        <v>111</v>
      </c>
      <c r="B108" s="21">
        <v>-7</v>
      </c>
      <c r="C108" s="22">
        <v>-5</v>
      </c>
      <c r="D108" s="22">
        <v>-2</v>
      </c>
      <c r="E108" s="21">
        <v>5</v>
      </c>
      <c r="F108" s="22">
        <v>3</v>
      </c>
      <c r="G108" s="23">
        <v>2</v>
      </c>
      <c r="H108" s="22">
        <v>2</v>
      </c>
      <c r="I108" s="22">
        <v>0</v>
      </c>
      <c r="J108" s="22">
        <v>2</v>
      </c>
      <c r="K108" s="21">
        <v>4</v>
      </c>
      <c r="L108" s="53">
        <v>2</v>
      </c>
      <c r="M108" s="54">
        <v>2</v>
      </c>
    </row>
    <row r="109" spans="1:13">
      <c r="A109" s="40" t="s">
        <v>112</v>
      </c>
      <c r="B109" s="21">
        <v>-6</v>
      </c>
      <c r="C109" s="22">
        <v>-3</v>
      </c>
      <c r="D109" s="22">
        <v>-3</v>
      </c>
      <c r="E109" s="21">
        <v>5</v>
      </c>
      <c r="F109" s="22">
        <v>3</v>
      </c>
      <c r="G109" s="23">
        <v>2</v>
      </c>
      <c r="H109" s="22">
        <v>0</v>
      </c>
      <c r="I109" s="22">
        <v>0</v>
      </c>
      <c r="J109" s="22">
        <v>0</v>
      </c>
      <c r="K109" s="21">
        <v>1</v>
      </c>
      <c r="L109" s="53">
        <v>0</v>
      </c>
      <c r="M109" s="54">
        <v>1</v>
      </c>
    </row>
    <row r="110" spans="1:13">
      <c r="A110" s="40" t="s">
        <v>113</v>
      </c>
      <c r="B110" s="21">
        <v>-1</v>
      </c>
      <c r="C110" s="22">
        <v>-3</v>
      </c>
      <c r="D110" s="22">
        <v>2</v>
      </c>
      <c r="E110" s="21">
        <v>4</v>
      </c>
      <c r="F110" s="22">
        <v>3</v>
      </c>
      <c r="G110" s="23">
        <v>1</v>
      </c>
      <c r="H110" s="22">
        <v>4</v>
      </c>
      <c r="I110" s="22">
        <v>1</v>
      </c>
      <c r="J110" s="22">
        <v>3</v>
      </c>
      <c r="K110" s="21">
        <v>1</v>
      </c>
      <c r="L110" s="53">
        <v>1</v>
      </c>
      <c r="M110" s="54">
        <v>0</v>
      </c>
    </row>
    <row r="111" spans="1:13">
      <c r="A111" s="40" t="s">
        <v>114</v>
      </c>
      <c r="B111" s="21">
        <v>-7</v>
      </c>
      <c r="C111" s="22">
        <v>-3</v>
      </c>
      <c r="D111" s="22">
        <v>-4</v>
      </c>
      <c r="E111" s="21">
        <v>5</v>
      </c>
      <c r="F111" s="22">
        <v>2</v>
      </c>
      <c r="G111" s="23">
        <v>3</v>
      </c>
      <c r="H111" s="22">
        <v>0</v>
      </c>
      <c r="I111" s="22">
        <v>0</v>
      </c>
      <c r="J111" s="22">
        <v>0</v>
      </c>
      <c r="K111" s="21">
        <v>2</v>
      </c>
      <c r="L111" s="53">
        <v>1</v>
      </c>
      <c r="M111" s="54">
        <v>1</v>
      </c>
    </row>
    <row r="112" spans="1:13">
      <c r="A112" s="40" t="s">
        <v>115</v>
      </c>
      <c r="B112" s="21">
        <v>-4</v>
      </c>
      <c r="C112" s="22">
        <v>-2</v>
      </c>
      <c r="D112" s="22">
        <v>-2</v>
      </c>
      <c r="E112" s="21">
        <v>3</v>
      </c>
      <c r="F112" s="22">
        <v>1</v>
      </c>
      <c r="G112" s="23">
        <v>2</v>
      </c>
      <c r="H112" s="22">
        <v>1</v>
      </c>
      <c r="I112" s="22">
        <v>1</v>
      </c>
      <c r="J112" s="22">
        <v>0</v>
      </c>
      <c r="K112" s="21">
        <v>2</v>
      </c>
      <c r="L112" s="53">
        <v>2</v>
      </c>
      <c r="M112" s="54">
        <v>0</v>
      </c>
    </row>
    <row r="113" spans="1:13" ht="19.5" customHeight="1">
      <c r="A113" s="34" t="s">
        <v>116</v>
      </c>
      <c r="B113" s="17">
        <v>-25</v>
      </c>
      <c r="C113" s="18">
        <v>-20</v>
      </c>
      <c r="D113" s="18">
        <v>-5</v>
      </c>
      <c r="E113" s="17">
        <v>28</v>
      </c>
      <c r="F113" s="18">
        <v>21</v>
      </c>
      <c r="G113" s="19">
        <v>7</v>
      </c>
      <c r="H113" s="18">
        <v>6</v>
      </c>
      <c r="I113" s="18">
        <v>2</v>
      </c>
      <c r="J113" s="18">
        <v>4</v>
      </c>
      <c r="K113" s="17">
        <v>3</v>
      </c>
      <c r="L113" s="51">
        <v>1</v>
      </c>
      <c r="M113" s="52">
        <v>2</v>
      </c>
    </row>
    <row r="114" spans="1:13">
      <c r="A114" s="40" t="s">
        <v>117</v>
      </c>
      <c r="B114" s="21">
        <v>-6</v>
      </c>
      <c r="C114" s="22">
        <v>-6</v>
      </c>
      <c r="D114" s="22">
        <v>0</v>
      </c>
      <c r="E114" s="21">
        <v>7</v>
      </c>
      <c r="F114" s="22">
        <v>6</v>
      </c>
      <c r="G114" s="23">
        <v>1</v>
      </c>
      <c r="H114" s="22">
        <v>2</v>
      </c>
      <c r="I114" s="22">
        <v>0</v>
      </c>
      <c r="J114" s="22">
        <v>2</v>
      </c>
      <c r="K114" s="21">
        <v>1</v>
      </c>
      <c r="L114" s="53">
        <v>0</v>
      </c>
      <c r="M114" s="54">
        <v>1</v>
      </c>
    </row>
    <row r="115" spans="1:13">
      <c r="A115" s="40" t="s">
        <v>118</v>
      </c>
      <c r="B115" s="21">
        <v>-7</v>
      </c>
      <c r="C115" s="22">
        <v>-7</v>
      </c>
      <c r="D115" s="22">
        <v>0</v>
      </c>
      <c r="E115" s="21">
        <v>8</v>
      </c>
      <c r="F115" s="22">
        <v>7</v>
      </c>
      <c r="G115" s="23">
        <v>1</v>
      </c>
      <c r="H115" s="22">
        <v>2</v>
      </c>
      <c r="I115" s="22">
        <v>1</v>
      </c>
      <c r="J115" s="22">
        <v>1</v>
      </c>
      <c r="K115" s="21">
        <v>1</v>
      </c>
      <c r="L115" s="53">
        <v>1</v>
      </c>
      <c r="M115" s="54">
        <v>0</v>
      </c>
    </row>
    <row r="116" spans="1:13">
      <c r="A116" s="40" t="s">
        <v>119</v>
      </c>
      <c r="B116" s="21">
        <v>-1</v>
      </c>
      <c r="C116" s="22">
        <v>-2</v>
      </c>
      <c r="D116" s="22">
        <v>1</v>
      </c>
      <c r="E116" s="21">
        <v>3</v>
      </c>
      <c r="F116" s="22">
        <v>3</v>
      </c>
      <c r="G116" s="23">
        <v>0</v>
      </c>
      <c r="H116" s="22">
        <v>2</v>
      </c>
      <c r="I116" s="22">
        <v>1</v>
      </c>
      <c r="J116" s="22">
        <v>1</v>
      </c>
      <c r="K116" s="21">
        <v>0</v>
      </c>
      <c r="L116" s="53">
        <v>0</v>
      </c>
      <c r="M116" s="54">
        <v>0</v>
      </c>
    </row>
    <row r="117" spans="1:13">
      <c r="A117" s="40" t="s">
        <v>120</v>
      </c>
      <c r="B117" s="21">
        <v>-7</v>
      </c>
      <c r="C117" s="22">
        <v>-4</v>
      </c>
      <c r="D117" s="22">
        <v>-3</v>
      </c>
      <c r="E117" s="21">
        <v>6</v>
      </c>
      <c r="F117" s="22">
        <v>4</v>
      </c>
      <c r="G117" s="23">
        <v>2</v>
      </c>
      <c r="H117" s="22">
        <v>0</v>
      </c>
      <c r="I117" s="22">
        <v>0</v>
      </c>
      <c r="J117" s="22">
        <v>0</v>
      </c>
      <c r="K117" s="21">
        <v>1</v>
      </c>
      <c r="L117" s="53">
        <v>0</v>
      </c>
      <c r="M117" s="54">
        <v>1</v>
      </c>
    </row>
    <row r="118" spans="1:13">
      <c r="A118" s="40" t="s">
        <v>121</v>
      </c>
      <c r="B118" s="21">
        <v>-4</v>
      </c>
      <c r="C118" s="22">
        <v>-1</v>
      </c>
      <c r="D118" s="22">
        <v>-3</v>
      </c>
      <c r="E118" s="21">
        <v>4</v>
      </c>
      <c r="F118" s="22">
        <v>1</v>
      </c>
      <c r="G118" s="23">
        <v>3</v>
      </c>
      <c r="H118" s="22">
        <v>0</v>
      </c>
      <c r="I118" s="22">
        <v>0</v>
      </c>
      <c r="J118" s="22">
        <v>0</v>
      </c>
      <c r="K118" s="21">
        <v>0</v>
      </c>
      <c r="L118" s="53">
        <v>0</v>
      </c>
      <c r="M118" s="54">
        <v>0</v>
      </c>
    </row>
    <row r="119" spans="1:13" ht="19.5" customHeight="1">
      <c r="A119" s="34" t="s">
        <v>122</v>
      </c>
      <c r="B119" s="17">
        <v>-37</v>
      </c>
      <c r="C119" s="18">
        <v>-18</v>
      </c>
      <c r="D119" s="18">
        <v>-19</v>
      </c>
      <c r="E119" s="17">
        <v>37</v>
      </c>
      <c r="F119" s="18">
        <v>21</v>
      </c>
      <c r="G119" s="19">
        <v>16</v>
      </c>
      <c r="H119" s="18">
        <v>6</v>
      </c>
      <c r="I119" s="18">
        <v>3</v>
      </c>
      <c r="J119" s="18">
        <v>3</v>
      </c>
      <c r="K119" s="17">
        <v>6</v>
      </c>
      <c r="L119" s="51">
        <v>0</v>
      </c>
      <c r="M119" s="52">
        <v>6</v>
      </c>
    </row>
    <row r="120" spans="1:13">
      <c r="A120" s="40" t="s">
        <v>123</v>
      </c>
      <c r="B120" s="21">
        <v>-4</v>
      </c>
      <c r="C120" s="22">
        <v>-3</v>
      </c>
      <c r="D120" s="22">
        <v>-1</v>
      </c>
      <c r="E120" s="21">
        <v>4</v>
      </c>
      <c r="F120" s="22">
        <v>3</v>
      </c>
      <c r="G120" s="23">
        <v>1</v>
      </c>
      <c r="H120" s="22">
        <v>1</v>
      </c>
      <c r="I120" s="22">
        <v>0</v>
      </c>
      <c r="J120" s="22">
        <v>1</v>
      </c>
      <c r="K120" s="21">
        <v>1</v>
      </c>
      <c r="L120" s="53">
        <v>0</v>
      </c>
      <c r="M120" s="54">
        <v>1</v>
      </c>
    </row>
    <row r="121" spans="1:13">
      <c r="A121" s="40" t="s">
        <v>124</v>
      </c>
      <c r="B121" s="21">
        <v>-7</v>
      </c>
      <c r="C121" s="22">
        <v>-4</v>
      </c>
      <c r="D121" s="22">
        <v>-3</v>
      </c>
      <c r="E121" s="21">
        <v>7</v>
      </c>
      <c r="F121" s="22">
        <v>4</v>
      </c>
      <c r="G121" s="23">
        <v>3</v>
      </c>
      <c r="H121" s="22">
        <v>1</v>
      </c>
      <c r="I121" s="22">
        <v>0</v>
      </c>
      <c r="J121" s="22">
        <v>1</v>
      </c>
      <c r="K121" s="21">
        <v>1</v>
      </c>
      <c r="L121" s="53">
        <v>0</v>
      </c>
      <c r="M121" s="54">
        <v>1</v>
      </c>
    </row>
    <row r="122" spans="1:13">
      <c r="A122" s="40" t="s">
        <v>125</v>
      </c>
      <c r="B122" s="21">
        <v>-9</v>
      </c>
      <c r="C122" s="22">
        <v>-5</v>
      </c>
      <c r="D122" s="22">
        <v>-4</v>
      </c>
      <c r="E122" s="21">
        <v>9</v>
      </c>
      <c r="F122" s="22">
        <v>6</v>
      </c>
      <c r="G122" s="23">
        <v>3</v>
      </c>
      <c r="H122" s="22">
        <v>2</v>
      </c>
      <c r="I122" s="22">
        <v>1</v>
      </c>
      <c r="J122" s="22">
        <v>1</v>
      </c>
      <c r="K122" s="21">
        <v>2</v>
      </c>
      <c r="L122" s="53">
        <v>0</v>
      </c>
      <c r="M122" s="54">
        <v>2</v>
      </c>
    </row>
    <row r="123" spans="1:13">
      <c r="A123" s="40" t="s">
        <v>126</v>
      </c>
      <c r="B123" s="21">
        <v>-12</v>
      </c>
      <c r="C123" s="22">
        <v>-6</v>
      </c>
      <c r="D123" s="22">
        <v>-6</v>
      </c>
      <c r="E123" s="21">
        <v>12</v>
      </c>
      <c r="F123" s="22">
        <v>7</v>
      </c>
      <c r="G123" s="23">
        <v>5</v>
      </c>
      <c r="H123" s="22">
        <v>1</v>
      </c>
      <c r="I123" s="22">
        <v>1</v>
      </c>
      <c r="J123" s="22">
        <v>0</v>
      </c>
      <c r="K123" s="21">
        <v>1</v>
      </c>
      <c r="L123" s="53">
        <v>0</v>
      </c>
      <c r="M123" s="54">
        <v>1</v>
      </c>
    </row>
    <row r="124" spans="1:13">
      <c r="A124" s="40" t="s">
        <v>127</v>
      </c>
      <c r="B124" s="21">
        <v>-5</v>
      </c>
      <c r="C124" s="22">
        <v>0</v>
      </c>
      <c r="D124" s="22">
        <v>-5</v>
      </c>
      <c r="E124" s="21">
        <v>5</v>
      </c>
      <c r="F124" s="22">
        <v>1</v>
      </c>
      <c r="G124" s="23">
        <v>4</v>
      </c>
      <c r="H124" s="22">
        <v>1</v>
      </c>
      <c r="I124" s="22">
        <v>1</v>
      </c>
      <c r="J124" s="22">
        <v>0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19</v>
      </c>
      <c r="C125" s="18">
        <v>-8</v>
      </c>
      <c r="D125" s="18">
        <v>-11</v>
      </c>
      <c r="E125" s="17">
        <v>20</v>
      </c>
      <c r="F125" s="18">
        <v>9</v>
      </c>
      <c r="G125" s="19">
        <v>11</v>
      </c>
      <c r="H125" s="18">
        <v>5</v>
      </c>
      <c r="I125" s="18">
        <v>1</v>
      </c>
      <c r="J125" s="18">
        <v>4</v>
      </c>
      <c r="K125" s="17">
        <v>4</v>
      </c>
      <c r="L125" s="51">
        <v>0</v>
      </c>
      <c r="M125" s="52">
        <v>4</v>
      </c>
    </row>
    <row r="126" spans="1:13">
      <c r="A126" s="40" t="s">
        <v>129</v>
      </c>
      <c r="B126" s="21">
        <v>-2</v>
      </c>
      <c r="C126" s="22">
        <v>-1</v>
      </c>
      <c r="D126" s="22">
        <v>-1</v>
      </c>
      <c r="E126" s="21">
        <v>5</v>
      </c>
      <c r="F126" s="22">
        <v>2</v>
      </c>
      <c r="G126" s="23">
        <v>3</v>
      </c>
      <c r="H126" s="22">
        <v>3</v>
      </c>
      <c r="I126" s="22">
        <v>1</v>
      </c>
      <c r="J126" s="22">
        <v>2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4</v>
      </c>
      <c r="C127" s="22">
        <v>-2</v>
      </c>
      <c r="D127" s="22">
        <v>-2</v>
      </c>
      <c r="E127" s="21">
        <v>3</v>
      </c>
      <c r="F127" s="22">
        <v>2</v>
      </c>
      <c r="G127" s="23">
        <v>1</v>
      </c>
      <c r="H127" s="22">
        <v>0</v>
      </c>
      <c r="I127" s="22">
        <v>0</v>
      </c>
      <c r="J127" s="22">
        <v>0</v>
      </c>
      <c r="K127" s="21">
        <v>1</v>
      </c>
      <c r="L127" s="53">
        <v>0</v>
      </c>
      <c r="M127" s="54">
        <v>1</v>
      </c>
    </row>
    <row r="128" spans="1:13">
      <c r="A128" s="40" t="s">
        <v>131</v>
      </c>
      <c r="B128" s="21">
        <v>-5</v>
      </c>
      <c r="C128" s="22">
        <v>-2</v>
      </c>
      <c r="D128" s="22">
        <v>-3</v>
      </c>
      <c r="E128" s="21">
        <v>5</v>
      </c>
      <c r="F128" s="22">
        <v>2</v>
      </c>
      <c r="G128" s="23">
        <v>3</v>
      </c>
      <c r="H128" s="22">
        <v>2</v>
      </c>
      <c r="I128" s="22">
        <v>0</v>
      </c>
      <c r="J128" s="22">
        <v>2</v>
      </c>
      <c r="K128" s="21">
        <v>2</v>
      </c>
      <c r="L128" s="53">
        <v>0</v>
      </c>
      <c r="M128" s="54">
        <v>2</v>
      </c>
    </row>
    <row r="129" spans="1:13">
      <c r="A129" s="40" t="s">
        <v>132</v>
      </c>
      <c r="B129" s="21">
        <v>-2</v>
      </c>
      <c r="C129" s="22">
        <v>-2</v>
      </c>
      <c r="D129" s="22">
        <v>0</v>
      </c>
      <c r="E129" s="21">
        <v>2</v>
      </c>
      <c r="F129" s="22">
        <v>2</v>
      </c>
      <c r="G129" s="23">
        <v>0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6</v>
      </c>
      <c r="C130" s="22">
        <v>-1</v>
      </c>
      <c r="D130" s="22">
        <v>-5</v>
      </c>
      <c r="E130" s="21">
        <v>5</v>
      </c>
      <c r="F130" s="22">
        <v>1</v>
      </c>
      <c r="G130" s="23">
        <v>4</v>
      </c>
      <c r="H130" s="22">
        <v>0</v>
      </c>
      <c r="I130" s="22">
        <v>0</v>
      </c>
      <c r="J130" s="22">
        <v>0</v>
      </c>
      <c r="K130" s="21">
        <v>1</v>
      </c>
      <c r="L130" s="53">
        <v>0</v>
      </c>
      <c r="M130" s="54">
        <v>1</v>
      </c>
    </row>
    <row r="131" spans="1:13" ht="19.5" customHeight="1">
      <c r="A131" s="34" t="s">
        <v>134</v>
      </c>
      <c r="B131" s="17">
        <v>-16</v>
      </c>
      <c r="C131" s="18">
        <v>-2</v>
      </c>
      <c r="D131" s="18">
        <v>-14</v>
      </c>
      <c r="E131" s="17">
        <v>16</v>
      </c>
      <c r="F131" s="18">
        <v>2</v>
      </c>
      <c r="G131" s="19">
        <v>14</v>
      </c>
      <c r="H131" s="18">
        <v>1</v>
      </c>
      <c r="I131" s="18">
        <v>0</v>
      </c>
      <c r="J131" s="18">
        <v>1</v>
      </c>
      <c r="K131" s="17">
        <v>1</v>
      </c>
      <c r="L131" s="51">
        <v>0</v>
      </c>
      <c r="M131" s="52">
        <v>1</v>
      </c>
    </row>
    <row r="132" spans="1:13">
      <c r="A132" s="40" t="s">
        <v>135</v>
      </c>
      <c r="B132" s="21">
        <v>-6</v>
      </c>
      <c r="C132" s="22">
        <v>0</v>
      </c>
      <c r="D132" s="22">
        <v>-6</v>
      </c>
      <c r="E132" s="21">
        <v>6</v>
      </c>
      <c r="F132" s="22">
        <v>0</v>
      </c>
      <c r="G132" s="23">
        <v>6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4</v>
      </c>
      <c r="C133" s="22">
        <v>-1</v>
      </c>
      <c r="D133" s="22">
        <v>-3</v>
      </c>
      <c r="E133" s="21">
        <v>3</v>
      </c>
      <c r="F133" s="22">
        <v>1</v>
      </c>
      <c r="G133" s="23">
        <v>2</v>
      </c>
      <c r="H133" s="22">
        <v>0</v>
      </c>
      <c r="I133" s="22">
        <v>0</v>
      </c>
      <c r="J133" s="22">
        <v>0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1</v>
      </c>
      <c r="C134" s="22">
        <v>-1</v>
      </c>
      <c r="D134" s="22">
        <v>0</v>
      </c>
      <c r="E134" s="21">
        <v>2</v>
      </c>
      <c r="F134" s="22">
        <v>1</v>
      </c>
      <c r="G134" s="23">
        <v>1</v>
      </c>
      <c r="H134" s="22">
        <v>1</v>
      </c>
      <c r="I134" s="22">
        <v>0</v>
      </c>
      <c r="J134" s="22">
        <v>1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1</v>
      </c>
      <c r="C135" s="22">
        <v>0</v>
      </c>
      <c r="D135" s="22">
        <v>-1</v>
      </c>
      <c r="E135" s="21">
        <v>1</v>
      </c>
      <c r="F135" s="22">
        <v>0</v>
      </c>
      <c r="G135" s="23">
        <v>1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4</v>
      </c>
      <c r="C136" s="22">
        <v>0</v>
      </c>
      <c r="D136" s="22">
        <v>-4</v>
      </c>
      <c r="E136" s="21">
        <v>4</v>
      </c>
      <c r="F136" s="22">
        <v>0</v>
      </c>
      <c r="G136" s="23">
        <v>4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2</v>
      </c>
      <c r="C137" s="43">
        <v>-1</v>
      </c>
      <c r="D137" s="43">
        <v>-1</v>
      </c>
      <c r="E137" s="42">
        <v>2</v>
      </c>
      <c r="F137" s="43">
        <v>1</v>
      </c>
      <c r="G137" s="44">
        <v>1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4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8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126</v>
      </c>
      <c r="C5" s="14">
        <v>-65</v>
      </c>
      <c r="D5" s="14">
        <v>-61</v>
      </c>
      <c r="E5" s="13">
        <v>160</v>
      </c>
      <c r="F5" s="14">
        <v>90</v>
      </c>
      <c r="G5" s="15">
        <v>70</v>
      </c>
      <c r="H5" s="14">
        <v>1035</v>
      </c>
      <c r="I5" s="14">
        <v>225</v>
      </c>
      <c r="J5" s="14">
        <v>810</v>
      </c>
      <c r="K5" s="13">
        <v>1054</v>
      </c>
      <c r="L5" s="49">
        <v>229</v>
      </c>
      <c r="M5" s="50">
        <v>825</v>
      </c>
    </row>
    <row r="6" spans="1:13" ht="19.5" customHeight="1">
      <c r="A6" s="16" t="s">
        <v>13</v>
      </c>
      <c r="B6" s="17">
        <v>57</v>
      </c>
      <c r="C6" s="18">
        <v>31</v>
      </c>
      <c r="D6" s="18">
        <v>26</v>
      </c>
      <c r="E6" s="17">
        <v>0</v>
      </c>
      <c r="F6" s="18">
        <v>0</v>
      </c>
      <c r="G6" s="19">
        <v>0</v>
      </c>
      <c r="H6" s="18">
        <v>27</v>
      </c>
      <c r="I6" s="18">
        <v>15</v>
      </c>
      <c r="J6" s="18">
        <v>12</v>
      </c>
      <c r="K6" s="17">
        <v>23</v>
      </c>
      <c r="L6" s="51">
        <v>13</v>
      </c>
      <c r="M6" s="52">
        <v>10</v>
      </c>
    </row>
    <row r="7" spans="1:13">
      <c r="A7" s="20" t="s">
        <v>14</v>
      </c>
      <c r="B7" s="21">
        <v>55</v>
      </c>
      <c r="C7" s="22">
        <v>30</v>
      </c>
      <c r="D7" s="22">
        <v>25</v>
      </c>
      <c r="E7" s="21">
        <v>0</v>
      </c>
      <c r="F7" s="22">
        <v>0</v>
      </c>
      <c r="G7" s="23">
        <v>0</v>
      </c>
      <c r="H7" s="22">
        <v>7</v>
      </c>
      <c r="I7" s="22">
        <v>4</v>
      </c>
      <c r="J7" s="22">
        <v>3</v>
      </c>
      <c r="K7" s="21">
        <v>5</v>
      </c>
      <c r="L7" s="53">
        <v>3</v>
      </c>
      <c r="M7" s="54">
        <v>2</v>
      </c>
    </row>
    <row r="8" spans="1:13">
      <c r="A8" s="20" t="s">
        <v>15</v>
      </c>
      <c r="B8" s="21">
        <v>-1</v>
      </c>
      <c r="C8" s="22">
        <v>0</v>
      </c>
      <c r="D8" s="22">
        <v>-1</v>
      </c>
      <c r="E8" s="21">
        <v>0</v>
      </c>
      <c r="F8" s="22">
        <v>0</v>
      </c>
      <c r="G8" s="23">
        <v>0</v>
      </c>
      <c r="H8" s="22">
        <v>7</v>
      </c>
      <c r="I8" s="22">
        <v>3</v>
      </c>
      <c r="J8" s="22">
        <v>4</v>
      </c>
      <c r="K8" s="21">
        <v>8</v>
      </c>
      <c r="L8" s="53">
        <v>3</v>
      </c>
      <c r="M8" s="54">
        <v>5</v>
      </c>
    </row>
    <row r="9" spans="1:13">
      <c r="A9" s="20" t="s">
        <v>16</v>
      </c>
      <c r="B9" s="21">
        <v>5</v>
      </c>
      <c r="C9" s="22">
        <v>3</v>
      </c>
      <c r="D9" s="22">
        <v>2</v>
      </c>
      <c r="E9" s="21">
        <v>0</v>
      </c>
      <c r="F9" s="22">
        <v>0</v>
      </c>
      <c r="G9" s="23">
        <v>0</v>
      </c>
      <c r="H9" s="22">
        <v>6</v>
      </c>
      <c r="I9" s="22">
        <v>4</v>
      </c>
      <c r="J9" s="22">
        <v>2</v>
      </c>
      <c r="K9" s="21">
        <v>1</v>
      </c>
      <c r="L9" s="53">
        <v>1</v>
      </c>
      <c r="M9" s="54">
        <v>0</v>
      </c>
    </row>
    <row r="10" spans="1:13">
      <c r="A10" s="20" t="s">
        <v>17</v>
      </c>
      <c r="B10" s="21">
        <v>-1</v>
      </c>
      <c r="C10" s="22">
        <v>-1</v>
      </c>
      <c r="D10" s="22">
        <v>0</v>
      </c>
      <c r="E10" s="21">
        <v>0</v>
      </c>
      <c r="F10" s="22">
        <v>0</v>
      </c>
      <c r="G10" s="23">
        <v>0</v>
      </c>
      <c r="H10" s="22">
        <v>6</v>
      </c>
      <c r="I10" s="22">
        <v>3</v>
      </c>
      <c r="J10" s="22">
        <v>3</v>
      </c>
      <c r="K10" s="21">
        <v>7</v>
      </c>
      <c r="L10" s="53">
        <v>4</v>
      </c>
      <c r="M10" s="54">
        <v>3</v>
      </c>
    </row>
    <row r="11" spans="1:13">
      <c r="A11" s="20" t="s">
        <v>18</v>
      </c>
      <c r="B11" s="21">
        <v>-1</v>
      </c>
      <c r="C11" s="22">
        <v>-1</v>
      </c>
      <c r="D11" s="22">
        <v>0</v>
      </c>
      <c r="E11" s="21">
        <v>0</v>
      </c>
      <c r="F11" s="22">
        <v>0</v>
      </c>
      <c r="G11" s="23">
        <v>0</v>
      </c>
      <c r="H11" s="22">
        <v>1</v>
      </c>
      <c r="I11" s="22">
        <v>1</v>
      </c>
      <c r="J11" s="22">
        <v>0</v>
      </c>
      <c r="K11" s="21">
        <v>2</v>
      </c>
      <c r="L11" s="53">
        <v>2</v>
      </c>
      <c r="M11" s="54">
        <v>0</v>
      </c>
    </row>
    <row r="12" spans="1:13" ht="20.100000000000001" customHeight="1">
      <c r="A12" s="16" t="s">
        <v>19</v>
      </c>
      <c r="B12" s="17">
        <v>7</v>
      </c>
      <c r="C12" s="18">
        <v>7</v>
      </c>
      <c r="D12" s="18">
        <v>0</v>
      </c>
      <c r="E12" s="17">
        <v>0</v>
      </c>
      <c r="F12" s="18">
        <v>0</v>
      </c>
      <c r="G12" s="19">
        <v>0</v>
      </c>
      <c r="H12" s="18">
        <v>19</v>
      </c>
      <c r="I12" s="18">
        <v>13</v>
      </c>
      <c r="J12" s="18">
        <v>6</v>
      </c>
      <c r="K12" s="17">
        <v>12</v>
      </c>
      <c r="L12" s="51">
        <v>6</v>
      </c>
      <c r="M12" s="52">
        <v>6</v>
      </c>
    </row>
    <row r="13" spans="1:13">
      <c r="A13" s="20" t="s">
        <v>20</v>
      </c>
      <c r="B13" s="21">
        <v>3</v>
      </c>
      <c r="C13" s="22">
        <v>1</v>
      </c>
      <c r="D13" s="22">
        <v>2</v>
      </c>
      <c r="E13" s="21">
        <v>0</v>
      </c>
      <c r="F13" s="22">
        <v>0</v>
      </c>
      <c r="G13" s="23">
        <v>0</v>
      </c>
      <c r="H13" s="22">
        <v>6</v>
      </c>
      <c r="I13" s="22">
        <v>4</v>
      </c>
      <c r="J13" s="22">
        <v>2</v>
      </c>
      <c r="K13" s="21">
        <v>3</v>
      </c>
      <c r="L13" s="53">
        <v>3</v>
      </c>
      <c r="M13" s="54">
        <v>0</v>
      </c>
    </row>
    <row r="14" spans="1:13">
      <c r="A14" s="20" t="s">
        <v>21</v>
      </c>
      <c r="B14" s="21">
        <v>-1</v>
      </c>
      <c r="C14" s="22">
        <v>1</v>
      </c>
      <c r="D14" s="22">
        <v>-2</v>
      </c>
      <c r="E14" s="21">
        <v>0</v>
      </c>
      <c r="F14" s="22">
        <v>0</v>
      </c>
      <c r="G14" s="23">
        <v>0</v>
      </c>
      <c r="H14" s="22">
        <v>2</v>
      </c>
      <c r="I14" s="22">
        <v>1</v>
      </c>
      <c r="J14" s="22">
        <v>1</v>
      </c>
      <c r="K14" s="21">
        <v>3</v>
      </c>
      <c r="L14" s="53">
        <v>0</v>
      </c>
      <c r="M14" s="54">
        <v>3</v>
      </c>
    </row>
    <row r="15" spans="1:13">
      <c r="A15" s="20" t="s">
        <v>22</v>
      </c>
      <c r="B15" s="21">
        <v>0</v>
      </c>
      <c r="C15" s="22">
        <v>1</v>
      </c>
      <c r="D15" s="22">
        <v>-1</v>
      </c>
      <c r="E15" s="21">
        <v>0</v>
      </c>
      <c r="F15" s="22">
        <v>0</v>
      </c>
      <c r="G15" s="23">
        <v>0</v>
      </c>
      <c r="H15" s="22">
        <v>3</v>
      </c>
      <c r="I15" s="22">
        <v>2</v>
      </c>
      <c r="J15" s="22">
        <v>1</v>
      </c>
      <c r="K15" s="21">
        <v>3</v>
      </c>
      <c r="L15" s="53">
        <v>1</v>
      </c>
      <c r="M15" s="54">
        <v>2</v>
      </c>
    </row>
    <row r="16" spans="1:13">
      <c r="A16" s="20" t="s">
        <v>23</v>
      </c>
      <c r="B16" s="21">
        <v>5</v>
      </c>
      <c r="C16" s="22">
        <v>5</v>
      </c>
      <c r="D16" s="22">
        <v>0</v>
      </c>
      <c r="E16" s="21">
        <v>0</v>
      </c>
      <c r="F16" s="22">
        <v>0</v>
      </c>
      <c r="G16" s="23">
        <v>0</v>
      </c>
      <c r="H16" s="22">
        <v>6</v>
      </c>
      <c r="I16" s="22">
        <v>5</v>
      </c>
      <c r="J16" s="22">
        <v>1</v>
      </c>
      <c r="K16" s="21">
        <v>1</v>
      </c>
      <c r="L16" s="53">
        <v>0</v>
      </c>
      <c r="M16" s="54">
        <v>1</v>
      </c>
    </row>
    <row r="17" spans="1:13">
      <c r="A17" s="20" t="s">
        <v>24</v>
      </c>
      <c r="B17" s="21">
        <v>0</v>
      </c>
      <c r="C17" s="22">
        <v>-1</v>
      </c>
      <c r="D17" s="22">
        <v>1</v>
      </c>
      <c r="E17" s="21">
        <v>0</v>
      </c>
      <c r="F17" s="22">
        <v>0</v>
      </c>
      <c r="G17" s="23">
        <v>0</v>
      </c>
      <c r="H17" s="22">
        <v>2</v>
      </c>
      <c r="I17" s="22">
        <v>1</v>
      </c>
      <c r="J17" s="22">
        <v>1</v>
      </c>
      <c r="K17" s="21">
        <v>2</v>
      </c>
      <c r="L17" s="53">
        <v>2</v>
      </c>
      <c r="M17" s="54">
        <v>0</v>
      </c>
    </row>
    <row r="18" spans="1:13" ht="20.100000000000001" customHeight="1">
      <c r="A18" s="16" t="s">
        <v>25</v>
      </c>
      <c r="B18" s="17">
        <v>7</v>
      </c>
      <c r="C18" s="18">
        <v>2</v>
      </c>
      <c r="D18" s="18">
        <v>5</v>
      </c>
      <c r="E18" s="17">
        <v>0</v>
      </c>
      <c r="F18" s="18">
        <v>0</v>
      </c>
      <c r="G18" s="19">
        <v>0</v>
      </c>
      <c r="H18" s="18">
        <v>8</v>
      </c>
      <c r="I18" s="18">
        <v>3</v>
      </c>
      <c r="J18" s="18">
        <v>5</v>
      </c>
      <c r="K18" s="17">
        <v>1</v>
      </c>
      <c r="L18" s="51">
        <v>1</v>
      </c>
      <c r="M18" s="52">
        <v>0</v>
      </c>
    </row>
    <row r="19" spans="1:13">
      <c r="A19" s="20" t="s">
        <v>26</v>
      </c>
      <c r="B19" s="21">
        <v>2</v>
      </c>
      <c r="C19" s="22">
        <v>1</v>
      </c>
      <c r="D19" s="22">
        <v>1</v>
      </c>
      <c r="E19" s="21">
        <v>0</v>
      </c>
      <c r="F19" s="22">
        <v>0</v>
      </c>
      <c r="G19" s="23">
        <v>0</v>
      </c>
      <c r="H19" s="22">
        <v>3</v>
      </c>
      <c r="I19" s="22">
        <v>2</v>
      </c>
      <c r="J19" s="22">
        <v>1</v>
      </c>
      <c r="K19" s="21">
        <v>1</v>
      </c>
      <c r="L19" s="53">
        <v>1</v>
      </c>
      <c r="M19" s="54">
        <v>0</v>
      </c>
    </row>
    <row r="20" spans="1:13">
      <c r="A20" s="20" t="s">
        <v>27</v>
      </c>
      <c r="B20" s="21">
        <v>2</v>
      </c>
      <c r="C20" s="22">
        <v>0</v>
      </c>
      <c r="D20" s="22">
        <v>2</v>
      </c>
      <c r="E20" s="21">
        <v>0</v>
      </c>
      <c r="F20" s="22">
        <v>0</v>
      </c>
      <c r="G20" s="23">
        <v>0</v>
      </c>
      <c r="H20" s="22">
        <v>2</v>
      </c>
      <c r="I20" s="22">
        <v>0</v>
      </c>
      <c r="J20" s="22">
        <v>2</v>
      </c>
      <c r="K20" s="21">
        <v>0</v>
      </c>
      <c r="L20" s="53">
        <v>0</v>
      </c>
      <c r="M20" s="54">
        <v>0</v>
      </c>
    </row>
    <row r="21" spans="1:13">
      <c r="A21" s="20" t="s">
        <v>28</v>
      </c>
      <c r="B21" s="21">
        <v>0</v>
      </c>
      <c r="C21" s="22">
        <v>0</v>
      </c>
      <c r="D21" s="22">
        <v>0</v>
      </c>
      <c r="E21" s="21">
        <v>0</v>
      </c>
      <c r="F21" s="22">
        <v>0</v>
      </c>
      <c r="G21" s="23">
        <v>0</v>
      </c>
      <c r="H21" s="22">
        <v>0</v>
      </c>
      <c r="I21" s="22">
        <v>0</v>
      </c>
      <c r="J21" s="22">
        <v>0</v>
      </c>
      <c r="K21" s="21">
        <v>0</v>
      </c>
      <c r="L21" s="53">
        <v>0</v>
      </c>
      <c r="M21" s="54">
        <v>0</v>
      </c>
    </row>
    <row r="22" spans="1:13">
      <c r="A22" s="20" t="s">
        <v>29</v>
      </c>
      <c r="B22" s="21">
        <v>2</v>
      </c>
      <c r="C22" s="22">
        <v>1</v>
      </c>
      <c r="D22" s="22">
        <v>1</v>
      </c>
      <c r="E22" s="21">
        <v>0</v>
      </c>
      <c r="F22" s="22">
        <v>0</v>
      </c>
      <c r="G22" s="23">
        <v>0</v>
      </c>
      <c r="H22" s="22">
        <v>2</v>
      </c>
      <c r="I22" s="22">
        <v>1</v>
      </c>
      <c r="J22" s="22">
        <v>1</v>
      </c>
      <c r="K22" s="21">
        <v>0</v>
      </c>
      <c r="L22" s="53">
        <v>0</v>
      </c>
      <c r="M22" s="54">
        <v>0</v>
      </c>
    </row>
    <row r="23" spans="1:13">
      <c r="A23" s="20" t="s">
        <v>30</v>
      </c>
      <c r="B23" s="21">
        <v>1</v>
      </c>
      <c r="C23" s="22">
        <v>0</v>
      </c>
      <c r="D23" s="22">
        <v>1</v>
      </c>
      <c r="E23" s="21">
        <v>0</v>
      </c>
      <c r="F23" s="22">
        <v>0</v>
      </c>
      <c r="G23" s="23">
        <v>0</v>
      </c>
      <c r="H23" s="22">
        <v>1</v>
      </c>
      <c r="I23" s="22">
        <v>0</v>
      </c>
      <c r="J23" s="22">
        <v>1</v>
      </c>
      <c r="K23" s="21">
        <v>0</v>
      </c>
      <c r="L23" s="53">
        <v>0</v>
      </c>
      <c r="M23" s="54">
        <v>0</v>
      </c>
    </row>
    <row r="24" spans="1:13" ht="20.100000000000001" customHeight="1">
      <c r="A24" s="16" t="s">
        <v>31</v>
      </c>
      <c r="B24" s="17">
        <v>1</v>
      </c>
      <c r="C24" s="18">
        <v>2</v>
      </c>
      <c r="D24" s="18">
        <v>-1</v>
      </c>
      <c r="E24" s="17">
        <v>0</v>
      </c>
      <c r="F24" s="18">
        <v>0</v>
      </c>
      <c r="G24" s="19">
        <v>0</v>
      </c>
      <c r="H24" s="18">
        <v>30</v>
      </c>
      <c r="I24" s="18">
        <v>8</v>
      </c>
      <c r="J24" s="18">
        <v>22</v>
      </c>
      <c r="K24" s="17">
        <v>29</v>
      </c>
      <c r="L24" s="51">
        <v>6</v>
      </c>
      <c r="M24" s="52">
        <v>23</v>
      </c>
    </row>
    <row r="25" spans="1:13">
      <c r="A25" s="20" t="s">
        <v>32</v>
      </c>
      <c r="B25" s="21">
        <v>-1</v>
      </c>
      <c r="C25" s="22">
        <v>-1</v>
      </c>
      <c r="D25" s="22">
        <v>0</v>
      </c>
      <c r="E25" s="21">
        <v>0</v>
      </c>
      <c r="F25" s="22">
        <v>0</v>
      </c>
      <c r="G25" s="23">
        <v>0</v>
      </c>
      <c r="H25" s="22">
        <v>0</v>
      </c>
      <c r="I25" s="22">
        <v>0</v>
      </c>
      <c r="J25" s="22">
        <v>0</v>
      </c>
      <c r="K25" s="21">
        <v>1</v>
      </c>
      <c r="L25" s="53">
        <v>1</v>
      </c>
      <c r="M25" s="54">
        <v>0</v>
      </c>
    </row>
    <row r="26" spans="1:13">
      <c r="A26" s="20" t="s">
        <v>33</v>
      </c>
      <c r="B26" s="21">
        <v>0</v>
      </c>
      <c r="C26" s="22">
        <v>1</v>
      </c>
      <c r="D26" s="22">
        <v>-1</v>
      </c>
      <c r="E26" s="21">
        <v>0</v>
      </c>
      <c r="F26" s="22">
        <v>0</v>
      </c>
      <c r="G26" s="23">
        <v>0</v>
      </c>
      <c r="H26" s="22">
        <v>1</v>
      </c>
      <c r="I26" s="22">
        <v>1</v>
      </c>
      <c r="J26" s="22">
        <v>0</v>
      </c>
      <c r="K26" s="21">
        <v>1</v>
      </c>
      <c r="L26" s="53">
        <v>0</v>
      </c>
      <c r="M26" s="54">
        <v>1</v>
      </c>
    </row>
    <row r="27" spans="1:13">
      <c r="A27" s="20" t="s">
        <v>34</v>
      </c>
      <c r="B27" s="21">
        <v>-2</v>
      </c>
      <c r="C27" s="22">
        <v>-1</v>
      </c>
      <c r="D27" s="22">
        <v>-1</v>
      </c>
      <c r="E27" s="21">
        <v>0</v>
      </c>
      <c r="F27" s="22">
        <v>0</v>
      </c>
      <c r="G27" s="23">
        <v>0</v>
      </c>
      <c r="H27" s="22">
        <v>2</v>
      </c>
      <c r="I27" s="22">
        <v>0</v>
      </c>
      <c r="J27" s="22">
        <v>2</v>
      </c>
      <c r="K27" s="21">
        <v>4</v>
      </c>
      <c r="L27" s="53">
        <v>1</v>
      </c>
      <c r="M27" s="54">
        <v>3</v>
      </c>
    </row>
    <row r="28" spans="1:13">
      <c r="A28" s="20" t="s">
        <v>35</v>
      </c>
      <c r="B28" s="21">
        <v>-1</v>
      </c>
      <c r="C28" s="22">
        <v>0</v>
      </c>
      <c r="D28" s="22">
        <v>-1</v>
      </c>
      <c r="E28" s="21">
        <v>0</v>
      </c>
      <c r="F28" s="22">
        <v>0</v>
      </c>
      <c r="G28" s="23">
        <v>0</v>
      </c>
      <c r="H28" s="22">
        <v>1</v>
      </c>
      <c r="I28" s="22">
        <v>1</v>
      </c>
      <c r="J28" s="22">
        <v>0</v>
      </c>
      <c r="K28" s="21">
        <v>2</v>
      </c>
      <c r="L28" s="53">
        <v>1</v>
      </c>
      <c r="M28" s="54">
        <v>1</v>
      </c>
    </row>
    <row r="29" spans="1:13">
      <c r="A29" s="20" t="s">
        <v>36</v>
      </c>
      <c r="B29" s="21">
        <v>5</v>
      </c>
      <c r="C29" s="22">
        <v>3</v>
      </c>
      <c r="D29" s="22">
        <v>2</v>
      </c>
      <c r="E29" s="21">
        <v>0</v>
      </c>
      <c r="F29" s="22">
        <v>0</v>
      </c>
      <c r="G29" s="23">
        <v>0</v>
      </c>
      <c r="H29" s="22">
        <v>26</v>
      </c>
      <c r="I29" s="22">
        <v>6</v>
      </c>
      <c r="J29" s="22">
        <v>20</v>
      </c>
      <c r="K29" s="21">
        <v>21</v>
      </c>
      <c r="L29" s="53">
        <v>3</v>
      </c>
      <c r="M29" s="54">
        <v>18</v>
      </c>
    </row>
    <row r="30" spans="1:13" ht="20.100000000000001" customHeight="1">
      <c r="A30" s="16" t="s">
        <v>37</v>
      </c>
      <c r="B30" s="17">
        <v>-13</v>
      </c>
      <c r="C30" s="18">
        <v>-5</v>
      </c>
      <c r="D30" s="18">
        <v>-8</v>
      </c>
      <c r="E30" s="17">
        <v>0</v>
      </c>
      <c r="F30" s="18">
        <v>0</v>
      </c>
      <c r="G30" s="19">
        <v>0</v>
      </c>
      <c r="H30" s="18">
        <v>237</v>
      </c>
      <c r="I30" s="18">
        <v>33</v>
      </c>
      <c r="J30" s="18">
        <v>204</v>
      </c>
      <c r="K30" s="17">
        <v>250</v>
      </c>
      <c r="L30" s="51">
        <v>38</v>
      </c>
      <c r="M30" s="52">
        <v>212</v>
      </c>
    </row>
    <row r="31" spans="1:13">
      <c r="A31" s="20" t="s">
        <v>38</v>
      </c>
      <c r="B31" s="21">
        <v>-2</v>
      </c>
      <c r="C31" s="22">
        <v>3</v>
      </c>
      <c r="D31" s="22">
        <v>-5</v>
      </c>
      <c r="E31" s="21">
        <v>0</v>
      </c>
      <c r="F31" s="22">
        <v>0</v>
      </c>
      <c r="G31" s="23">
        <v>0</v>
      </c>
      <c r="H31" s="22">
        <v>47</v>
      </c>
      <c r="I31" s="22">
        <v>4</v>
      </c>
      <c r="J31" s="22">
        <v>43</v>
      </c>
      <c r="K31" s="21">
        <v>49</v>
      </c>
      <c r="L31" s="53">
        <v>1</v>
      </c>
      <c r="M31" s="54">
        <v>48</v>
      </c>
    </row>
    <row r="32" spans="1:13">
      <c r="A32" s="20" t="s">
        <v>39</v>
      </c>
      <c r="B32" s="21">
        <v>-2</v>
      </c>
      <c r="C32" s="22">
        <v>-2</v>
      </c>
      <c r="D32" s="22">
        <v>0</v>
      </c>
      <c r="E32" s="21">
        <v>0</v>
      </c>
      <c r="F32" s="22">
        <v>0</v>
      </c>
      <c r="G32" s="23">
        <v>0</v>
      </c>
      <c r="H32" s="22">
        <v>51</v>
      </c>
      <c r="I32" s="22">
        <v>4</v>
      </c>
      <c r="J32" s="22">
        <v>47</v>
      </c>
      <c r="K32" s="21">
        <v>53</v>
      </c>
      <c r="L32" s="53">
        <v>6</v>
      </c>
      <c r="M32" s="54">
        <v>47</v>
      </c>
    </row>
    <row r="33" spans="1:13">
      <c r="A33" s="20" t="s">
        <v>40</v>
      </c>
      <c r="B33" s="21">
        <v>0</v>
      </c>
      <c r="C33" s="22">
        <v>3</v>
      </c>
      <c r="D33" s="22">
        <v>-3</v>
      </c>
      <c r="E33" s="21">
        <v>0</v>
      </c>
      <c r="F33" s="22">
        <v>0</v>
      </c>
      <c r="G33" s="23">
        <v>0</v>
      </c>
      <c r="H33" s="22">
        <v>59</v>
      </c>
      <c r="I33" s="22">
        <v>6</v>
      </c>
      <c r="J33" s="22">
        <v>53</v>
      </c>
      <c r="K33" s="21">
        <v>59</v>
      </c>
      <c r="L33" s="53">
        <v>3</v>
      </c>
      <c r="M33" s="54">
        <v>56</v>
      </c>
    </row>
    <row r="34" spans="1:13">
      <c r="A34" s="20" t="s">
        <v>41</v>
      </c>
      <c r="B34" s="21">
        <v>-9</v>
      </c>
      <c r="C34" s="22">
        <v>-5</v>
      </c>
      <c r="D34" s="22">
        <v>-4</v>
      </c>
      <c r="E34" s="21">
        <v>0</v>
      </c>
      <c r="F34" s="22">
        <v>0</v>
      </c>
      <c r="G34" s="23">
        <v>0</v>
      </c>
      <c r="H34" s="22">
        <v>40</v>
      </c>
      <c r="I34" s="22">
        <v>11</v>
      </c>
      <c r="J34" s="22">
        <v>29</v>
      </c>
      <c r="K34" s="21">
        <v>49</v>
      </c>
      <c r="L34" s="53">
        <v>16</v>
      </c>
      <c r="M34" s="54">
        <v>33</v>
      </c>
    </row>
    <row r="35" spans="1:13">
      <c r="A35" s="20" t="s">
        <v>42</v>
      </c>
      <c r="B35" s="21">
        <v>0</v>
      </c>
      <c r="C35" s="22">
        <v>-4</v>
      </c>
      <c r="D35" s="22">
        <v>4</v>
      </c>
      <c r="E35" s="21">
        <v>0</v>
      </c>
      <c r="F35" s="22">
        <v>0</v>
      </c>
      <c r="G35" s="23">
        <v>0</v>
      </c>
      <c r="H35" s="22">
        <v>40</v>
      </c>
      <c r="I35" s="22">
        <v>8</v>
      </c>
      <c r="J35" s="22">
        <v>32</v>
      </c>
      <c r="K35" s="21">
        <v>40</v>
      </c>
      <c r="L35" s="53">
        <v>12</v>
      </c>
      <c r="M35" s="54">
        <v>28</v>
      </c>
    </row>
    <row r="36" spans="1:13" ht="20.100000000000001" customHeight="1">
      <c r="A36" s="16" t="s">
        <v>43</v>
      </c>
      <c r="B36" s="17">
        <v>-25</v>
      </c>
      <c r="C36" s="18">
        <v>-9</v>
      </c>
      <c r="D36" s="18">
        <v>-16</v>
      </c>
      <c r="E36" s="17">
        <v>0</v>
      </c>
      <c r="F36" s="18">
        <v>0</v>
      </c>
      <c r="G36" s="19">
        <v>0</v>
      </c>
      <c r="H36" s="18">
        <v>146</v>
      </c>
      <c r="I36" s="18">
        <v>33</v>
      </c>
      <c r="J36" s="18">
        <v>113</v>
      </c>
      <c r="K36" s="17">
        <v>171</v>
      </c>
      <c r="L36" s="51">
        <v>42</v>
      </c>
      <c r="M36" s="52">
        <v>129</v>
      </c>
    </row>
    <row r="37" spans="1:13">
      <c r="A37" s="20" t="s">
        <v>44</v>
      </c>
      <c r="B37" s="21">
        <v>-9</v>
      </c>
      <c r="C37" s="22">
        <v>-7</v>
      </c>
      <c r="D37" s="22">
        <v>-2</v>
      </c>
      <c r="E37" s="21">
        <v>0</v>
      </c>
      <c r="F37" s="22">
        <v>0</v>
      </c>
      <c r="G37" s="23">
        <v>0</v>
      </c>
      <c r="H37" s="22">
        <v>35</v>
      </c>
      <c r="I37" s="22">
        <v>4</v>
      </c>
      <c r="J37" s="22">
        <v>31</v>
      </c>
      <c r="K37" s="21">
        <v>44</v>
      </c>
      <c r="L37" s="53">
        <v>11</v>
      </c>
      <c r="M37" s="54">
        <v>33</v>
      </c>
    </row>
    <row r="38" spans="1:13">
      <c r="A38" s="20" t="s">
        <v>45</v>
      </c>
      <c r="B38" s="21">
        <v>-1</v>
      </c>
      <c r="C38" s="22">
        <v>-2</v>
      </c>
      <c r="D38" s="22">
        <v>1</v>
      </c>
      <c r="E38" s="21">
        <v>0</v>
      </c>
      <c r="F38" s="22">
        <v>0</v>
      </c>
      <c r="G38" s="23">
        <v>0</v>
      </c>
      <c r="H38" s="22">
        <v>38</v>
      </c>
      <c r="I38" s="22">
        <v>10</v>
      </c>
      <c r="J38" s="22">
        <v>28</v>
      </c>
      <c r="K38" s="21">
        <v>39</v>
      </c>
      <c r="L38" s="53">
        <v>12</v>
      </c>
      <c r="M38" s="54">
        <v>27</v>
      </c>
    </row>
    <row r="39" spans="1:13">
      <c r="A39" s="20" t="s">
        <v>46</v>
      </c>
      <c r="B39" s="21">
        <v>-7</v>
      </c>
      <c r="C39" s="22">
        <v>1</v>
      </c>
      <c r="D39" s="22">
        <v>-8</v>
      </c>
      <c r="E39" s="21">
        <v>0</v>
      </c>
      <c r="F39" s="22">
        <v>0</v>
      </c>
      <c r="G39" s="23">
        <v>0</v>
      </c>
      <c r="H39" s="22">
        <v>26</v>
      </c>
      <c r="I39" s="22">
        <v>8</v>
      </c>
      <c r="J39" s="22">
        <v>18</v>
      </c>
      <c r="K39" s="21">
        <v>33</v>
      </c>
      <c r="L39" s="53">
        <v>7</v>
      </c>
      <c r="M39" s="54">
        <v>26</v>
      </c>
    </row>
    <row r="40" spans="1:13">
      <c r="A40" s="20" t="s">
        <v>47</v>
      </c>
      <c r="B40" s="21">
        <v>-1</v>
      </c>
      <c r="C40" s="22">
        <v>1</v>
      </c>
      <c r="D40" s="22">
        <v>-2</v>
      </c>
      <c r="E40" s="21">
        <v>0</v>
      </c>
      <c r="F40" s="22">
        <v>0</v>
      </c>
      <c r="G40" s="23">
        <v>0</v>
      </c>
      <c r="H40" s="22">
        <v>21</v>
      </c>
      <c r="I40" s="22">
        <v>6</v>
      </c>
      <c r="J40" s="22">
        <v>15</v>
      </c>
      <c r="K40" s="21">
        <v>22</v>
      </c>
      <c r="L40" s="53">
        <v>5</v>
      </c>
      <c r="M40" s="54">
        <v>17</v>
      </c>
    </row>
    <row r="41" spans="1:13">
      <c r="A41" s="20" t="s">
        <v>48</v>
      </c>
      <c r="B41" s="21">
        <v>-7</v>
      </c>
      <c r="C41" s="22">
        <v>-2</v>
      </c>
      <c r="D41" s="22">
        <v>-5</v>
      </c>
      <c r="E41" s="21">
        <v>0</v>
      </c>
      <c r="F41" s="22">
        <v>0</v>
      </c>
      <c r="G41" s="23">
        <v>0</v>
      </c>
      <c r="H41" s="22">
        <v>26</v>
      </c>
      <c r="I41" s="22">
        <v>5</v>
      </c>
      <c r="J41" s="22">
        <v>21</v>
      </c>
      <c r="K41" s="21">
        <v>33</v>
      </c>
      <c r="L41" s="53">
        <v>7</v>
      </c>
      <c r="M41" s="54">
        <v>26</v>
      </c>
    </row>
    <row r="42" spans="1:13" ht="20.100000000000001" customHeight="1">
      <c r="A42" s="16" t="s">
        <v>49</v>
      </c>
      <c r="B42" s="17">
        <v>-2</v>
      </c>
      <c r="C42" s="18">
        <v>-4</v>
      </c>
      <c r="D42" s="18">
        <v>2</v>
      </c>
      <c r="E42" s="17">
        <v>0</v>
      </c>
      <c r="F42" s="18">
        <v>0</v>
      </c>
      <c r="G42" s="19">
        <v>0</v>
      </c>
      <c r="H42" s="18">
        <v>126</v>
      </c>
      <c r="I42" s="18">
        <v>27</v>
      </c>
      <c r="J42" s="18">
        <v>99</v>
      </c>
      <c r="K42" s="17">
        <v>128</v>
      </c>
      <c r="L42" s="51">
        <v>31</v>
      </c>
      <c r="M42" s="52">
        <v>97</v>
      </c>
    </row>
    <row r="43" spans="1:13">
      <c r="A43" s="20" t="s">
        <v>50</v>
      </c>
      <c r="B43" s="21">
        <v>-5</v>
      </c>
      <c r="C43" s="22">
        <v>-4</v>
      </c>
      <c r="D43" s="22">
        <v>-1</v>
      </c>
      <c r="E43" s="21">
        <v>0</v>
      </c>
      <c r="F43" s="22">
        <v>0</v>
      </c>
      <c r="G43" s="23">
        <v>0</v>
      </c>
      <c r="H43" s="22">
        <v>27</v>
      </c>
      <c r="I43" s="22">
        <v>5</v>
      </c>
      <c r="J43" s="22">
        <v>22</v>
      </c>
      <c r="K43" s="21">
        <v>32</v>
      </c>
      <c r="L43" s="53">
        <v>9</v>
      </c>
      <c r="M43" s="54">
        <v>23</v>
      </c>
    </row>
    <row r="44" spans="1:13">
      <c r="A44" s="20" t="s">
        <v>51</v>
      </c>
      <c r="B44" s="21">
        <v>-4</v>
      </c>
      <c r="C44" s="22">
        <v>-4</v>
      </c>
      <c r="D44" s="22">
        <v>0</v>
      </c>
      <c r="E44" s="21">
        <v>0</v>
      </c>
      <c r="F44" s="22">
        <v>0</v>
      </c>
      <c r="G44" s="23">
        <v>0</v>
      </c>
      <c r="H44" s="22">
        <v>24</v>
      </c>
      <c r="I44" s="22">
        <v>4</v>
      </c>
      <c r="J44" s="22">
        <v>20</v>
      </c>
      <c r="K44" s="21">
        <v>28</v>
      </c>
      <c r="L44" s="53">
        <v>8</v>
      </c>
      <c r="M44" s="54">
        <v>20</v>
      </c>
    </row>
    <row r="45" spans="1:13">
      <c r="A45" s="20" t="s">
        <v>52</v>
      </c>
      <c r="B45" s="21">
        <v>-1</v>
      </c>
      <c r="C45" s="22">
        <v>2</v>
      </c>
      <c r="D45" s="22">
        <v>-3</v>
      </c>
      <c r="E45" s="21">
        <v>0</v>
      </c>
      <c r="F45" s="22">
        <v>0</v>
      </c>
      <c r="G45" s="23">
        <v>0</v>
      </c>
      <c r="H45" s="22">
        <v>20</v>
      </c>
      <c r="I45" s="22">
        <v>8</v>
      </c>
      <c r="J45" s="22">
        <v>12</v>
      </c>
      <c r="K45" s="21">
        <v>21</v>
      </c>
      <c r="L45" s="53">
        <v>6</v>
      </c>
      <c r="M45" s="54">
        <v>15</v>
      </c>
    </row>
    <row r="46" spans="1:13">
      <c r="A46" s="20" t="s">
        <v>53</v>
      </c>
      <c r="B46" s="21">
        <v>6</v>
      </c>
      <c r="C46" s="22">
        <v>0</v>
      </c>
      <c r="D46" s="22">
        <v>6</v>
      </c>
      <c r="E46" s="21">
        <v>0</v>
      </c>
      <c r="F46" s="22">
        <v>0</v>
      </c>
      <c r="G46" s="23">
        <v>0</v>
      </c>
      <c r="H46" s="22">
        <v>37</v>
      </c>
      <c r="I46" s="22">
        <v>4</v>
      </c>
      <c r="J46" s="22">
        <v>33</v>
      </c>
      <c r="K46" s="21">
        <v>31</v>
      </c>
      <c r="L46" s="53">
        <v>4</v>
      </c>
      <c r="M46" s="54">
        <v>27</v>
      </c>
    </row>
    <row r="47" spans="1:13">
      <c r="A47" s="20" t="s">
        <v>54</v>
      </c>
      <c r="B47" s="21">
        <v>2</v>
      </c>
      <c r="C47" s="22">
        <v>2</v>
      </c>
      <c r="D47" s="22">
        <v>0</v>
      </c>
      <c r="E47" s="21">
        <v>0</v>
      </c>
      <c r="F47" s="22">
        <v>0</v>
      </c>
      <c r="G47" s="23">
        <v>0</v>
      </c>
      <c r="H47" s="22">
        <v>18</v>
      </c>
      <c r="I47" s="22">
        <v>6</v>
      </c>
      <c r="J47" s="22">
        <v>12</v>
      </c>
      <c r="K47" s="21">
        <v>16</v>
      </c>
      <c r="L47" s="53">
        <v>4</v>
      </c>
      <c r="M47" s="54">
        <v>12</v>
      </c>
    </row>
    <row r="48" spans="1:13" ht="20.100000000000001" customHeight="1">
      <c r="A48" s="16" t="s">
        <v>55</v>
      </c>
      <c r="B48" s="17">
        <v>9</v>
      </c>
      <c r="C48" s="18">
        <v>-3</v>
      </c>
      <c r="D48" s="18">
        <v>12</v>
      </c>
      <c r="E48" s="17">
        <v>0</v>
      </c>
      <c r="F48" s="18">
        <v>0</v>
      </c>
      <c r="G48" s="19">
        <v>0</v>
      </c>
      <c r="H48" s="18">
        <v>159</v>
      </c>
      <c r="I48" s="18">
        <v>18</v>
      </c>
      <c r="J48" s="18">
        <v>141</v>
      </c>
      <c r="K48" s="17">
        <v>150</v>
      </c>
      <c r="L48" s="51">
        <v>21</v>
      </c>
      <c r="M48" s="52">
        <v>129</v>
      </c>
    </row>
    <row r="49" spans="1:13">
      <c r="A49" s="20" t="s">
        <v>56</v>
      </c>
      <c r="B49" s="21">
        <v>-4</v>
      </c>
      <c r="C49" s="22">
        <v>-4</v>
      </c>
      <c r="D49" s="22">
        <v>0</v>
      </c>
      <c r="E49" s="21">
        <v>0</v>
      </c>
      <c r="F49" s="22">
        <v>0</v>
      </c>
      <c r="G49" s="23">
        <v>0</v>
      </c>
      <c r="H49" s="22">
        <v>14</v>
      </c>
      <c r="I49" s="22">
        <v>4</v>
      </c>
      <c r="J49" s="22">
        <v>10</v>
      </c>
      <c r="K49" s="21">
        <v>18</v>
      </c>
      <c r="L49" s="53">
        <v>8</v>
      </c>
      <c r="M49" s="54">
        <v>10</v>
      </c>
    </row>
    <row r="50" spans="1:13">
      <c r="A50" s="20" t="s">
        <v>57</v>
      </c>
      <c r="B50" s="21">
        <v>4</v>
      </c>
      <c r="C50" s="22">
        <v>3</v>
      </c>
      <c r="D50" s="22">
        <v>1</v>
      </c>
      <c r="E50" s="21">
        <v>0</v>
      </c>
      <c r="F50" s="22">
        <v>0</v>
      </c>
      <c r="G50" s="23">
        <v>0</v>
      </c>
      <c r="H50" s="22">
        <v>37</v>
      </c>
      <c r="I50" s="22">
        <v>6</v>
      </c>
      <c r="J50" s="22">
        <v>31</v>
      </c>
      <c r="K50" s="21">
        <v>33</v>
      </c>
      <c r="L50" s="53">
        <v>3</v>
      </c>
      <c r="M50" s="54">
        <v>30</v>
      </c>
    </row>
    <row r="51" spans="1:13">
      <c r="A51" s="20" t="s">
        <v>58</v>
      </c>
      <c r="B51" s="21">
        <v>2</v>
      </c>
      <c r="C51" s="22">
        <v>-1</v>
      </c>
      <c r="D51" s="22">
        <v>3</v>
      </c>
      <c r="E51" s="21">
        <v>0</v>
      </c>
      <c r="F51" s="22">
        <v>0</v>
      </c>
      <c r="G51" s="23">
        <v>0</v>
      </c>
      <c r="H51" s="22">
        <v>35</v>
      </c>
      <c r="I51" s="22">
        <v>2</v>
      </c>
      <c r="J51" s="22">
        <v>33</v>
      </c>
      <c r="K51" s="21">
        <v>33</v>
      </c>
      <c r="L51" s="53">
        <v>3</v>
      </c>
      <c r="M51" s="54">
        <v>30</v>
      </c>
    </row>
    <row r="52" spans="1:13">
      <c r="A52" s="20" t="s">
        <v>59</v>
      </c>
      <c r="B52" s="21">
        <v>0</v>
      </c>
      <c r="C52" s="22">
        <v>-2</v>
      </c>
      <c r="D52" s="22">
        <v>2</v>
      </c>
      <c r="E52" s="21">
        <v>0</v>
      </c>
      <c r="F52" s="22">
        <v>0</v>
      </c>
      <c r="G52" s="23">
        <v>0</v>
      </c>
      <c r="H52" s="22">
        <v>34</v>
      </c>
      <c r="I52" s="22">
        <v>2</v>
      </c>
      <c r="J52" s="22">
        <v>32</v>
      </c>
      <c r="K52" s="21">
        <v>34</v>
      </c>
      <c r="L52" s="53">
        <v>4</v>
      </c>
      <c r="M52" s="54">
        <v>30</v>
      </c>
    </row>
    <row r="53" spans="1:13">
      <c r="A53" s="20" t="s">
        <v>60</v>
      </c>
      <c r="B53" s="21">
        <v>7</v>
      </c>
      <c r="C53" s="22">
        <v>1</v>
      </c>
      <c r="D53" s="22">
        <v>6</v>
      </c>
      <c r="E53" s="21">
        <v>0</v>
      </c>
      <c r="F53" s="22">
        <v>0</v>
      </c>
      <c r="G53" s="23">
        <v>0</v>
      </c>
      <c r="H53" s="22">
        <v>39</v>
      </c>
      <c r="I53" s="22">
        <v>4</v>
      </c>
      <c r="J53" s="22">
        <v>35</v>
      </c>
      <c r="K53" s="21">
        <v>32</v>
      </c>
      <c r="L53" s="53">
        <v>3</v>
      </c>
      <c r="M53" s="54">
        <v>29</v>
      </c>
    </row>
    <row r="54" spans="1:13" ht="20.100000000000001" customHeight="1">
      <c r="A54" s="16" t="s">
        <v>61</v>
      </c>
      <c r="B54" s="17">
        <v>8</v>
      </c>
      <c r="C54" s="18">
        <v>-3</v>
      </c>
      <c r="D54" s="18">
        <v>11</v>
      </c>
      <c r="E54" s="17">
        <v>0</v>
      </c>
      <c r="F54" s="18">
        <v>0</v>
      </c>
      <c r="G54" s="19">
        <v>0</v>
      </c>
      <c r="H54" s="18">
        <v>186</v>
      </c>
      <c r="I54" s="18">
        <v>20</v>
      </c>
      <c r="J54" s="18">
        <v>166</v>
      </c>
      <c r="K54" s="17">
        <v>178</v>
      </c>
      <c r="L54" s="51">
        <v>23</v>
      </c>
      <c r="M54" s="52">
        <v>155</v>
      </c>
    </row>
    <row r="55" spans="1:13">
      <c r="A55" s="20" t="s">
        <v>62</v>
      </c>
      <c r="B55" s="21">
        <v>4</v>
      </c>
      <c r="C55" s="22">
        <v>0</v>
      </c>
      <c r="D55" s="22">
        <v>4</v>
      </c>
      <c r="E55" s="21">
        <v>0</v>
      </c>
      <c r="F55" s="22">
        <v>0</v>
      </c>
      <c r="G55" s="23">
        <v>0</v>
      </c>
      <c r="H55" s="22">
        <v>45</v>
      </c>
      <c r="I55" s="22">
        <v>8</v>
      </c>
      <c r="J55" s="22">
        <v>37</v>
      </c>
      <c r="K55" s="21">
        <v>41</v>
      </c>
      <c r="L55" s="53">
        <v>8</v>
      </c>
      <c r="M55" s="54">
        <v>33</v>
      </c>
    </row>
    <row r="56" spans="1:13">
      <c r="A56" s="20" t="s">
        <v>63</v>
      </c>
      <c r="B56" s="21">
        <v>2</v>
      </c>
      <c r="C56" s="22">
        <v>0</v>
      </c>
      <c r="D56" s="22">
        <v>2</v>
      </c>
      <c r="E56" s="21">
        <v>0</v>
      </c>
      <c r="F56" s="22">
        <v>0</v>
      </c>
      <c r="G56" s="23">
        <v>0</v>
      </c>
      <c r="H56" s="22">
        <v>53</v>
      </c>
      <c r="I56" s="22">
        <v>5</v>
      </c>
      <c r="J56" s="22">
        <v>48</v>
      </c>
      <c r="K56" s="21">
        <v>51</v>
      </c>
      <c r="L56" s="53">
        <v>5</v>
      </c>
      <c r="M56" s="54">
        <v>46</v>
      </c>
    </row>
    <row r="57" spans="1:13">
      <c r="A57" s="20" t="s">
        <v>64</v>
      </c>
      <c r="B57" s="21">
        <v>7</v>
      </c>
      <c r="C57" s="22">
        <v>1</v>
      </c>
      <c r="D57" s="22">
        <v>6</v>
      </c>
      <c r="E57" s="21">
        <v>0</v>
      </c>
      <c r="F57" s="22">
        <v>0</v>
      </c>
      <c r="G57" s="23">
        <v>0</v>
      </c>
      <c r="H57" s="22">
        <v>39</v>
      </c>
      <c r="I57" s="22">
        <v>3</v>
      </c>
      <c r="J57" s="22">
        <v>36</v>
      </c>
      <c r="K57" s="21">
        <v>32</v>
      </c>
      <c r="L57" s="53">
        <v>2</v>
      </c>
      <c r="M57" s="54">
        <v>30</v>
      </c>
    </row>
    <row r="58" spans="1:13">
      <c r="A58" s="20" t="s">
        <v>65</v>
      </c>
      <c r="B58" s="21">
        <v>-2</v>
      </c>
      <c r="C58" s="22">
        <v>-2</v>
      </c>
      <c r="D58" s="22">
        <v>0</v>
      </c>
      <c r="E58" s="21">
        <v>0</v>
      </c>
      <c r="F58" s="22">
        <v>0</v>
      </c>
      <c r="G58" s="23">
        <v>0</v>
      </c>
      <c r="H58" s="22">
        <v>33</v>
      </c>
      <c r="I58" s="22">
        <v>4</v>
      </c>
      <c r="J58" s="22">
        <v>29</v>
      </c>
      <c r="K58" s="21">
        <v>35</v>
      </c>
      <c r="L58" s="53">
        <v>6</v>
      </c>
      <c r="M58" s="54">
        <v>29</v>
      </c>
    </row>
    <row r="59" spans="1:13">
      <c r="A59" s="20" t="s">
        <v>66</v>
      </c>
      <c r="B59" s="21">
        <v>-3</v>
      </c>
      <c r="C59" s="22">
        <v>-2</v>
      </c>
      <c r="D59" s="22">
        <v>-1</v>
      </c>
      <c r="E59" s="21">
        <v>0</v>
      </c>
      <c r="F59" s="22">
        <v>0</v>
      </c>
      <c r="G59" s="23">
        <v>0</v>
      </c>
      <c r="H59" s="22">
        <v>16</v>
      </c>
      <c r="I59" s="22">
        <v>0</v>
      </c>
      <c r="J59" s="22">
        <v>16</v>
      </c>
      <c r="K59" s="21">
        <v>19</v>
      </c>
      <c r="L59" s="53">
        <v>2</v>
      </c>
      <c r="M59" s="54">
        <v>17</v>
      </c>
    </row>
    <row r="60" spans="1:13" ht="20.100000000000001" customHeight="1">
      <c r="A60" s="16" t="s">
        <v>67</v>
      </c>
      <c r="B60" s="17">
        <v>8</v>
      </c>
      <c r="C60" s="18">
        <v>8</v>
      </c>
      <c r="D60" s="18">
        <v>0</v>
      </c>
      <c r="E60" s="17">
        <v>0</v>
      </c>
      <c r="F60" s="18">
        <v>0</v>
      </c>
      <c r="G60" s="19">
        <v>0</v>
      </c>
      <c r="H60" s="18">
        <v>33</v>
      </c>
      <c r="I60" s="18">
        <v>18</v>
      </c>
      <c r="J60" s="18">
        <v>15</v>
      </c>
      <c r="K60" s="17">
        <v>25</v>
      </c>
      <c r="L60" s="51">
        <v>10</v>
      </c>
      <c r="M60" s="52">
        <v>15</v>
      </c>
    </row>
    <row r="61" spans="1:13">
      <c r="A61" s="20" t="s">
        <v>68</v>
      </c>
      <c r="B61" s="21">
        <v>-4</v>
      </c>
      <c r="C61" s="22">
        <v>0</v>
      </c>
      <c r="D61" s="22">
        <v>-4</v>
      </c>
      <c r="E61" s="21">
        <v>0</v>
      </c>
      <c r="F61" s="22">
        <v>0</v>
      </c>
      <c r="G61" s="23">
        <v>0</v>
      </c>
      <c r="H61" s="22">
        <v>14</v>
      </c>
      <c r="I61" s="22">
        <v>4</v>
      </c>
      <c r="J61" s="22">
        <v>10</v>
      </c>
      <c r="K61" s="21">
        <v>18</v>
      </c>
      <c r="L61" s="53">
        <v>4</v>
      </c>
      <c r="M61" s="54">
        <v>14</v>
      </c>
    </row>
    <row r="62" spans="1:13">
      <c r="A62" s="20" t="s">
        <v>69</v>
      </c>
      <c r="B62" s="21">
        <v>10</v>
      </c>
      <c r="C62" s="22">
        <v>8</v>
      </c>
      <c r="D62" s="22">
        <v>2</v>
      </c>
      <c r="E62" s="21">
        <v>0</v>
      </c>
      <c r="F62" s="22">
        <v>0</v>
      </c>
      <c r="G62" s="23">
        <v>0</v>
      </c>
      <c r="H62" s="22">
        <v>12</v>
      </c>
      <c r="I62" s="22">
        <v>9</v>
      </c>
      <c r="J62" s="22">
        <v>3</v>
      </c>
      <c r="K62" s="21">
        <v>2</v>
      </c>
      <c r="L62" s="53">
        <v>1</v>
      </c>
      <c r="M62" s="54">
        <v>1</v>
      </c>
    </row>
    <row r="63" spans="1:13">
      <c r="A63" s="20" t="s">
        <v>70</v>
      </c>
      <c r="B63" s="21">
        <v>-1</v>
      </c>
      <c r="C63" s="22">
        <v>-1</v>
      </c>
      <c r="D63" s="22">
        <v>0</v>
      </c>
      <c r="E63" s="21">
        <v>0</v>
      </c>
      <c r="F63" s="22">
        <v>0</v>
      </c>
      <c r="G63" s="23">
        <v>0</v>
      </c>
      <c r="H63" s="22">
        <v>1</v>
      </c>
      <c r="I63" s="22">
        <v>1</v>
      </c>
      <c r="J63" s="22">
        <v>0</v>
      </c>
      <c r="K63" s="21">
        <v>2</v>
      </c>
      <c r="L63" s="53">
        <v>2</v>
      </c>
      <c r="M63" s="54">
        <v>0</v>
      </c>
    </row>
    <row r="64" spans="1:13">
      <c r="A64" s="20" t="s">
        <v>71</v>
      </c>
      <c r="B64" s="21">
        <v>1</v>
      </c>
      <c r="C64" s="22">
        <v>0</v>
      </c>
      <c r="D64" s="22">
        <v>1</v>
      </c>
      <c r="E64" s="21">
        <v>0</v>
      </c>
      <c r="F64" s="22">
        <v>0</v>
      </c>
      <c r="G64" s="23">
        <v>0</v>
      </c>
      <c r="H64" s="22">
        <v>2</v>
      </c>
      <c r="I64" s="22">
        <v>1</v>
      </c>
      <c r="J64" s="22">
        <v>1</v>
      </c>
      <c r="K64" s="21">
        <v>1</v>
      </c>
      <c r="L64" s="53">
        <v>1</v>
      </c>
      <c r="M64" s="54">
        <v>0</v>
      </c>
    </row>
    <row r="65" spans="1:13">
      <c r="A65" s="24" t="s">
        <v>72</v>
      </c>
      <c r="B65" s="25">
        <v>2</v>
      </c>
      <c r="C65" s="26">
        <v>1</v>
      </c>
      <c r="D65" s="26">
        <v>1</v>
      </c>
      <c r="E65" s="25">
        <v>0</v>
      </c>
      <c r="F65" s="26">
        <v>0</v>
      </c>
      <c r="G65" s="27">
        <v>0</v>
      </c>
      <c r="H65" s="26">
        <v>4</v>
      </c>
      <c r="I65" s="26">
        <v>3</v>
      </c>
      <c r="J65" s="26">
        <v>1</v>
      </c>
      <c r="K65" s="25">
        <v>2</v>
      </c>
      <c r="L65" s="55">
        <v>2</v>
      </c>
      <c r="M65" s="56">
        <v>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53</v>
      </c>
      <c r="C69" s="58">
        <v>29</v>
      </c>
      <c r="D69" s="59">
        <v>24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53</v>
      </c>
      <c r="C70" s="61">
        <v>29</v>
      </c>
      <c r="D70" s="62">
        <v>24</v>
      </c>
    </row>
    <row r="71" spans="1:13">
      <c r="A71" s="24" t="s">
        <v>14</v>
      </c>
      <c r="B71" s="63">
        <v>53</v>
      </c>
      <c r="C71" s="64">
        <v>29</v>
      </c>
      <c r="D71" s="65">
        <v>24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08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5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3</v>
      </c>
      <c r="C77" s="18">
        <v>-3</v>
      </c>
      <c r="D77" s="18">
        <v>-10</v>
      </c>
      <c r="E77" s="17">
        <v>1</v>
      </c>
      <c r="F77" s="18">
        <v>0</v>
      </c>
      <c r="G77" s="19">
        <v>1</v>
      </c>
      <c r="H77" s="18">
        <v>22</v>
      </c>
      <c r="I77" s="18">
        <v>15</v>
      </c>
      <c r="J77" s="18">
        <v>7</v>
      </c>
      <c r="K77" s="17">
        <v>34</v>
      </c>
      <c r="L77" s="51">
        <v>18</v>
      </c>
      <c r="M77" s="52">
        <v>16</v>
      </c>
    </row>
    <row r="78" spans="1:13">
      <c r="A78" s="40" t="s">
        <v>81</v>
      </c>
      <c r="B78" s="21">
        <v>-5</v>
      </c>
      <c r="C78" s="22">
        <v>2</v>
      </c>
      <c r="D78" s="22">
        <v>-7</v>
      </c>
      <c r="E78" s="21">
        <v>1</v>
      </c>
      <c r="F78" s="22">
        <v>0</v>
      </c>
      <c r="G78" s="23">
        <v>1</v>
      </c>
      <c r="H78" s="22">
        <v>5</v>
      </c>
      <c r="I78" s="22">
        <v>4</v>
      </c>
      <c r="J78" s="22">
        <v>1</v>
      </c>
      <c r="K78" s="21">
        <v>9</v>
      </c>
      <c r="L78" s="53">
        <v>2</v>
      </c>
      <c r="M78" s="54">
        <v>7</v>
      </c>
    </row>
    <row r="79" spans="1:13">
      <c r="A79" s="40" t="s">
        <v>82</v>
      </c>
      <c r="B79" s="21">
        <v>-2</v>
      </c>
      <c r="C79" s="22">
        <v>2</v>
      </c>
      <c r="D79" s="22">
        <v>-4</v>
      </c>
      <c r="E79" s="21">
        <v>0</v>
      </c>
      <c r="F79" s="22">
        <v>0</v>
      </c>
      <c r="G79" s="23">
        <v>0</v>
      </c>
      <c r="H79" s="22">
        <v>3</v>
      </c>
      <c r="I79" s="22">
        <v>3</v>
      </c>
      <c r="J79" s="22">
        <v>0</v>
      </c>
      <c r="K79" s="21">
        <v>5</v>
      </c>
      <c r="L79" s="53">
        <v>1</v>
      </c>
      <c r="M79" s="54">
        <v>4</v>
      </c>
    </row>
    <row r="80" spans="1:13">
      <c r="A80" s="40" t="s">
        <v>83</v>
      </c>
      <c r="B80" s="21">
        <v>-4</v>
      </c>
      <c r="C80" s="22">
        <v>-4</v>
      </c>
      <c r="D80" s="22">
        <v>0</v>
      </c>
      <c r="E80" s="21">
        <v>0</v>
      </c>
      <c r="F80" s="22">
        <v>0</v>
      </c>
      <c r="G80" s="23">
        <v>0</v>
      </c>
      <c r="H80" s="22">
        <v>5</v>
      </c>
      <c r="I80" s="22">
        <v>3</v>
      </c>
      <c r="J80" s="22">
        <v>2</v>
      </c>
      <c r="K80" s="21">
        <v>9</v>
      </c>
      <c r="L80" s="53">
        <v>7</v>
      </c>
      <c r="M80" s="54">
        <v>2</v>
      </c>
    </row>
    <row r="81" spans="1:13">
      <c r="A81" s="40" t="s">
        <v>84</v>
      </c>
      <c r="B81" s="21">
        <v>-5</v>
      </c>
      <c r="C81" s="22">
        <v>-5</v>
      </c>
      <c r="D81" s="22">
        <v>0</v>
      </c>
      <c r="E81" s="21">
        <v>0</v>
      </c>
      <c r="F81" s="22">
        <v>0</v>
      </c>
      <c r="G81" s="23">
        <v>0</v>
      </c>
      <c r="H81" s="22">
        <v>5</v>
      </c>
      <c r="I81" s="22">
        <v>2</v>
      </c>
      <c r="J81" s="22">
        <v>3</v>
      </c>
      <c r="K81" s="21">
        <v>10</v>
      </c>
      <c r="L81" s="53">
        <v>7</v>
      </c>
      <c r="M81" s="54">
        <v>3</v>
      </c>
    </row>
    <row r="82" spans="1:13">
      <c r="A82" s="40" t="s">
        <v>85</v>
      </c>
      <c r="B82" s="21">
        <v>3</v>
      </c>
      <c r="C82" s="22">
        <v>2</v>
      </c>
      <c r="D82" s="22">
        <v>1</v>
      </c>
      <c r="E82" s="21">
        <v>0</v>
      </c>
      <c r="F82" s="22">
        <v>0</v>
      </c>
      <c r="G82" s="23">
        <v>0</v>
      </c>
      <c r="H82" s="22">
        <v>4</v>
      </c>
      <c r="I82" s="22">
        <v>3</v>
      </c>
      <c r="J82" s="22">
        <v>1</v>
      </c>
      <c r="K82" s="21">
        <v>1</v>
      </c>
      <c r="L82" s="53">
        <v>1</v>
      </c>
      <c r="M82" s="54">
        <v>0</v>
      </c>
    </row>
    <row r="83" spans="1:13" ht="19.5" customHeight="1">
      <c r="A83" s="34" t="s">
        <v>86</v>
      </c>
      <c r="B83" s="17">
        <v>5</v>
      </c>
      <c r="C83" s="18">
        <v>3</v>
      </c>
      <c r="D83" s="18">
        <v>2</v>
      </c>
      <c r="E83" s="17">
        <v>0</v>
      </c>
      <c r="F83" s="18">
        <v>0</v>
      </c>
      <c r="G83" s="19">
        <v>0</v>
      </c>
      <c r="H83" s="18">
        <v>10</v>
      </c>
      <c r="I83" s="18">
        <v>4</v>
      </c>
      <c r="J83" s="18">
        <v>6</v>
      </c>
      <c r="K83" s="17">
        <v>5</v>
      </c>
      <c r="L83" s="51">
        <v>1</v>
      </c>
      <c r="M83" s="52">
        <v>4</v>
      </c>
    </row>
    <row r="84" spans="1:13">
      <c r="A84" s="40" t="s">
        <v>87</v>
      </c>
      <c r="B84" s="21">
        <v>1</v>
      </c>
      <c r="C84" s="22">
        <v>1</v>
      </c>
      <c r="D84" s="22">
        <v>0</v>
      </c>
      <c r="E84" s="21">
        <v>0</v>
      </c>
      <c r="F84" s="22">
        <v>0</v>
      </c>
      <c r="G84" s="23">
        <v>0</v>
      </c>
      <c r="H84" s="22">
        <v>2</v>
      </c>
      <c r="I84" s="22">
        <v>1</v>
      </c>
      <c r="J84" s="22">
        <v>1</v>
      </c>
      <c r="K84" s="21">
        <v>1</v>
      </c>
      <c r="L84" s="53">
        <v>0</v>
      </c>
      <c r="M84" s="54">
        <v>1</v>
      </c>
    </row>
    <row r="85" spans="1:13">
      <c r="A85" s="40" t="s">
        <v>88</v>
      </c>
      <c r="B85" s="21">
        <v>2</v>
      </c>
      <c r="C85" s="22">
        <v>2</v>
      </c>
      <c r="D85" s="22">
        <v>0</v>
      </c>
      <c r="E85" s="21">
        <v>0</v>
      </c>
      <c r="F85" s="22">
        <v>0</v>
      </c>
      <c r="G85" s="23">
        <v>0</v>
      </c>
      <c r="H85" s="22">
        <v>2</v>
      </c>
      <c r="I85" s="22">
        <v>2</v>
      </c>
      <c r="J85" s="22">
        <v>0</v>
      </c>
      <c r="K85" s="21">
        <v>0</v>
      </c>
      <c r="L85" s="53">
        <v>0</v>
      </c>
      <c r="M85" s="54">
        <v>0</v>
      </c>
    </row>
    <row r="86" spans="1:13">
      <c r="A86" s="40" t="s">
        <v>89</v>
      </c>
      <c r="B86" s="21">
        <v>3</v>
      </c>
      <c r="C86" s="22">
        <v>1</v>
      </c>
      <c r="D86" s="22">
        <v>2</v>
      </c>
      <c r="E86" s="21">
        <v>0</v>
      </c>
      <c r="F86" s="22">
        <v>0</v>
      </c>
      <c r="G86" s="23">
        <v>0</v>
      </c>
      <c r="H86" s="22">
        <v>3</v>
      </c>
      <c r="I86" s="22">
        <v>1</v>
      </c>
      <c r="J86" s="22">
        <v>2</v>
      </c>
      <c r="K86" s="21">
        <v>0</v>
      </c>
      <c r="L86" s="53">
        <v>0</v>
      </c>
      <c r="M86" s="54">
        <v>0</v>
      </c>
    </row>
    <row r="87" spans="1:13">
      <c r="A87" s="40" t="s">
        <v>90</v>
      </c>
      <c r="B87" s="21">
        <v>0</v>
      </c>
      <c r="C87" s="22">
        <v>0</v>
      </c>
      <c r="D87" s="22">
        <v>0</v>
      </c>
      <c r="E87" s="21">
        <v>0</v>
      </c>
      <c r="F87" s="22">
        <v>0</v>
      </c>
      <c r="G87" s="23">
        <v>0</v>
      </c>
      <c r="H87" s="22">
        <v>1</v>
      </c>
      <c r="I87" s="22">
        <v>0</v>
      </c>
      <c r="J87" s="22">
        <v>1</v>
      </c>
      <c r="K87" s="21">
        <v>1</v>
      </c>
      <c r="L87" s="53">
        <v>0</v>
      </c>
      <c r="M87" s="54">
        <v>1</v>
      </c>
    </row>
    <row r="88" spans="1:13">
      <c r="A88" s="40" t="s">
        <v>91</v>
      </c>
      <c r="B88" s="21">
        <v>-1</v>
      </c>
      <c r="C88" s="22">
        <v>-1</v>
      </c>
      <c r="D88" s="22">
        <v>0</v>
      </c>
      <c r="E88" s="21">
        <v>0</v>
      </c>
      <c r="F88" s="22">
        <v>0</v>
      </c>
      <c r="G88" s="23">
        <v>0</v>
      </c>
      <c r="H88" s="22">
        <v>2</v>
      </c>
      <c r="I88" s="22">
        <v>0</v>
      </c>
      <c r="J88" s="22">
        <v>2</v>
      </c>
      <c r="K88" s="21">
        <v>3</v>
      </c>
      <c r="L88" s="53">
        <v>1</v>
      </c>
      <c r="M88" s="54">
        <v>2</v>
      </c>
    </row>
    <row r="89" spans="1:13" ht="19.5" customHeight="1">
      <c r="A89" s="34" t="s">
        <v>92</v>
      </c>
      <c r="B89" s="17">
        <v>-7</v>
      </c>
      <c r="C89" s="18">
        <v>-7</v>
      </c>
      <c r="D89" s="18">
        <v>0</v>
      </c>
      <c r="E89" s="17">
        <v>2</v>
      </c>
      <c r="F89" s="18">
        <v>2</v>
      </c>
      <c r="G89" s="19">
        <v>0</v>
      </c>
      <c r="H89" s="18">
        <v>3</v>
      </c>
      <c r="I89" s="18">
        <v>1</v>
      </c>
      <c r="J89" s="18">
        <v>2</v>
      </c>
      <c r="K89" s="17">
        <v>8</v>
      </c>
      <c r="L89" s="51">
        <v>6</v>
      </c>
      <c r="M89" s="52">
        <v>2</v>
      </c>
    </row>
    <row r="90" spans="1:13">
      <c r="A90" s="40" t="s">
        <v>93</v>
      </c>
      <c r="B90" s="21">
        <v>-1</v>
      </c>
      <c r="C90" s="22">
        <v>-1</v>
      </c>
      <c r="D90" s="22">
        <v>0</v>
      </c>
      <c r="E90" s="21">
        <v>0</v>
      </c>
      <c r="F90" s="22">
        <v>0</v>
      </c>
      <c r="G90" s="23">
        <v>0</v>
      </c>
      <c r="H90" s="22">
        <v>0</v>
      </c>
      <c r="I90" s="22">
        <v>0</v>
      </c>
      <c r="J90" s="22">
        <v>0</v>
      </c>
      <c r="K90" s="21">
        <v>1</v>
      </c>
      <c r="L90" s="53">
        <v>1</v>
      </c>
      <c r="M90" s="54">
        <v>0</v>
      </c>
    </row>
    <row r="91" spans="1:13">
      <c r="A91" s="40" t="s">
        <v>94</v>
      </c>
      <c r="B91" s="21">
        <v>-2</v>
      </c>
      <c r="C91" s="22">
        <v>-2</v>
      </c>
      <c r="D91" s="22">
        <v>0</v>
      </c>
      <c r="E91" s="21">
        <v>1</v>
      </c>
      <c r="F91" s="22">
        <v>1</v>
      </c>
      <c r="G91" s="23">
        <v>0</v>
      </c>
      <c r="H91" s="22">
        <v>0</v>
      </c>
      <c r="I91" s="22">
        <v>0</v>
      </c>
      <c r="J91" s="22">
        <v>0</v>
      </c>
      <c r="K91" s="21">
        <v>1</v>
      </c>
      <c r="L91" s="53">
        <v>1</v>
      </c>
      <c r="M91" s="54">
        <v>0</v>
      </c>
    </row>
    <row r="92" spans="1:13">
      <c r="A92" s="40" t="s">
        <v>95</v>
      </c>
      <c r="B92" s="21">
        <v>-2</v>
      </c>
      <c r="C92" s="22">
        <v>-1</v>
      </c>
      <c r="D92" s="22">
        <v>-1</v>
      </c>
      <c r="E92" s="21">
        <v>0</v>
      </c>
      <c r="F92" s="22">
        <v>0</v>
      </c>
      <c r="G92" s="23">
        <v>0</v>
      </c>
      <c r="H92" s="22">
        <v>1</v>
      </c>
      <c r="I92" s="22">
        <v>1</v>
      </c>
      <c r="J92" s="22">
        <v>0</v>
      </c>
      <c r="K92" s="21">
        <v>3</v>
      </c>
      <c r="L92" s="53">
        <v>2</v>
      </c>
      <c r="M92" s="54">
        <v>1</v>
      </c>
    </row>
    <row r="93" spans="1:13">
      <c r="A93" s="40" t="s">
        <v>96</v>
      </c>
      <c r="B93" s="21">
        <v>-3</v>
      </c>
      <c r="C93" s="22">
        <v>-2</v>
      </c>
      <c r="D93" s="22">
        <v>-1</v>
      </c>
      <c r="E93" s="21">
        <v>1</v>
      </c>
      <c r="F93" s="22">
        <v>1</v>
      </c>
      <c r="G93" s="23">
        <v>0</v>
      </c>
      <c r="H93" s="22">
        <v>0</v>
      </c>
      <c r="I93" s="22">
        <v>0</v>
      </c>
      <c r="J93" s="22">
        <v>0</v>
      </c>
      <c r="K93" s="21">
        <v>2</v>
      </c>
      <c r="L93" s="53">
        <v>1</v>
      </c>
      <c r="M93" s="54">
        <v>1</v>
      </c>
    </row>
    <row r="94" spans="1:13">
      <c r="A94" s="40" t="s">
        <v>97</v>
      </c>
      <c r="B94" s="21">
        <v>1</v>
      </c>
      <c r="C94" s="22">
        <v>-1</v>
      </c>
      <c r="D94" s="22">
        <v>2</v>
      </c>
      <c r="E94" s="21">
        <v>0</v>
      </c>
      <c r="F94" s="22">
        <v>0</v>
      </c>
      <c r="G94" s="23">
        <v>0</v>
      </c>
      <c r="H94" s="22">
        <v>2</v>
      </c>
      <c r="I94" s="22">
        <v>0</v>
      </c>
      <c r="J94" s="22">
        <v>2</v>
      </c>
      <c r="K94" s="21">
        <v>1</v>
      </c>
      <c r="L94" s="53">
        <v>1</v>
      </c>
      <c r="M94" s="54">
        <v>0</v>
      </c>
    </row>
    <row r="95" spans="1:13" ht="19.5" customHeight="1">
      <c r="A95" s="34" t="s">
        <v>98</v>
      </c>
      <c r="B95" s="17">
        <v>-9</v>
      </c>
      <c r="C95" s="18">
        <v>-6</v>
      </c>
      <c r="D95" s="18">
        <v>-3</v>
      </c>
      <c r="E95" s="17">
        <v>8</v>
      </c>
      <c r="F95" s="18">
        <v>7</v>
      </c>
      <c r="G95" s="19">
        <v>1</v>
      </c>
      <c r="H95" s="18">
        <v>6</v>
      </c>
      <c r="I95" s="18">
        <v>3</v>
      </c>
      <c r="J95" s="18">
        <v>3</v>
      </c>
      <c r="K95" s="17">
        <v>7</v>
      </c>
      <c r="L95" s="51">
        <v>2</v>
      </c>
      <c r="M95" s="52">
        <v>5</v>
      </c>
    </row>
    <row r="96" spans="1:13">
      <c r="A96" s="40" t="s">
        <v>99</v>
      </c>
      <c r="B96" s="21">
        <v>-3</v>
      </c>
      <c r="C96" s="22">
        <v>0</v>
      </c>
      <c r="D96" s="22">
        <v>-3</v>
      </c>
      <c r="E96" s="21">
        <v>2</v>
      </c>
      <c r="F96" s="22">
        <v>1</v>
      </c>
      <c r="G96" s="23">
        <v>1</v>
      </c>
      <c r="H96" s="22">
        <v>1</v>
      </c>
      <c r="I96" s="22">
        <v>1</v>
      </c>
      <c r="J96" s="22">
        <v>0</v>
      </c>
      <c r="K96" s="21">
        <v>2</v>
      </c>
      <c r="L96" s="53">
        <v>0</v>
      </c>
      <c r="M96" s="54">
        <v>2</v>
      </c>
    </row>
    <row r="97" spans="1:13">
      <c r="A97" s="40" t="s">
        <v>100</v>
      </c>
      <c r="B97" s="21">
        <v>-1</v>
      </c>
      <c r="C97" s="22">
        <v>-2</v>
      </c>
      <c r="D97" s="22">
        <v>1</v>
      </c>
      <c r="E97" s="21">
        <v>1</v>
      </c>
      <c r="F97" s="22">
        <v>1</v>
      </c>
      <c r="G97" s="23">
        <v>0</v>
      </c>
      <c r="H97" s="22">
        <v>3</v>
      </c>
      <c r="I97" s="22">
        <v>1</v>
      </c>
      <c r="J97" s="22">
        <v>2</v>
      </c>
      <c r="K97" s="21">
        <v>3</v>
      </c>
      <c r="L97" s="53">
        <v>2</v>
      </c>
      <c r="M97" s="54">
        <v>1</v>
      </c>
    </row>
    <row r="98" spans="1:13">
      <c r="A98" s="40" t="s">
        <v>101</v>
      </c>
      <c r="B98" s="21">
        <v>-1</v>
      </c>
      <c r="C98" s="22">
        <v>0</v>
      </c>
      <c r="D98" s="22">
        <v>-1</v>
      </c>
      <c r="E98" s="21">
        <v>1</v>
      </c>
      <c r="F98" s="22">
        <v>1</v>
      </c>
      <c r="G98" s="23">
        <v>0</v>
      </c>
      <c r="H98" s="22">
        <v>1</v>
      </c>
      <c r="I98" s="22">
        <v>1</v>
      </c>
      <c r="J98" s="22">
        <v>0</v>
      </c>
      <c r="K98" s="21">
        <v>1</v>
      </c>
      <c r="L98" s="53">
        <v>0</v>
      </c>
      <c r="M98" s="54">
        <v>1</v>
      </c>
    </row>
    <row r="99" spans="1:13">
      <c r="A99" s="40" t="s">
        <v>102</v>
      </c>
      <c r="B99" s="21">
        <v>-2</v>
      </c>
      <c r="C99" s="22">
        <v>-2</v>
      </c>
      <c r="D99" s="22">
        <v>0</v>
      </c>
      <c r="E99" s="21">
        <v>2</v>
      </c>
      <c r="F99" s="22">
        <v>2</v>
      </c>
      <c r="G99" s="23">
        <v>0</v>
      </c>
      <c r="H99" s="22">
        <v>1</v>
      </c>
      <c r="I99" s="22">
        <v>0</v>
      </c>
      <c r="J99" s="22">
        <v>1</v>
      </c>
      <c r="K99" s="21">
        <v>1</v>
      </c>
      <c r="L99" s="53">
        <v>0</v>
      </c>
      <c r="M99" s="54">
        <v>1</v>
      </c>
    </row>
    <row r="100" spans="1:13">
      <c r="A100" s="40" t="s">
        <v>103</v>
      </c>
      <c r="B100" s="21">
        <v>-2</v>
      </c>
      <c r="C100" s="22">
        <v>-2</v>
      </c>
      <c r="D100" s="22">
        <v>0</v>
      </c>
      <c r="E100" s="21">
        <v>2</v>
      </c>
      <c r="F100" s="22">
        <v>2</v>
      </c>
      <c r="G100" s="23">
        <v>0</v>
      </c>
      <c r="H100" s="22">
        <v>0</v>
      </c>
      <c r="I100" s="22">
        <v>0</v>
      </c>
      <c r="J100" s="22">
        <v>0</v>
      </c>
      <c r="K100" s="21">
        <v>0</v>
      </c>
      <c r="L100" s="53">
        <v>0</v>
      </c>
      <c r="M100" s="54">
        <v>0</v>
      </c>
    </row>
    <row r="101" spans="1:13" ht="19.5" customHeight="1">
      <c r="A101" s="34" t="s">
        <v>104</v>
      </c>
      <c r="B101" s="17">
        <v>-19</v>
      </c>
      <c r="C101" s="18">
        <v>-17</v>
      </c>
      <c r="D101" s="18">
        <v>-2</v>
      </c>
      <c r="E101" s="17">
        <v>19</v>
      </c>
      <c r="F101" s="18">
        <v>14</v>
      </c>
      <c r="G101" s="19">
        <v>5</v>
      </c>
      <c r="H101" s="18">
        <v>8</v>
      </c>
      <c r="I101" s="18">
        <v>3</v>
      </c>
      <c r="J101" s="18">
        <v>5</v>
      </c>
      <c r="K101" s="17">
        <v>8</v>
      </c>
      <c r="L101" s="51">
        <v>6</v>
      </c>
      <c r="M101" s="52">
        <v>2</v>
      </c>
    </row>
    <row r="102" spans="1:13">
      <c r="A102" s="40" t="s">
        <v>105</v>
      </c>
      <c r="B102" s="21">
        <v>-6</v>
      </c>
      <c r="C102" s="22">
        <v>-5</v>
      </c>
      <c r="D102" s="22">
        <v>-1</v>
      </c>
      <c r="E102" s="21">
        <v>4</v>
      </c>
      <c r="F102" s="22">
        <v>2</v>
      </c>
      <c r="G102" s="23">
        <v>2</v>
      </c>
      <c r="H102" s="22">
        <v>2</v>
      </c>
      <c r="I102" s="22">
        <v>0</v>
      </c>
      <c r="J102" s="22">
        <v>2</v>
      </c>
      <c r="K102" s="21">
        <v>4</v>
      </c>
      <c r="L102" s="53">
        <v>3</v>
      </c>
      <c r="M102" s="54">
        <v>1</v>
      </c>
    </row>
    <row r="103" spans="1:13">
      <c r="A103" s="40" t="s">
        <v>106</v>
      </c>
      <c r="B103" s="21">
        <v>-6</v>
      </c>
      <c r="C103" s="22">
        <v>-6</v>
      </c>
      <c r="D103" s="22">
        <v>0</v>
      </c>
      <c r="E103" s="21">
        <v>7</v>
      </c>
      <c r="F103" s="22">
        <v>6</v>
      </c>
      <c r="G103" s="23">
        <v>1</v>
      </c>
      <c r="H103" s="22">
        <v>2</v>
      </c>
      <c r="I103" s="22">
        <v>1</v>
      </c>
      <c r="J103" s="22">
        <v>1</v>
      </c>
      <c r="K103" s="21">
        <v>1</v>
      </c>
      <c r="L103" s="53">
        <v>1</v>
      </c>
      <c r="M103" s="54">
        <v>0</v>
      </c>
    </row>
    <row r="104" spans="1:13">
      <c r="A104" s="40" t="s">
        <v>107</v>
      </c>
      <c r="B104" s="21">
        <v>-1</v>
      </c>
      <c r="C104" s="22">
        <v>-2</v>
      </c>
      <c r="D104" s="22">
        <v>1</v>
      </c>
      <c r="E104" s="21">
        <v>3</v>
      </c>
      <c r="F104" s="22">
        <v>3</v>
      </c>
      <c r="G104" s="23">
        <v>0</v>
      </c>
      <c r="H104" s="22">
        <v>3</v>
      </c>
      <c r="I104" s="22">
        <v>2</v>
      </c>
      <c r="J104" s="22">
        <v>1</v>
      </c>
      <c r="K104" s="21">
        <v>1</v>
      </c>
      <c r="L104" s="53">
        <v>1</v>
      </c>
      <c r="M104" s="54">
        <v>0</v>
      </c>
    </row>
    <row r="105" spans="1:13">
      <c r="A105" s="40" t="s">
        <v>108</v>
      </c>
      <c r="B105" s="21">
        <v>-1</v>
      </c>
      <c r="C105" s="22">
        <v>-1</v>
      </c>
      <c r="D105" s="22">
        <v>0</v>
      </c>
      <c r="E105" s="21">
        <v>0</v>
      </c>
      <c r="F105" s="22">
        <v>0</v>
      </c>
      <c r="G105" s="23">
        <v>0</v>
      </c>
      <c r="H105" s="22">
        <v>0</v>
      </c>
      <c r="I105" s="22">
        <v>0</v>
      </c>
      <c r="J105" s="22">
        <v>0</v>
      </c>
      <c r="K105" s="21">
        <v>1</v>
      </c>
      <c r="L105" s="53">
        <v>1</v>
      </c>
      <c r="M105" s="54">
        <v>0</v>
      </c>
    </row>
    <row r="106" spans="1:13">
      <c r="A106" s="40" t="s">
        <v>109</v>
      </c>
      <c r="B106" s="21">
        <v>-5</v>
      </c>
      <c r="C106" s="22">
        <v>-3</v>
      </c>
      <c r="D106" s="22">
        <v>-2</v>
      </c>
      <c r="E106" s="21">
        <v>5</v>
      </c>
      <c r="F106" s="22">
        <v>3</v>
      </c>
      <c r="G106" s="23">
        <v>2</v>
      </c>
      <c r="H106" s="22">
        <v>1</v>
      </c>
      <c r="I106" s="22">
        <v>0</v>
      </c>
      <c r="J106" s="22">
        <v>1</v>
      </c>
      <c r="K106" s="21">
        <v>1</v>
      </c>
      <c r="L106" s="53">
        <v>0</v>
      </c>
      <c r="M106" s="54">
        <v>1</v>
      </c>
    </row>
    <row r="107" spans="1:13" ht="19.5" customHeight="1">
      <c r="A107" s="34" t="s">
        <v>110</v>
      </c>
      <c r="B107" s="17">
        <v>-19</v>
      </c>
      <c r="C107" s="18">
        <v>-4</v>
      </c>
      <c r="D107" s="18">
        <v>-15</v>
      </c>
      <c r="E107" s="17">
        <v>21</v>
      </c>
      <c r="F107" s="18">
        <v>8</v>
      </c>
      <c r="G107" s="19">
        <v>13</v>
      </c>
      <c r="H107" s="18">
        <v>10</v>
      </c>
      <c r="I107" s="18">
        <v>7</v>
      </c>
      <c r="J107" s="18">
        <v>3</v>
      </c>
      <c r="K107" s="17">
        <v>8</v>
      </c>
      <c r="L107" s="51">
        <v>3</v>
      </c>
      <c r="M107" s="52">
        <v>5</v>
      </c>
    </row>
    <row r="108" spans="1:13">
      <c r="A108" s="40" t="s">
        <v>111</v>
      </c>
      <c r="B108" s="21">
        <v>-1</v>
      </c>
      <c r="C108" s="22">
        <v>0</v>
      </c>
      <c r="D108" s="22">
        <v>-1</v>
      </c>
      <c r="E108" s="21">
        <v>2</v>
      </c>
      <c r="F108" s="22">
        <v>1</v>
      </c>
      <c r="G108" s="23">
        <v>1</v>
      </c>
      <c r="H108" s="22">
        <v>1</v>
      </c>
      <c r="I108" s="22">
        <v>1</v>
      </c>
      <c r="J108" s="22">
        <v>0</v>
      </c>
      <c r="K108" s="21">
        <v>0</v>
      </c>
      <c r="L108" s="53">
        <v>0</v>
      </c>
      <c r="M108" s="54">
        <v>0</v>
      </c>
    </row>
    <row r="109" spans="1:13">
      <c r="A109" s="40" t="s">
        <v>112</v>
      </c>
      <c r="B109" s="21">
        <v>-4</v>
      </c>
      <c r="C109" s="22">
        <v>0</v>
      </c>
      <c r="D109" s="22">
        <v>-4</v>
      </c>
      <c r="E109" s="21">
        <v>4</v>
      </c>
      <c r="F109" s="22">
        <v>0</v>
      </c>
      <c r="G109" s="23">
        <v>4</v>
      </c>
      <c r="H109" s="22">
        <v>0</v>
      </c>
      <c r="I109" s="22">
        <v>0</v>
      </c>
      <c r="J109" s="22">
        <v>0</v>
      </c>
      <c r="K109" s="21">
        <v>0</v>
      </c>
      <c r="L109" s="53">
        <v>0</v>
      </c>
      <c r="M109" s="54">
        <v>0</v>
      </c>
    </row>
    <row r="110" spans="1:13">
      <c r="A110" s="40" t="s">
        <v>113</v>
      </c>
      <c r="B110" s="21">
        <v>-3</v>
      </c>
      <c r="C110" s="22">
        <v>-1</v>
      </c>
      <c r="D110" s="22">
        <v>-2</v>
      </c>
      <c r="E110" s="21">
        <v>4</v>
      </c>
      <c r="F110" s="22">
        <v>3</v>
      </c>
      <c r="G110" s="23">
        <v>1</v>
      </c>
      <c r="H110" s="22">
        <v>5</v>
      </c>
      <c r="I110" s="22">
        <v>3</v>
      </c>
      <c r="J110" s="22">
        <v>2</v>
      </c>
      <c r="K110" s="21">
        <v>4</v>
      </c>
      <c r="L110" s="53">
        <v>1</v>
      </c>
      <c r="M110" s="54">
        <v>3</v>
      </c>
    </row>
    <row r="111" spans="1:13">
      <c r="A111" s="40" t="s">
        <v>114</v>
      </c>
      <c r="B111" s="21">
        <v>-6</v>
      </c>
      <c r="C111" s="22">
        <v>-2</v>
      </c>
      <c r="D111" s="22">
        <v>-4</v>
      </c>
      <c r="E111" s="21">
        <v>7</v>
      </c>
      <c r="F111" s="22">
        <v>3</v>
      </c>
      <c r="G111" s="23">
        <v>4</v>
      </c>
      <c r="H111" s="22">
        <v>2</v>
      </c>
      <c r="I111" s="22">
        <v>1</v>
      </c>
      <c r="J111" s="22">
        <v>1</v>
      </c>
      <c r="K111" s="21">
        <v>1</v>
      </c>
      <c r="L111" s="53">
        <v>0</v>
      </c>
      <c r="M111" s="54">
        <v>1</v>
      </c>
    </row>
    <row r="112" spans="1:13">
      <c r="A112" s="40" t="s">
        <v>115</v>
      </c>
      <c r="B112" s="21">
        <v>-5</v>
      </c>
      <c r="C112" s="22">
        <v>-1</v>
      </c>
      <c r="D112" s="22">
        <v>-4</v>
      </c>
      <c r="E112" s="21">
        <v>4</v>
      </c>
      <c r="F112" s="22">
        <v>1</v>
      </c>
      <c r="G112" s="23">
        <v>3</v>
      </c>
      <c r="H112" s="22">
        <v>2</v>
      </c>
      <c r="I112" s="22">
        <v>2</v>
      </c>
      <c r="J112" s="22">
        <v>0</v>
      </c>
      <c r="K112" s="21">
        <v>3</v>
      </c>
      <c r="L112" s="53">
        <v>2</v>
      </c>
      <c r="M112" s="54">
        <v>1</v>
      </c>
    </row>
    <row r="113" spans="1:13" ht="19.5" customHeight="1">
      <c r="A113" s="34" t="s">
        <v>116</v>
      </c>
      <c r="B113" s="17">
        <v>-34</v>
      </c>
      <c r="C113" s="18">
        <v>-21</v>
      </c>
      <c r="D113" s="18">
        <v>-13</v>
      </c>
      <c r="E113" s="17">
        <v>29</v>
      </c>
      <c r="F113" s="18">
        <v>22</v>
      </c>
      <c r="G113" s="19">
        <v>7</v>
      </c>
      <c r="H113" s="18">
        <v>2</v>
      </c>
      <c r="I113" s="18">
        <v>2</v>
      </c>
      <c r="J113" s="18">
        <v>0</v>
      </c>
      <c r="K113" s="17">
        <v>7</v>
      </c>
      <c r="L113" s="51">
        <v>1</v>
      </c>
      <c r="M113" s="52">
        <v>6</v>
      </c>
    </row>
    <row r="114" spans="1:13">
      <c r="A114" s="40" t="s">
        <v>117</v>
      </c>
      <c r="B114" s="21">
        <v>-7</v>
      </c>
      <c r="C114" s="22">
        <v>-1</v>
      </c>
      <c r="D114" s="22">
        <v>-6</v>
      </c>
      <c r="E114" s="21">
        <v>2</v>
      </c>
      <c r="F114" s="22">
        <v>1</v>
      </c>
      <c r="G114" s="23">
        <v>1</v>
      </c>
      <c r="H114" s="22">
        <v>0</v>
      </c>
      <c r="I114" s="22">
        <v>0</v>
      </c>
      <c r="J114" s="22">
        <v>0</v>
      </c>
      <c r="K114" s="21">
        <v>5</v>
      </c>
      <c r="L114" s="53">
        <v>0</v>
      </c>
      <c r="M114" s="54">
        <v>5</v>
      </c>
    </row>
    <row r="115" spans="1:13">
      <c r="A115" s="40" t="s">
        <v>118</v>
      </c>
      <c r="B115" s="21">
        <v>-8</v>
      </c>
      <c r="C115" s="22">
        <v>-4</v>
      </c>
      <c r="D115" s="22">
        <v>-4</v>
      </c>
      <c r="E115" s="21">
        <v>9</v>
      </c>
      <c r="F115" s="22">
        <v>5</v>
      </c>
      <c r="G115" s="23">
        <v>4</v>
      </c>
      <c r="H115" s="22">
        <v>1</v>
      </c>
      <c r="I115" s="22">
        <v>1</v>
      </c>
      <c r="J115" s="22">
        <v>0</v>
      </c>
      <c r="K115" s="21">
        <v>0</v>
      </c>
      <c r="L115" s="53">
        <v>0</v>
      </c>
      <c r="M115" s="54">
        <v>0</v>
      </c>
    </row>
    <row r="116" spans="1:13">
      <c r="A116" s="40" t="s">
        <v>119</v>
      </c>
      <c r="B116" s="21">
        <v>-6</v>
      </c>
      <c r="C116" s="22">
        <v>-5</v>
      </c>
      <c r="D116" s="22">
        <v>-1</v>
      </c>
      <c r="E116" s="21">
        <v>5</v>
      </c>
      <c r="F116" s="22">
        <v>4</v>
      </c>
      <c r="G116" s="23">
        <v>1</v>
      </c>
      <c r="H116" s="22">
        <v>0</v>
      </c>
      <c r="I116" s="22">
        <v>0</v>
      </c>
      <c r="J116" s="22">
        <v>0</v>
      </c>
      <c r="K116" s="21">
        <v>1</v>
      </c>
      <c r="L116" s="53">
        <v>1</v>
      </c>
      <c r="M116" s="54">
        <v>0</v>
      </c>
    </row>
    <row r="117" spans="1:13">
      <c r="A117" s="40" t="s">
        <v>120</v>
      </c>
      <c r="B117" s="21">
        <v>-5</v>
      </c>
      <c r="C117" s="22">
        <v>-5</v>
      </c>
      <c r="D117" s="22">
        <v>0</v>
      </c>
      <c r="E117" s="21">
        <v>6</v>
      </c>
      <c r="F117" s="22">
        <v>6</v>
      </c>
      <c r="G117" s="23">
        <v>0</v>
      </c>
      <c r="H117" s="22">
        <v>1</v>
      </c>
      <c r="I117" s="22">
        <v>1</v>
      </c>
      <c r="J117" s="22">
        <v>0</v>
      </c>
      <c r="K117" s="21">
        <v>0</v>
      </c>
      <c r="L117" s="53">
        <v>0</v>
      </c>
      <c r="M117" s="54">
        <v>0</v>
      </c>
    </row>
    <row r="118" spans="1:13">
      <c r="A118" s="40" t="s">
        <v>121</v>
      </c>
      <c r="B118" s="21">
        <v>-8</v>
      </c>
      <c r="C118" s="22">
        <v>-6</v>
      </c>
      <c r="D118" s="22">
        <v>-2</v>
      </c>
      <c r="E118" s="21">
        <v>7</v>
      </c>
      <c r="F118" s="22">
        <v>6</v>
      </c>
      <c r="G118" s="23">
        <v>1</v>
      </c>
      <c r="H118" s="22">
        <v>0</v>
      </c>
      <c r="I118" s="22">
        <v>0</v>
      </c>
      <c r="J118" s="22">
        <v>0</v>
      </c>
      <c r="K118" s="21">
        <v>1</v>
      </c>
      <c r="L118" s="53">
        <v>0</v>
      </c>
      <c r="M118" s="54">
        <v>1</v>
      </c>
    </row>
    <row r="119" spans="1:13" ht="19.5" customHeight="1">
      <c r="A119" s="34" t="s">
        <v>122</v>
      </c>
      <c r="B119" s="17">
        <v>-41</v>
      </c>
      <c r="C119" s="18">
        <v>-21</v>
      </c>
      <c r="D119" s="18">
        <v>-20</v>
      </c>
      <c r="E119" s="17">
        <v>36</v>
      </c>
      <c r="F119" s="18">
        <v>22</v>
      </c>
      <c r="G119" s="19">
        <v>14</v>
      </c>
      <c r="H119" s="18">
        <v>2</v>
      </c>
      <c r="I119" s="18">
        <v>2</v>
      </c>
      <c r="J119" s="18">
        <v>0</v>
      </c>
      <c r="K119" s="17">
        <v>7</v>
      </c>
      <c r="L119" s="51">
        <v>1</v>
      </c>
      <c r="M119" s="52">
        <v>6</v>
      </c>
    </row>
    <row r="120" spans="1:13">
      <c r="A120" s="40" t="s">
        <v>123</v>
      </c>
      <c r="B120" s="21">
        <v>-9</v>
      </c>
      <c r="C120" s="22">
        <v>-6</v>
      </c>
      <c r="D120" s="22">
        <v>-3</v>
      </c>
      <c r="E120" s="21">
        <v>7</v>
      </c>
      <c r="F120" s="22">
        <v>6</v>
      </c>
      <c r="G120" s="23">
        <v>1</v>
      </c>
      <c r="H120" s="22">
        <v>1</v>
      </c>
      <c r="I120" s="22">
        <v>1</v>
      </c>
      <c r="J120" s="22">
        <v>0</v>
      </c>
      <c r="K120" s="21">
        <v>3</v>
      </c>
      <c r="L120" s="53">
        <v>1</v>
      </c>
      <c r="M120" s="54">
        <v>2</v>
      </c>
    </row>
    <row r="121" spans="1:13">
      <c r="A121" s="40" t="s">
        <v>124</v>
      </c>
      <c r="B121" s="21">
        <v>-8</v>
      </c>
      <c r="C121" s="22">
        <v>-5</v>
      </c>
      <c r="D121" s="22">
        <v>-3</v>
      </c>
      <c r="E121" s="21">
        <v>8</v>
      </c>
      <c r="F121" s="22">
        <v>5</v>
      </c>
      <c r="G121" s="23">
        <v>3</v>
      </c>
      <c r="H121" s="22">
        <v>0</v>
      </c>
      <c r="I121" s="22">
        <v>0</v>
      </c>
      <c r="J121" s="22">
        <v>0</v>
      </c>
      <c r="K121" s="21">
        <v>0</v>
      </c>
      <c r="L121" s="53">
        <v>0</v>
      </c>
      <c r="M121" s="54">
        <v>0</v>
      </c>
    </row>
    <row r="122" spans="1:13">
      <c r="A122" s="40" t="s">
        <v>125</v>
      </c>
      <c r="B122" s="21">
        <v>-9</v>
      </c>
      <c r="C122" s="22">
        <v>-4</v>
      </c>
      <c r="D122" s="22">
        <v>-5</v>
      </c>
      <c r="E122" s="21">
        <v>7</v>
      </c>
      <c r="F122" s="22">
        <v>4</v>
      </c>
      <c r="G122" s="23">
        <v>3</v>
      </c>
      <c r="H122" s="22">
        <v>0</v>
      </c>
      <c r="I122" s="22">
        <v>0</v>
      </c>
      <c r="J122" s="22">
        <v>0</v>
      </c>
      <c r="K122" s="21">
        <v>2</v>
      </c>
      <c r="L122" s="53">
        <v>0</v>
      </c>
      <c r="M122" s="54">
        <v>2</v>
      </c>
    </row>
    <row r="123" spans="1:13">
      <c r="A123" s="40" t="s">
        <v>126</v>
      </c>
      <c r="B123" s="21">
        <v>-6</v>
      </c>
      <c r="C123" s="22">
        <v>-4</v>
      </c>
      <c r="D123" s="22">
        <v>-2</v>
      </c>
      <c r="E123" s="21">
        <v>6</v>
      </c>
      <c r="F123" s="22">
        <v>5</v>
      </c>
      <c r="G123" s="23">
        <v>1</v>
      </c>
      <c r="H123" s="22">
        <v>1</v>
      </c>
      <c r="I123" s="22">
        <v>1</v>
      </c>
      <c r="J123" s="22">
        <v>0</v>
      </c>
      <c r="K123" s="21">
        <v>1</v>
      </c>
      <c r="L123" s="53">
        <v>0</v>
      </c>
      <c r="M123" s="54">
        <v>1</v>
      </c>
    </row>
    <row r="124" spans="1:13">
      <c r="A124" s="40" t="s">
        <v>127</v>
      </c>
      <c r="B124" s="21">
        <v>-9</v>
      </c>
      <c r="C124" s="22">
        <v>-2</v>
      </c>
      <c r="D124" s="22">
        <v>-7</v>
      </c>
      <c r="E124" s="21">
        <v>8</v>
      </c>
      <c r="F124" s="22">
        <v>2</v>
      </c>
      <c r="G124" s="23">
        <v>6</v>
      </c>
      <c r="H124" s="22">
        <v>0</v>
      </c>
      <c r="I124" s="22">
        <v>0</v>
      </c>
      <c r="J124" s="22">
        <v>0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32</v>
      </c>
      <c r="C125" s="18">
        <v>-13</v>
      </c>
      <c r="D125" s="18">
        <v>-19</v>
      </c>
      <c r="E125" s="17">
        <v>30</v>
      </c>
      <c r="F125" s="18">
        <v>13</v>
      </c>
      <c r="G125" s="19">
        <v>17</v>
      </c>
      <c r="H125" s="18">
        <v>1</v>
      </c>
      <c r="I125" s="18">
        <v>0</v>
      </c>
      <c r="J125" s="18">
        <v>1</v>
      </c>
      <c r="K125" s="17">
        <v>3</v>
      </c>
      <c r="L125" s="51">
        <v>0</v>
      </c>
      <c r="M125" s="52">
        <v>3</v>
      </c>
    </row>
    <row r="126" spans="1:13">
      <c r="A126" s="40" t="s">
        <v>129</v>
      </c>
      <c r="B126" s="21">
        <v>-7</v>
      </c>
      <c r="C126" s="22">
        <v>-6</v>
      </c>
      <c r="D126" s="22">
        <v>-1</v>
      </c>
      <c r="E126" s="21">
        <v>8</v>
      </c>
      <c r="F126" s="22">
        <v>6</v>
      </c>
      <c r="G126" s="23">
        <v>2</v>
      </c>
      <c r="H126" s="22">
        <v>1</v>
      </c>
      <c r="I126" s="22">
        <v>0</v>
      </c>
      <c r="J126" s="22">
        <v>1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7</v>
      </c>
      <c r="C127" s="22">
        <v>-2</v>
      </c>
      <c r="D127" s="22">
        <v>-5</v>
      </c>
      <c r="E127" s="21">
        <v>6</v>
      </c>
      <c r="F127" s="22">
        <v>2</v>
      </c>
      <c r="G127" s="23">
        <v>4</v>
      </c>
      <c r="H127" s="22">
        <v>0</v>
      </c>
      <c r="I127" s="22">
        <v>0</v>
      </c>
      <c r="J127" s="22">
        <v>0</v>
      </c>
      <c r="K127" s="21">
        <v>1</v>
      </c>
      <c r="L127" s="53">
        <v>0</v>
      </c>
      <c r="M127" s="54">
        <v>1</v>
      </c>
    </row>
    <row r="128" spans="1:13">
      <c r="A128" s="40" t="s">
        <v>131</v>
      </c>
      <c r="B128" s="21">
        <v>-5</v>
      </c>
      <c r="C128" s="22">
        <v>-1</v>
      </c>
      <c r="D128" s="22">
        <v>-4</v>
      </c>
      <c r="E128" s="21">
        <v>5</v>
      </c>
      <c r="F128" s="22">
        <v>1</v>
      </c>
      <c r="G128" s="23">
        <v>4</v>
      </c>
      <c r="H128" s="22">
        <v>0</v>
      </c>
      <c r="I128" s="22">
        <v>0</v>
      </c>
      <c r="J128" s="22">
        <v>0</v>
      </c>
      <c r="K128" s="21">
        <v>0</v>
      </c>
      <c r="L128" s="53">
        <v>0</v>
      </c>
      <c r="M128" s="54">
        <v>0</v>
      </c>
    </row>
    <row r="129" spans="1:13">
      <c r="A129" s="40" t="s">
        <v>132</v>
      </c>
      <c r="B129" s="21">
        <v>-6</v>
      </c>
      <c r="C129" s="22">
        <v>-3</v>
      </c>
      <c r="D129" s="22">
        <v>-3</v>
      </c>
      <c r="E129" s="21">
        <v>6</v>
      </c>
      <c r="F129" s="22">
        <v>3</v>
      </c>
      <c r="G129" s="23">
        <v>3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7</v>
      </c>
      <c r="C130" s="22">
        <v>-1</v>
      </c>
      <c r="D130" s="22">
        <v>-6</v>
      </c>
      <c r="E130" s="21">
        <v>5</v>
      </c>
      <c r="F130" s="22">
        <v>1</v>
      </c>
      <c r="G130" s="23">
        <v>4</v>
      </c>
      <c r="H130" s="22">
        <v>0</v>
      </c>
      <c r="I130" s="22">
        <v>0</v>
      </c>
      <c r="J130" s="22">
        <v>0</v>
      </c>
      <c r="K130" s="21">
        <v>2</v>
      </c>
      <c r="L130" s="53">
        <v>0</v>
      </c>
      <c r="M130" s="54">
        <v>2</v>
      </c>
    </row>
    <row r="131" spans="1:13" ht="19.5" customHeight="1">
      <c r="A131" s="34" t="s">
        <v>134</v>
      </c>
      <c r="B131" s="17">
        <v>-9</v>
      </c>
      <c r="C131" s="18">
        <v>-1</v>
      </c>
      <c r="D131" s="18">
        <v>-8</v>
      </c>
      <c r="E131" s="17">
        <v>9</v>
      </c>
      <c r="F131" s="18">
        <v>1</v>
      </c>
      <c r="G131" s="19">
        <v>8</v>
      </c>
      <c r="H131" s="18">
        <v>0</v>
      </c>
      <c r="I131" s="18">
        <v>0</v>
      </c>
      <c r="J131" s="18">
        <v>0</v>
      </c>
      <c r="K131" s="17">
        <v>0</v>
      </c>
      <c r="L131" s="51">
        <v>0</v>
      </c>
      <c r="M131" s="52">
        <v>0</v>
      </c>
    </row>
    <row r="132" spans="1:13">
      <c r="A132" s="40" t="s">
        <v>135</v>
      </c>
      <c r="B132" s="21">
        <v>-2</v>
      </c>
      <c r="C132" s="22">
        <v>0</v>
      </c>
      <c r="D132" s="22">
        <v>-2</v>
      </c>
      <c r="E132" s="21">
        <v>2</v>
      </c>
      <c r="F132" s="22">
        <v>0</v>
      </c>
      <c r="G132" s="23">
        <v>2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2</v>
      </c>
      <c r="C133" s="22">
        <v>0</v>
      </c>
      <c r="D133" s="22">
        <v>-2</v>
      </c>
      <c r="E133" s="21">
        <v>2</v>
      </c>
      <c r="F133" s="22">
        <v>0</v>
      </c>
      <c r="G133" s="23">
        <v>2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4</v>
      </c>
      <c r="C134" s="22">
        <v>-1</v>
      </c>
      <c r="D134" s="22">
        <v>-3</v>
      </c>
      <c r="E134" s="21">
        <v>4</v>
      </c>
      <c r="F134" s="22">
        <v>1</v>
      </c>
      <c r="G134" s="23">
        <v>3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1</v>
      </c>
      <c r="C135" s="22">
        <v>0</v>
      </c>
      <c r="D135" s="22">
        <v>-1</v>
      </c>
      <c r="E135" s="21">
        <v>1</v>
      </c>
      <c r="F135" s="22">
        <v>0</v>
      </c>
      <c r="G135" s="23">
        <v>1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0</v>
      </c>
      <c r="C136" s="22">
        <v>0</v>
      </c>
      <c r="D136" s="22">
        <v>0</v>
      </c>
      <c r="E136" s="21">
        <v>0</v>
      </c>
      <c r="F136" s="22">
        <v>0</v>
      </c>
      <c r="G136" s="23">
        <v>0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5</v>
      </c>
      <c r="C137" s="43">
        <v>-1</v>
      </c>
      <c r="D137" s="43">
        <v>-4</v>
      </c>
      <c r="E137" s="42">
        <v>5</v>
      </c>
      <c r="F137" s="43">
        <v>1</v>
      </c>
      <c r="G137" s="44">
        <v>4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4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204</v>
      </c>
      <c r="C5" s="14">
        <v>-103</v>
      </c>
      <c r="D5" s="14">
        <v>-101</v>
      </c>
      <c r="E5" s="13">
        <v>168</v>
      </c>
      <c r="F5" s="14">
        <v>83</v>
      </c>
      <c r="G5" s="15">
        <v>85</v>
      </c>
      <c r="H5" s="14">
        <v>232</v>
      </c>
      <c r="I5" s="14">
        <v>136</v>
      </c>
      <c r="J5" s="14">
        <v>96</v>
      </c>
      <c r="K5" s="13">
        <v>305</v>
      </c>
      <c r="L5" s="49">
        <v>175</v>
      </c>
      <c r="M5" s="50">
        <v>130</v>
      </c>
    </row>
    <row r="6" spans="1:13" ht="19.5" customHeight="1">
      <c r="A6" s="16" t="s">
        <v>13</v>
      </c>
      <c r="B6" s="17">
        <v>45</v>
      </c>
      <c r="C6" s="18">
        <v>21</v>
      </c>
      <c r="D6" s="18">
        <v>24</v>
      </c>
      <c r="E6" s="17">
        <v>0</v>
      </c>
      <c r="F6" s="18">
        <v>0</v>
      </c>
      <c r="G6" s="19">
        <v>0</v>
      </c>
      <c r="H6" s="18">
        <v>18</v>
      </c>
      <c r="I6" s="18">
        <v>8</v>
      </c>
      <c r="J6" s="18">
        <v>10</v>
      </c>
      <c r="K6" s="17">
        <v>10</v>
      </c>
      <c r="L6" s="51">
        <v>6</v>
      </c>
      <c r="M6" s="52">
        <v>4</v>
      </c>
    </row>
    <row r="7" spans="1:13">
      <c r="A7" s="20" t="s">
        <v>14</v>
      </c>
      <c r="B7" s="21">
        <v>39</v>
      </c>
      <c r="C7" s="22">
        <v>21</v>
      </c>
      <c r="D7" s="22">
        <v>18</v>
      </c>
      <c r="E7" s="21">
        <v>0</v>
      </c>
      <c r="F7" s="22">
        <v>0</v>
      </c>
      <c r="G7" s="23">
        <v>0</v>
      </c>
      <c r="H7" s="22">
        <v>2</v>
      </c>
      <c r="I7" s="22">
        <v>2</v>
      </c>
      <c r="J7" s="22">
        <v>0</v>
      </c>
      <c r="K7" s="21">
        <v>0</v>
      </c>
      <c r="L7" s="53">
        <v>0</v>
      </c>
      <c r="M7" s="54">
        <v>0</v>
      </c>
    </row>
    <row r="8" spans="1:13">
      <c r="A8" s="20" t="s">
        <v>15</v>
      </c>
      <c r="B8" s="21">
        <v>-4</v>
      </c>
      <c r="C8" s="22">
        <v>-3</v>
      </c>
      <c r="D8" s="22">
        <v>-1</v>
      </c>
      <c r="E8" s="21">
        <v>0</v>
      </c>
      <c r="F8" s="22">
        <v>0</v>
      </c>
      <c r="G8" s="23">
        <v>0</v>
      </c>
      <c r="H8" s="22">
        <v>1</v>
      </c>
      <c r="I8" s="22">
        <v>0</v>
      </c>
      <c r="J8" s="22">
        <v>1</v>
      </c>
      <c r="K8" s="21">
        <v>5</v>
      </c>
      <c r="L8" s="53">
        <v>3</v>
      </c>
      <c r="M8" s="54">
        <v>2</v>
      </c>
    </row>
    <row r="9" spans="1:13">
      <c r="A9" s="20" t="s">
        <v>16</v>
      </c>
      <c r="B9" s="21">
        <v>5</v>
      </c>
      <c r="C9" s="22">
        <v>2</v>
      </c>
      <c r="D9" s="22">
        <v>3</v>
      </c>
      <c r="E9" s="21">
        <v>0</v>
      </c>
      <c r="F9" s="22">
        <v>0</v>
      </c>
      <c r="G9" s="23">
        <v>0</v>
      </c>
      <c r="H9" s="22">
        <v>7</v>
      </c>
      <c r="I9" s="22">
        <v>3</v>
      </c>
      <c r="J9" s="22">
        <v>4</v>
      </c>
      <c r="K9" s="21">
        <v>2</v>
      </c>
      <c r="L9" s="53">
        <v>1</v>
      </c>
      <c r="M9" s="54">
        <v>1</v>
      </c>
    </row>
    <row r="10" spans="1:13">
      <c r="A10" s="20" t="s">
        <v>17</v>
      </c>
      <c r="B10" s="21">
        <v>3</v>
      </c>
      <c r="C10" s="22">
        <v>0</v>
      </c>
      <c r="D10" s="22">
        <v>3</v>
      </c>
      <c r="E10" s="21">
        <v>0</v>
      </c>
      <c r="F10" s="22">
        <v>0</v>
      </c>
      <c r="G10" s="23">
        <v>0</v>
      </c>
      <c r="H10" s="22">
        <v>6</v>
      </c>
      <c r="I10" s="22">
        <v>2</v>
      </c>
      <c r="J10" s="22">
        <v>4</v>
      </c>
      <c r="K10" s="21">
        <v>3</v>
      </c>
      <c r="L10" s="53">
        <v>2</v>
      </c>
      <c r="M10" s="54">
        <v>1</v>
      </c>
    </row>
    <row r="11" spans="1:13">
      <c r="A11" s="20" t="s">
        <v>18</v>
      </c>
      <c r="B11" s="21">
        <v>2</v>
      </c>
      <c r="C11" s="22">
        <v>1</v>
      </c>
      <c r="D11" s="22">
        <v>1</v>
      </c>
      <c r="E11" s="21">
        <v>0</v>
      </c>
      <c r="F11" s="22">
        <v>0</v>
      </c>
      <c r="G11" s="23">
        <v>0</v>
      </c>
      <c r="H11" s="22">
        <v>2</v>
      </c>
      <c r="I11" s="22">
        <v>1</v>
      </c>
      <c r="J11" s="22">
        <v>1</v>
      </c>
      <c r="K11" s="21">
        <v>0</v>
      </c>
      <c r="L11" s="53">
        <v>0</v>
      </c>
      <c r="M11" s="54">
        <v>0</v>
      </c>
    </row>
    <row r="12" spans="1:13" ht="20.100000000000001" customHeight="1">
      <c r="A12" s="16" t="s">
        <v>19</v>
      </c>
      <c r="B12" s="17">
        <v>-3</v>
      </c>
      <c r="C12" s="18">
        <v>-2</v>
      </c>
      <c r="D12" s="18">
        <v>-1</v>
      </c>
      <c r="E12" s="17">
        <v>0</v>
      </c>
      <c r="F12" s="18">
        <v>0</v>
      </c>
      <c r="G12" s="19">
        <v>0</v>
      </c>
      <c r="H12" s="18">
        <v>5</v>
      </c>
      <c r="I12" s="18">
        <v>4</v>
      </c>
      <c r="J12" s="18">
        <v>1</v>
      </c>
      <c r="K12" s="17">
        <v>8</v>
      </c>
      <c r="L12" s="51">
        <v>6</v>
      </c>
      <c r="M12" s="52">
        <v>2</v>
      </c>
    </row>
    <row r="13" spans="1:13">
      <c r="A13" s="20" t="s">
        <v>20</v>
      </c>
      <c r="B13" s="21">
        <v>-1</v>
      </c>
      <c r="C13" s="22">
        <v>0</v>
      </c>
      <c r="D13" s="22">
        <v>-1</v>
      </c>
      <c r="E13" s="21">
        <v>0</v>
      </c>
      <c r="F13" s="22">
        <v>0</v>
      </c>
      <c r="G13" s="23">
        <v>0</v>
      </c>
      <c r="H13" s="22">
        <v>1</v>
      </c>
      <c r="I13" s="22">
        <v>1</v>
      </c>
      <c r="J13" s="22">
        <v>0</v>
      </c>
      <c r="K13" s="21">
        <v>2</v>
      </c>
      <c r="L13" s="53">
        <v>1</v>
      </c>
      <c r="M13" s="54">
        <v>1</v>
      </c>
    </row>
    <row r="14" spans="1:13">
      <c r="A14" s="20" t="s">
        <v>21</v>
      </c>
      <c r="B14" s="21">
        <v>-1</v>
      </c>
      <c r="C14" s="22">
        <v>0</v>
      </c>
      <c r="D14" s="22">
        <v>-1</v>
      </c>
      <c r="E14" s="21">
        <v>0</v>
      </c>
      <c r="F14" s="22">
        <v>0</v>
      </c>
      <c r="G14" s="23">
        <v>0</v>
      </c>
      <c r="H14" s="22">
        <v>2</v>
      </c>
      <c r="I14" s="22">
        <v>2</v>
      </c>
      <c r="J14" s="22">
        <v>0</v>
      </c>
      <c r="K14" s="21">
        <v>3</v>
      </c>
      <c r="L14" s="53">
        <v>2</v>
      </c>
      <c r="M14" s="54">
        <v>1</v>
      </c>
    </row>
    <row r="15" spans="1:13">
      <c r="A15" s="20" t="s">
        <v>22</v>
      </c>
      <c r="B15" s="21">
        <v>1</v>
      </c>
      <c r="C15" s="22">
        <v>0</v>
      </c>
      <c r="D15" s="22">
        <v>1</v>
      </c>
      <c r="E15" s="21">
        <v>0</v>
      </c>
      <c r="F15" s="22">
        <v>0</v>
      </c>
      <c r="G15" s="23">
        <v>0</v>
      </c>
      <c r="H15" s="22">
        <v>1</v>
      </c>
      <c r="I15" s="22">
        <v>0</v>
      </c>
      <c r="J15" s="22">
        <v>1</v>
      </c>
      <c r="K15" s="21">
        <v>0</v>
      </c>
      <c r="L15" s="53">
        <v>0</v>
      </c>
      <c r="M15" s="54">
        <v>0</v>
      </c>
    </row>
    <row r="16" spans="1:13">
      <c r="A16" s="20" t="s">
        <v>23</v>
      </c>
      <c r="B16" s="21">
        <v>-2</v>
      </c>
      <c r="C16" s="22">
        <v>-2</v>
      </c>
      <c r="D16" s="22">
        <v>0</v>
      </c>
      <c r="E16" s="21">
        <v>0</v>
      </c>
      <c r="F16" s="22">
        <v>0</v>
      </c>
      <c r="G16" s="23">
        <v>0</v>
      </c>
      <c r="H16" s="22">
        <v>1</v>
      </c>
      <c r="I16" s="22">
        <v>1</v>
      </c>
      <c r="J16" s="22">
        <v>0</v>
      </c>
      <c r="K16" s="21">
        <v>3</v>
      </c>
      <c r="L16" s="53">
        <v>3</v>
      </c>
      <c r="M16" s="54">
        <v>0</v>
      </c>
    </row>
    <row r="17" spans="1:13">
      <c r="A17" s="20" t="s">
        <v>24</v>
      </c>
      <c r="B17" s="21">
        <v>0</v>
      </c>
      <c r="C17" s="22">
        <v>0</v>
      </c>
      <c r="D17" s="22">
        <v>0</v>
      </c>
      <c r="E17" s="21">
        <v>0</v>
      </c>
      <c r="F17" s="22">
        <v>0</v>
      </c>
      <c r="G17" s="23">
        <v>0</v>
      </c>
      <c r="H17" s="22">
        <v>0</v>
      </c>
      <c r="I17" s="22">
        <v>0</v>
      </c>
      <c r="J17" s="22">
        <v>0</v>
      </c>
      <c r="K17" s="21">
        <v>0</v>
      </c>
      <c r="L17" s="53">
        <v>0</v>
      </c>
      <c r="M17" s="54">
        <v>0</v>
      </c>
    </row>
    <row r="18" spans="1:13" ht="20.100000000000001" customHeight="1">
      <c r="A18" s="16" t="s">
        <v>25</v>
      </c>
      <c r="B18" s="17">
        <v>-1</v>
      </c>
      <c r="C18" s="18">
        <v>0</v>
      </c>
      <c r="D18" s="18">
        <v>-1</v>
      </c>
      <c r="E18" s="17">
        <v>0</v>
      </c>
      <c r="F18" s="18">
        <v>0</v>
      </c>
      <c r="G18" s="19">
        <v>0</v>
      </c>
      <c r="H18" s="18">
        <v>1</v>
      </c>
      <c r="I18" s="18">
        <v>1</v>
      </c>
      <c r="J18" s="18">
        <v>0</v>
      </c>
      <c r="K18" s="17">
        <v>2</v>
      </c>
      <c r="L18" s="51">
        <v>1</v>
      </c>
      <c r="M18" s="52">
        <v>1</v>
      </c>
    </row>
    <row r="19" spans="1:13">
      <c r="A19" s="20" t="s">
        <v>26</v>
      </c>
      <c r="B19" s="21">
        <v>-1</v>
      </c>
      <c r="C19" s="22">
        <v>0</v>
      </c>
      <c r="D19" s="22">
        <v>-1</v>
      </c>
      <c r="E19" s="21">
        <v>0</v>
      </c>
      <c r="F19" s="22">
        <v>0</v>
      </c>
      <c r="G19" s="23">
        <v>0</v>
      </c>
      <c r="H19" s="22">
        <v>0</v>
      </c>
      <c r="I19" s="22">
        <v>0</v>
      </c>
      <c r="J19" s="22">
        <v>0</v>
      </c>
      <c r="K19" s="21">
        <v>1</v>
      </c>
      <c r="L19" s="53">
        <v>0</v>
      </c>
      <c r="M19" s="54">
        <v>1</v>
      </c>
    </row>
    <row r="20" spans="1:13">
      <c r="A20" s="20" t="s">
        <v>27</v>
      </c>
      <c r="B20" s="21">
        <v>0</v>
      </c>
      <c r="C20" s="22">
        <v>0</v>
      </c>
      <c r="D20" s="22">
        <v>0</v>
      </c>
      <c r="E20" s="21">
        <v>0</v>
      </c>
      <c r="F20" s="22">
        <v>0</v>
      </c>
      <c r="G20" s="23">
        <v>0</v>
      </c>
      <c r="H20" s="22">
        <v>0</v>
      </c>
      <c r="I20" s="22">
        <v>0</v>
      </c>
      <c r="J20" s="22">
        <v>0</v>
      </c>
      <c r="K20" s="21">
        <v>0</v>
      </c>
      <c r="L20" s="53">
        <v>0</v>
      </c>
      <c r="M20" s="54">
        <v>0</v>
      </c>
    </row>
    <row r="21" spans="1:13">
      <c r="A21" s="20" t="s">
        <v>28</v>
      </c>
      <c r="B21" s="21">
        <v>0</v>
      </c>
      <c r="C21" s="22">
        <v>0</v>
      </c>
      <c r="D21" s="22">
        <v>0</v>
      </c>
      <c r="E21" s="21">
        <v>0</v>
      </c>
      <c r="F21" s="22">
        <v>0</v>
      </c>
      <c r="G21" s="23">
        <v>0</v>
      </c>
      <c r="H21" s="22">
        <v>0</v>
      </c>
      <c r="I21" s="22">
        <v>0</v>
      </c>
      <c r="J21" s="22">
        <v>0</v>
      </c>
      <c r="K21" s="21">
        <v>0</v>
      </c>
      <c r="L21" s="53">
        <v>0</v>
      </c>
      <c r="M21" s="54">
        <v>0</v>
      </c>
    </row>
    <row r="22" spans="1:13">
      <c r="A22" s="20" t="s">
        <v>29</v>
      </c>
      <c r="B22" s="21">
        <v>-1</v>
      </c>
      <c r="C22" s="22">
        <v>-1</v>
      </c>
      <c r="D22" s="22">
        <v>0</v>
      </c>
      <c r="E22" s="21">
        <v>0</v>
      </c>
      <c r="F22" s="22">
        <v>0</v>
      </c>
      <c r="G22" s="23">
        <v>0</v>
      </c>
      <c r="H22" s="22">
        <v>0</v>
      </c>
      <c r="I22" s="22">
        <v>0</v>
      </c>
      <c r="J22" s="22">
        <v>0</v>
      </c>
      <c r="K22" s="21">
        <v>1</v>
      </c>
      <c r="L22" s="53">
        <v>1</v>
      </c>
      <c r="M22" s="54">
        <v>0</v>
      </c>
    </row>
    <row r="23" spans="1:13">
      <c r="A23" s="20" t="s">
        <v>30</v>
      </c>
      <c r="B23" s="21">
        <v>1</v>
      </c>
      <c r="C23" s="22">
        <v>1</v>
      </c>
      <c r="D23" s="22">
        <v>0</v>
      </c>
      <c r="E23" s="21">
        <v>0</v>
      </c>
      <c r="F23" s="22">
        <v>0</v>
      </c>
      <c r="G23" s="23">
        <v>0</v>
      </c>
      <c r="H23" s="22">
        <v>1</v>
      </c>
      <c r="I23" s="22">
        <v>1</v>
      </c>
      <c r="J23" s="22">
        <v>0</v>
      </c>
      <c r="K23" s="21">
        <v>0</v>
      </c>
      <c r="L23" s="53">
        <v>0</v>
      </c>
      <c r="M23" s="54">
        <v>0</v>
      </c>
    </row>
    <row r="24" spans="1:13" ht="20.100000000000001" customHeight="1">
      <c r="A24" s="16" t="s">
        <v>31</v>
      </c>
      <c r="B24" s="17">
        <v>-4</v>
      </c>
      <c r="C24" s="18">
        <v>-5</v>
      </c>
      <c r="D24" s="18">
        <v>1</v>
      </c>
      <c r="E24" s="17">
        <v>0</v>
      </c>
      <c r="F24" s="18">
        <v>0</v>
      </c>
      <c r="G24" s="19">
        <v>0</v>
      </c>
      <c r="H24" s="18">
        <v>6</v>
      </c>
      <c r="I24" s="18">
        <v>2</v>
      </c>
      <c r="J24" s="18">
        <v>4</v>
      </c>
      <c r="K24" s="17">
        <v>10</v>
      </c>
      <c r="L24" s="51">
        <v>7</v>
      </c>
      <c r="M24" s="52">
        <v>3</v>
      </c>
    </row>
    <row r="25" spans="1:13">
      <c r="A25" s="20" t="s">
        <v>32</v>
      </c>
      <c r="B25" s="21">
        <v>0</v>
      </c>
      <c r="C25" s="22">
        <v>0</v>
      </c>
      <c r="D25" s="22">
        <v>0</v>
      </c>
      <c r="E25" s="21">
        <v>0</v>
      </c>
      <c r="F25" s="22">
        <v>0</v>
      </c>
      <c r="G25" s="23">
        <v>0</v>
      </c>
      <c r="H25" s="22">
        <v>0</v>
      </c>
      <c r="I25" s="22">
        <v>0</v>
      </c>
      <c r="J25" s="22">
        <v>0</v>
      </c>
      <c r="K25" s="21">
        <v>0</v>
      </c>
      <c r="L25" s="53">
        <v>0</v>
      </c>
      <c r="M25" s="54">
        <v>0</v>
      </c>
    </row>
    <row r="26" spans="1:13">
      <c r="A26" s="20" t="s">
        <v>33</v>
      </c>
      <c r="B26" s="21">
        <v>1</v>
      </c>
      <c r="C26" s="22">
        <v>0</v>
      </c>
      <c r="D26" s="22">
        <v>1</v>
      </c>
      <c r="E26" s="21">
        <v>0</v>
      </c>
      <c r="F26" s="22">
        <v>0</v>
      </c>
      <c r="G26" s="23">
        <v>0</v>
      </c>
      <c r="H26" s="22">
        <v>2</v>
      </c>
      <c r="I26" s="22">
        <v>0</v>
      </c>
      <c r="J26" s="22">
        <v>2</v>
      </c>
      <c r="K26" s="21">
        <v>1</v>
      </c>
      <c r="L26" s="53">
        <v>0</v>
      </c>
      <c r="M26" s="54">
        <v>1</v>
      </c>
    </row>
    <row r="27" spans="1:13">
      <c r="A27" s="20" t="s">
        <v>34</v>
      </c>
      <c r="B27" s="21">
        <v>0</v>
      </c>
      <c r="C27" s="22">
        <v>0</v>
      </c>
      <c r="D27" s="22">
        <v>0</v>
      </c>
      <c r="E27" s="21">
        <v>0</v>
      </c>
      <c r="F27" s="22">
        <v>0</v>
      </c>
      <c r="G27" s="23">
        <v>0</v>
      </c>
      <c r="H27" s="22">
        <v>1</v>
      </c>
      <c r="I27" s="22">
        <v>0</v>
      </c>
      <c r="J27" s="22">
        <v>1</v>
      </c>
      <c r="K27" s="21">
        <v>1</v>
      </c>
      <c r="L27" s="53">
        <v>0</v>
      </c>
      <c r="M27" s="54">
        <v>1</v>
      </c>
    </row>
    <row r="28" spans="1:13">
      <c r="A28" s="20" t="s">
        <v>35</v>
      </c>
      <c r="B28" s="21">
        <v>-3</v>
      </c>
      <c r="C28" s="22">
        <v>-2</v>
      </c>
      <c r="D28" s="22">
        <v>-1</v>
      </c>
      <c r="E28" s="21">
        <v>0</v>
      </c>
      <c r="F28" s="22">
        <v>0</v>
      </c>
      <c r="G28" s="23">
        <v>0</v>
      </c>
      <c r="H28" s="22">
        <v>0</v>
      </c>
      <c r="I28" s="22">
        <v>0</v>
      </c>
      <c r="J28" s="22">
        <v>0</v>
      </c>
      <c r="K28" s="21">
        <v>3</v>
      </c>
      <c r="L28" s="53">
        <v>2</v>
      </c>
      <c r="M28" s="54">
        <v>1</v>
      </c>
    </row>
    <row r="29" spans="1:13">
      <c r="A29" s="20" t="s">
        <v>36</v>
      </c>
      <c r="B29" s="21">
        <v>-2</v>
      </c>
      <c r="C29" s="22">
        <v>-3</v>
      </c>
      <c r="D29" s="22">
        <v>1</v>
      </c>
      <c r="E29" s="21">
        <v>0</v>
      </c>
      <c r="F29" s="22">
        <v>0</v>
      </c>
      <c r="G29" s="23">
        <v>0</v>
      </c>
      <c r="H29" s="22">
        <v>3</v>
      </c>
      <c r="I29" s="22">
        <v>2</v>
      </c>
      <c r="J29" s="22">
        <v>1</v>
      </c>
      <c r="K29" s="21">
        <v>5</v>
      </c>
      <c r="L29" s="53">
        <v>5</v>
      </c>
      <c r="M29" s="54">
        <v>0</v>
      </c>
    </row>
    <row r="30" spans="1:13" ht="20.100000000000001" customHeight="1">
      <c r="A30" s="16" t="s">
        <v>37</v>
      </c>
      <c r="B30" s="17">
        <v>-29</v>
      </c>
      <c r="C30" s="18">
        <v>-16</v>
      </c>
      <c r="D30" s="18">
        <v>-13</v>
      </c>
      <c r="E30" s="17">
        <v>0</v>
      </c>
      <c r="F30" s="18">
        <v>0</v>
      </c>
      <c r="G30" s="19">
        <v>0</v>
      </c>
      <c r="H30" s="18">
        <v>29</v>
      </c>
      <c r="I30" s="18">
        <v>19</v>
      </c>
      <c r="J30" s="18">
        <v>10</v>
      </c>
      <c r="K30" s="17">
        <v>58</v>
      </c>
      <c r="L30" s="51">
        <v>35</v>
      </c>
      <c r="M30" s="52">
        <v>23</v>
      </c>
    </row>
    <row r="31" spans="1:13">
      <c r="A31" s="20" t="s">
        <v>38</v>
      </c>
      <c r="B31" s="21">
        <v>-5</v>
      </c>
      <c r="C31" s="22">
        <v>-2</v>
      </c>
      <c r="D31" s="22">
        <v>-3</v>
      </c>
      <c r="E31" s="21">
        <v>0</v>
      </c>
      <c r="F31" s="22">
        <v>0</v>
      </c>
      <c r="G31" s="23">
        <v>0</v>
      </c>
      <c r="H31" s="22">
        <v>1</v>
      </c>
      <c r="I31" s="22">
        <v>1</v>
      </c>
      <c r="J31" s="22">
        <v>0</v>
      </c>
      <c r="K31" s="21">
        <v>6</v>
      </c>
      <c r="L31" s="53">
        <v>3</v>
      </c>
      <c r="M31" s="54">
        <v>3</v>
      </c>
    </row>
    <row r="32" spans="1:13">
      <c r="A32" s="20" t="s">
        <v>39</v>
      </c>
      <c r="B32" s="21">
        <v>-1</v>
      </c>
      <c r="C32" s="22">
        <v>0</v>
      </c>
      <c r="D32" s="22">
        <v>-1</v>
      </c>
      <c r="E32" s="21">
        <v>0</v>
      </c>
      <c r="F32" s="22">
        <v>0</v>
      </c>
      <c r="G32" s="23">
        <v>0</v>
      </c>
      <c r="H32" s="22">
        <v>7</v>
      </c>
      <c r="I32" s="22">
        <v>5</v>
      </c>
      <c r="J32" s="22">
        <v>2</v>
      </c>
      <c r="K32" s="21">
        <v>8</v>
      </c>
      <c r="L32" s="53">
        <v>5</v>
      </c>
      <c r="M32" s="54">
        <v>3</v>
      </c>
    </row>
    <row r="33" spans="1:13">
      <c r="A33" s="20" t="s">
        <v>40</v>
      </c>
      <c r="B33" s="21">
        <v>-8</v>
      </c>
      <c r="C33" s="22">
        <v>-6</v>
      </c>
      <c r="D33" s="22">
        <v>-2</v>
      </c>
      <c r="E33" s="21">
        <v>0</v>
      </c>
      <c r="F33" s="22">
        <v>0</v>
      </c>
      <c r="G33" s="23">
        <v>0</v>
      </c>
      <c r="H33" s="22">
        <v>6</v>
      </c>
      <c r="I33" s="22">
        <v>3</v>
      </c>
      <c r="J33" s="22">
        <v>3</v>
      </c>
      <c r="K33" s="21">
        <v>14</v>
      </c>
      <c r="L33" s="53">
        <v>9</v>
      </c>
      <c r="M33" s="54">
        <v>5</v>
      </c>
    </row>
    <row r="34" spans="1:13">
      <c r="A34" s="20" t="s">
        <v>41</v>
      </c>
      <c r="B34" s="21">
        <v>-5</v>
      </c>
      <c r="C34" s="22">
        <v>0</v>
      </c>
      <c r="D34" s="22">
        <v>-5</v>
      </c>
      <c r="E34" s="21">
        <v>0</v>
      </c>
      <c r="F34" s="22">
        <v>0</v>
      </c>
      <c r="G34" s="23">
        <v>0</v>
      </c>
      <c r="H34" s="22">
        <v>7</v>
      </c>
      <c r="I34" s="22">
        <v>6</v>
      </c>
      <c r="J34" s="22">
        <v>1</v>
      </c>
      <c r="K34" s="21">
        <v>12</v>
      </c>
      <c r="L34" s="53">
        <v>6</v>
      </c>
      <c r="M34" s="54">
        <v>6</v>
      </c>
    </row>
    <row r="35" spans="1:13">
      <c r="A35" s="20" t="s">
        <v>42</v>
      </c>
      <c r="B35" s="21">
        <v>-10</v>
      </c>
      <c r="C35" s="22">
        <v>-8</v>
      </c>
      <c r="D35" s="22">
        <v>-2</v>
      </c>
      <c r="E35" s="21">
        <v>0</v>
      </c>
      <c r="F35" s="22">
        <v>0</v>
      </c>
      <c r="G35" s="23">
        <v>0</v>
      </c>
      <c r="H35" s="22">
        <v>8</v>
      </c>
      <c r="I35" s="22">
        <v>4</v>
      </c>
      <c r="J35" s="22">
        <v>4</v>
      </c>
      <c r="K35" s="21">
        <v>18</v>
      </c>
      <c r="L35" s="53">
        <v>12</v>
      </c>
      <c r="M35" s="54">
        <v>6</v>
      </c>
    </row>
    <row r="36" spans="1:13" ht="20.100000000000001" customHeight="1">
      <c r="A36" s="16" t="s">
        <v>43</v>
      </c>
      <c r="B36" s="17">
        <v>-32</v>
      </c>
      <c r="C36" s="18">
        <v>-22</v>
      </c>
      <c r="D36" s="18">
        <v>-10</v>
      </c>
      <c r="E36" s="17">
        <v>0</v>
      </c>
      <c r="F36" s="18">
        <v>0</v>
      </c>
      <c r="G36" s="19">
        <v>0</v>
      </c>
      <c r="H36" s="18">
        <v>34</v>
      </c>
      <c r="I36" s="18">
        <v>18</v>
      </c>
      <c r="J36" s="18">
        <v>16</v>
      </c>
      <c r="K36" s="17">
        <v>66</v>
      </c>
      <c r="L36" s="51">
        <v>40</v>
      </c>
      <c r="M36" s="52">
        <v>26</v>
      </c>
    </row>
    <row r="37" spans="1:13">
      <c r="A37" s="20" t="s">
        <v>44</v>
      </c>
      <c r="B37" s="21">
        <v>-11</v>
      </c>
      <c r="C37" s="22">
        <v>-10</v>
      </c>
      <c r="D37" s="22">
        <v>-1</v>
      </c>
      <c r="E37" s="21">
        <v>0</v>
      </c>
      <c r="F37" s="22">
        <v>0</v>
      </c>
      <c r="G37" s="23">
        <v>0</v>
      </c>
      <c r="H37" s="22">
        <v>6</v>
      </c>
      <c r="I37" s="22">
        <v>2</v>
      </c>
      <c r="J37" s="22">
        <v>4</v>
      </c>
      <c r="K37" s="21">
        <v>17</v>
      </c>
      <c r="L37" s="53">
        <v>12</v>
      </c>
      <c r="M37" s="54">
        <v>5</v>
      </c>
    </row>
    <row r="38" spans="1:13">
      <c r="A38" s="20" t="s">
        <v>45</v>
      </c>
      <c r="B38" s="21">
        <v>-11</v>
      </c>
      <c r="C38" s="22">
        <v>-5</v>
      </c>
      <c r="D38" s="22">
        <v>-6</v>
      </c>
      <c r="E38" s="21">
        <v>0</v>
      </c>
      <c r="F38" s="22">
        <v>0</v>
      </c>
      <c r="G38" s="23">
        <v>0</v>
      </c>
      <c r="H38" s="22">
        <v>8</v>
      </c>
      <c r="I38" s="22">
        <v>4</v>
      </c>
      <c r="J38" s="22">
        <v>4</v>
      </c>
      <c r="K38" s="21">
        <v>19</v>
      </c>
      <c r="L38" s="53">
        <v>9</v>
      </c>
      <c r="M38" s="54">
        <v>10</v>
      </c>
    </row>
    <row r="39" spans="1:13">
      <c r="A39" s="20" t="s">
        <v>46</v>
      </c>
      <c r="B39" s="21">
        <v>-7</v>
      </c>
      <c r="C39" s="22">
        <v>-5</v>
      </c>
      <c r="D39" s="22">
        <v>-2</v>
      </c>
      <c r="E39" s="21">
        <v>0</v>
      </c>
      <c r="F39" s="22">
        <v>0</v>
      </c>
      <c r="G39" s="23">
        <v>0</v>
      </c>
      <c r="H39" s="22">
        <v>5</v>
      </c>
      <c r="I39" s="22">
        <v>3</v>
      </c>
      <c r="J39" s="22">
        <v>2</v>
      </c>
      <c r="K39" s="21">
        <v>12</v>
      </c>
      <c r="L39" s="53">
        <v>8</v>
      </c>
      <c r="M39" s="54">
        <v>4</v>
      </c>
    </row>
    <row r="40" spans="1:13">
      <c r="A40" s="20" t="s">
        <v>47</v>
      </c>
      <c r="B40" s="21">
        <v>-3</v>
      </c>
      <c r="C40" s="22">
        <v>-1</v>
      </c>
      <c r="D40" s="22">
        <v>-2</v>
      </c>
      <c r="E40" s="21">
        <v>0</v>
      </c>
      <c r="F40" s="22">
        <v>0</v>
      </c>
      <c r="G40" s="23">
        <v>0</v>
      </c>
      <c r="H40" s="22">
        <v>6</v>
      </c>
      <c r="I40" s="22">
        <v>3</v>
      </c>
      <c r="J40" s="22">
        <v>3</v>
      </c>
      <c r="K40" s="21">
        <v>9</v>
      </c>
      <c r="L40" s="53">
        <v>4</v>
      </c>
      <c r="M40" s="54">
        <v>5</v>
      </c>
    </row>
    <row r="41" spans="1:13">
      <c r="A41" s="20" t="s">
        <v>48</v>
      </c>
      <c r="B41" s="21">
        <v>0</v>
      </c>
      <c r="C41" s="22">
        <v>-1</v>
      </c>
      <c r="D41" s="22">
        <v>1</v>
      </c>
      <c r="E41" s="21">
        <v>0</v>
      </c>
      <c r="F41" s="22">
        <v>0</v>
      </c>
      <c r="G41" s="23">
        <v>0</v>
      </c>
      <c r="H41" s="22">
        <v>9</v>
      </c>
      <c r="I41" s="22">
        <v>6</v>
      </c>
      <c r="J41" s="22">
        <v>3</v>
      </c>
      <c r="K41" s="21">
        <v>9</v>
      </c>
      <c r="L41" s="53">
        <v>7</v>
      </c>
      <c r="M41" s="54">
        <v>2</v>
      </c>
    </row>
    <row r="42" spans="1:13" ht="20.100000000000001" customHeight="1">
      <c r="A42" s="16" t="s">
        <v>49</v>
      </c>
      <c r="B42" s="17">
        <v>-13</v>
      </c>
      <c r="C42" s="18">
        <v>-5</v>
      </c>
      <c r="D42" s="18">
        <v>-8</v>
      </c>
      <c r="E42" s="17">
        <v>0</v>
      </c>
      <c r="F42" s="18">
        <v>0</v>
      </c>
      <c r="G42" s="19">
        <v>0</v>
      </c>
      <c r="H42" s="18">
        <v>31</v>
      </c>
      <c r="I42" s="18">
        <v>16</v>
      </c>
      <c r="J42" s="18">
        <v>15</v>
      </c>
      <c r="K42" s="17">
        <v>44</v>
      </c>
      <c r="L42" s="51">
        <v>21</v>
      </c>
      <c r="M42" s="52">
        <v>23</v>
      </c>
    </row>
    <row r="43" spans="1:13">
      <c r="A43" s="20" t="s">
        <v>50</v>
      </c>
      <c r="B43" s="21">
        <v>-8</v>
      </c>
      <c r="C43" s="22">
        <v>-3</v>
      </c>
      <c r="D43" s="22">
        <v>-5</v>
      </c>
      <c r="E43" s="21">
        <v>0</v>
      </c>
      <c r="F43" s="22">
        <v>0</v>
      </c>
      <c r="G43" s="23">
        <v>0</v>
      </c>
      <c r="H43" s="22">
        <v>8</v>
      </c>
      <c r="I43" s="22">
        <v>4</v>
      </c>
      <c r="J43" s="22">
        <v>4</v>
      </c>
      <c r="K43" s="21">
        <v>16</v>
      </c>
      <c r="L43" s="53">
        <v>7</v>
      </c>
      <c r="M43" s="54">
        <v>9</v>
      </c>
    </row>
    <row r="44" spans="1:13">
      <c r="A44" s="20" t="s">
        <v>51</v>
      </c>
      <c r="B44" s="21">
        <v>-3</v>
      </c>
      <c r="C44" s="22">
        <v>-2</v>
      </c>
      <c r="D44" s="22">
        <v>-1</v>
      </c>
      <c r="E44" s="21">
        <v>0</v>
      </c>
      <c r="F44" s="22">
        <v>0</v>
      </c>
      <c r="G44" s="23">
        <v>0</v>
      </c>
      <c r="H44" s="22">
        <v>7</v>
      </c>
      <c r="I44" s="22">
        <v>4</v>
      </c>
      <c r="J44" s="22">
        <v>3</v>
      </c>
      <c r="K44" s="21">
        <v>10</v>
      </c>
      <c r="L44" s="53">
        <v>6</v>
      </c>
      <c r="M44" s="54">
        <v>4</v>
      </c>
    </row>
    <row r="45" spans="1:13">
      <c r="A45" s="20" t="s">
        <v>52</v>
      </c>
      <c r="B45" s="21">
        <v>-4</v>
      </c>
      <c r="C45" s="22">
        <v>-2</v>
      </c>
      <c r="D45" s="22">
        <v>-2</v>
      </c>
      <c r="E45" s="21">
        <v>0</v>
      </c>
      <c r="F45" s="22">
        <v>0</v>
      </c>
      <c r="G45" s="23">
        <v>0</v>
      </c>
      <c r="H45" s="22">
        <v>6</v>
      </c>
      <c r="I45" s="22">
        <v>3</v>
      </c>
      <c r="J45" s="22">
        <v>3</v>
      </c>
      <c r="K45" s="21">
        <v>10</v>
      </c>
      <c r="L45" s="53">
        <v>5</v>
      </c>
      <c r="M45" s="54">
        <v>5</v>
      </c>
    </row>
    <row r="46" spans="1:13">
      <c r="A46" s="20" t="s">
        <v>53</v>
      </c>
      <c r="B46" s="21">
        <v>6</v>
      </c>
      <c r="C46" s="22">
        <v>2</v>
      </c>
      <c r="D46" s="22">
        <v>4</v>
      </c>
      <c r="E46" s="21">
        <v>0</v>
      </c>
      <c r="F46" s="22">
        <v>0</v>
      </c>
      <c r="G46" s="23">
        <v>0</v>
      </c>
      <c r="H46" s="22">
        <v>9</v>
      </c>
      <c r="I46" s="22">
        <v>4</v>
      </c>
      <c r="J46" s="22">
        <v>5</v>
      </c>
      <c r="K46" s="21">
        <v>3</v>
      </c>
      <c r="L46" s="53">
        <v>2</v>
      </c>
      <c r="M46" s="54">
        <v>1</v>
      </c>
    </row>
    <row r="47" spans="1:13">
      <c r="A47" s="20" t="s">
        <v>54</v>
      </c>
      <c r="B47" s="21">
        <v>-4</v>
      </c>
      <c r="C47" s="22">
        <v>0</v>
      </c>
      <c r="D47" s="22">
        <v>-4</v>
      </c>
      <c r="E47" s="21">
        <v>0</v>
      </c>
      <c r="F47" s="22">
        <v>0</v>
      </c>
      <c r="G47" s="23">
        <v>0</v>
      </c>
      <c r="H47" s="22">
        <v>1</v>
      </c>
      <c r="I47" s="22">
        <v>1</v>
      </c>
      <c r="J47" s="22">
        <v>0</v>
      </c>
      <c r="K47" s="21">
        <v>5</v>
      </c>
      <c r="L47" s="53">
        <v>1</v>
      </c>
      <c r="M47" s="54">
        <v>4</v>
      </c>
    </row>
    <row r="48" spans="1:13" ht="20.100000000000001" customHeight="1">
      <c r="A48" s="16" t="s">
        <v>55</v>
      </c>
      <c r="B48" s="17">
        <v>-1</v>
      </c>
      <c r="C48" s="18">
        <v>0</v>
      </c>
      <c r="D48" s="18">
        <v>-1</v>
      </c>
      <c r="E48" s="17">
        <v>0</v>
      </c>
      <c r="F48" s="18">
        <v>0</v>
      </c>
      <c r="G48" s="19">
        <v>0</v>
      </c>
      <c r="H48" s="18">
        <v>26</v>
      </c>
      <c r="I48" s="18">
        <v>14</v>
      </c>
      <c r="J48" s="18">
        <v>12</v>
      </c>
      <c r="K48" s="17">
        <v>27</v>
      </c>
      <c r="L48" s="51">
        <v>14</v>
      </c>
      <c r="M48" s="52">
        <v>13</v>
      </c>
    </row>
    <row r="49" spans="1:13">
      <c r="A49" s="20" t="s">
        <v>56</v>
      </c>
      <c r="B49" s="21">
        <v>3</v>
      </c>
      <c r="C49" s="22">
        <v>0</v>
      </c>
      <c r="D49" s="22">
        <v>3</v>
      </c>
      <c r="E49" s="21">
        <v>0</v>
      </c>
      <c r="F49" s="22">
        <v>0</v>
      </c>
      <c r="G49" s="23">
        <v>0</v>
      </c>
      <c r="H49" s="22">
        <v>8</v>
      </c>
      <c r="I49" s="22">
        <v>3</v>
      </c>
      <c r="J49" s="22">
        <v>5</v>
      </c>
      <c r="K49" s="21">
        <v>5</v>
      </c>
      <c r="L49" s="53">
        <v>3</v>
      </c>
      <c r="M49" s="54">
        <v>2</v>
      </c>
    </row>
    <row r="50" spans="1:13">
      <c r="A50" s="20" t="s">
        <v>57</v>
      </c>
      <c r="B50" s="21">
        <v>-6</v>
      </c>
      <c r="C50" s="22">
        <v>-1</v>
      </c>
      <c r="D50" s="22">
        <v>-5</v>
      </c>
      <c r="E50" s="21">
        <v>0</v>
      </c>
      <c r="F50" s="22">
        <v>0</v>
      </c>
      <c r="G50" s="23">
        <v>0</v>
      </c>
      <c r="H50" s="22">
        <v>2</v>
      </c>
      <c r="I50" s="22">
        <v>2</v>
      </c>
      <c r="J50" s="22">
        <v>0</v>
      </c>
      <c r="K50" s="21">
        <v>8</v>
      </c>
      <c r="L50" s="53">
        <v>3</v>
      </c>
      <c r="M50" s="54">
        <v>5</v>
      </c>
    </row>
    <row r="51" spans="1:13">
      <c r="A51" s="20" t="s">
        <v>58</v>
      </c>
      <c r="B51" s="21">
        <v>-1</v>
      </c>
      <c r="C51" s="22">
        <v>-1</v>
      </c>
      <c r="D51" s="22">
        <v>0</v>
      </c>
      <c r="E51" s="21">
        <v>0</v>
      </c>
      <c r="F51" s="22">
        <v>0</v>
      </c>
      <c r="G51" s="23">
        <v>0</v>
      </c>
      <c r="H51" s="22">
        <v>6</v>
      </c>
      <c r="I51" s="22">
        <v>4</v>
      </c>
      <c r="J51" s="22">
        <v>2</v>
      </c>
      <c r="K51" s="21">
        <v>7</v>
      </c>
      <c r="L51" s="53">
        <v>5</v>
      </c>
      <c r="M51" s="54">
        <v>2</v>
      </c>
    </row>
    <row r="52" spans="1:13">
      <c r="A52" s="20" t="s">
        <v>59</v>
      </c>
      <c r="B52" s="21">
        <v>-3</v>
      </c>
      <c r="C52" s="22">
        <v>-1</v>
      </c>
      <c r="D52" s="22">
        <v>-2</v>
      </c>
      <c r="E52" s="21">
        <v>0</v>
      </c>
      <c r="F52" s="22">
        <v>0</v>
      </c>
      <c r="G52" s="23">
        <v>0</v>
      </c>
      <c r="H52" s="22">
        <v>2</v>
      </c>
      <c r="I52" s="22">
        <v>1</v>
      </c>
      <c r="J52" s="22">
        <v>1</v>
      </c>
      <c r="K52" s="21">
        <v>5</v>
      </c>
      <c r="L52" s="53">
        <v>2</v>
      </c>
      <c r="M52" s="54">
        <v>3</v>
      </c>
    </row>
    <row r="53" spans="1:13">
      <c r="A53" s="20" t="s">
        <v>60</v>
      </c>
      <c r="B53" s="21">
        <v>6</v>
      </c>
      <c r="C53" s="22">
        <v>3</v>
      </c>
      <c r="D53" s="22">
        <v>3</v>
      </c>
      <c r="E53" s="21">
        <v>0</v>
      </c>
      <c r="F53" s="22">
        <v>0</v>
      </c>
      <c r="G53" s="23">
        <v>0</v>
      </c>
      <c r="H53" s="22">
        <v>8</v>
      </c>
      <c r="I53" s="22">
        <v>4</v>
      </c>
      <c r="J53" s="22">
        <v>4</v>
      </c>
      <c r="K53" s="21">
        <v>2</v>
      </c>
      <c r="L53" s="53">
        <v>1</v>
      </c>
      <c r="M53" s="54">
        <v>1</v>
      </c>
    </row>
    <row r="54" spans="1:13" ht="20.100000000000001" customHeight="1">
      <c r="A54" s="16" t="s">
        <v>61</v>
      </c>
      <c r="B54" s="17">
        <v>7</v>
      </c>
      <c r="C54" s="18">
        <v>5</v>
      </c>
      <c r="D54" s="18">
        <v>2</v>
      </c>
      <c r="E54" s="17">
        <v>0</v>
      </c>
      <c r="F54" s="18">
        <v>0</v>
      </c>
      <c r="G54" s="19">
        <v>0</v>
      </c>
      <c r="H54" s="18">
        <v>19</v>
      </c>
      <c r="I54" s="18">
        <v>13</v>
      </c>
      <c r="J54" s="18">
        <v>6</v>
      </c>
      <c r="K54" s="17">
        <v>12</v>
      </c>
      <c r="L54" s="51">
        <v>8</v>
      </c>
      <c r="M54" s="52">
        <v>4</v>
      </c>
    </row>
    <row r="55" spans="1:13">
      <c r="A55" s="20" t="s">
        <v>62</v>
      </c>
      <c r="B55" s="21">
        <v>4</v>
      </c>
      <c r="C55" s="22">
        <v>3</v>
      </c>
      <c r="D55" s="22">
        <v>1</v>
      </c>
      <c r="E55" s="21">
        <v>0</v>
      </c>
      <c r="F55" s="22">
        <v>0</v>
      </c>
      <c r="G55" s="23">
        <v>0</v>
      </c>
      <c r="H55" s="22">
        <v>5</v>
      </c>
      <c r="I55" s="22">
        <v>3</v>
      </c>
      <c r="J55" s="22">
        <v>2</v>
      </c>
      <c r="K55" s="21">
        <v>1</v>
      </c>
      <c r="L55" s="53">
        <v>0</v>
      </c>
      <c r="M55" s="54">
        <v>1</v>
      </c>
    </row>
    <row r="56" spans="1:13">
      <c r="A56" s="20" t="s">
        <v>63</v>
      </c>
      <c r="B56" s="21">
        <v>1</v>
      </c>
      <c r="C56" s="22">
        <v>1</v>
      </c>
      <c r="D56" s="22">
        <v>0</v>
      </c>
      <c r="E56" s="21">
        <v>0</v>
      </c>
      <c r="F56" s="22">
        <v>0</v>
      </c>
      <c r="G56" s="23">
        <v>0</v>
      </c>
      <c r="H56" s="22">
        <v>6</v>
      </c>
      <c r="I56" s="22">
        <v>5</v>
      </c>
      <c r="J56" s="22">
        <v>1</v>
      </c>
      <c r="K56" s="21">
        <v>5</v>
      </c>
      <c r="L56" s="53">
        <v>4</v>
      </c>
      <c r="M56" s="54">
        <v>1</v>
      </c>
    </row>
    <row r="57" spans="1:13">
      <c r="A57" s="20" t="s">
        <v>64</v>
      </c>
      <c r="B57" s="21">
        <v>3</v>
      </c>
      <c r="C57" s="22">
        <v>2</v>
      </c>
      <c r="D57" s="22">
        <v>1</v>
      </c>
      <c r="E57" s="21">
        <v>0</v>
      </c>
      <c r="F57" s="22">
        <v>0</v>
      </c>
      <c r="G57" s="23">
        <v>0</v>
      </c>
      <c r="H57" s="22">
        <v>3</v>
      </c>
      <c r="I57" s="22">
        <v>2</v>
      </c>
      <c r="J57" s="22">
        <v>1</v>
      </c>
      <c r="K57" s="21">
        <v>0</v>
      </c>
      <c r="L57" s="53">
        <v>0</v>
      </c>
      <c r="M57" s="54">
        <v>0</v>
      </c>
    </row>
    <row r="58" spans="1:13">
      <c r="A58" s="20" t="s">
        <v>65</v>
      </c>
      <c r="B58" s="21">
        <v>-1</v>
      </c>
      <c r="C58" s="22">
        <v>-1</v>
      </c>
      <c r="D58" s="22">
        <v>0</v>
      </c>
      <c r="E58" s="21">
        <v>0</v>
      </c>
      <c r="F58" s="22">
        <v>0</v>
      </c>
      <c r="G58" s="23">
        <v>0</v>
      </c>
      <c r="H58" s="22">
        <v>2</v>
      </c>
      <c r="I58" s="22">
        <v>1</v>
      </c>
      <c r="J58" s="22">
        <v>1</v>
      </c>
      <c r="K58" s="21">
        <v>3</v>
      </c>
      <c r="L58" s="53">
        <v>2</v>
      </c>
      <c r="M58" s="54">
        <v>1</v>
      </c>
    </row>
    <row r="59" spans="1:13">
      <c r="A59" s="20" t="s">
        <v>66</v>
      </c>
      <c r="B59" s="21">
        <v>0</v>
      </c>
      <c r="C59" s="22">
        <v>0</v>
      </c>
      <c r="D59" s="22">
        <v>0</v>
      </c>
      <c r="E59" s="21">
        <v>0</v>
      </c>
      <c r="F59" s="22">
        <v>0</v>
      </c>
      <c r="G59" s="23">
        <v>0</v>
      </c>
      <c r="H59" s="22">
        <v>3</v>
      </c>
      <c r="I59" s="22">
        <v>2</v>
      </c>
      <c r="J59" s="22">
        <v>1</v>
      </c>
      <c r="K59" s="21">
        <v>3</v>
      </c>
      <c r="L59" s="53">
        <v>2</v>
      </c>
      <c r="M59" s="54">
        <v>1</v>
      </c>
    </row>
    <row r="60" spans="1:13" ht="20.100000000000001" customHeight="1">
      <c r="A60" s="16" t="s">
        <v>67</v>
      </c>
      <c r="B60" s="17">
        <v>-4</v>
      </c>
      <c r="C60" s="18">
        <v>-1</v>
      </c>
      <c r="D60" s="18">
        <v>-3</v>
      </c>
      <c r="E60" s="17">
        <v>1</v>
      </c>
      <c r="F60" s="18">
        <v>1</v>
      </c>
      <c r="G60" s="19">
        <v>0</v>
      </c>
      <c r="H60" s="18">
        <v>12</v>
      </c>
      <c r="I60" s="18">
        <v>10</v>
      </c>
      <c r="J60" s="18">
        <v>2</v>
      </c>
      <c r="K60" s="17">
        <v>15</v>
      </c>
      <c r="L60" s="51">
        <v>10</v>
      </c>
      <c r="M60" s="52">
        <v>5</v>
      </c>
    </row>
    <row r="61" spans="1:13">
      <c r="A61" s="20" t="s">
        <v>68</v>
      </c>
      <c r="B61" s="21">
        <v>-5</v>
      </c>
      <c r="C61" s="22">
        <v>-3</v>
      </c>
      <c r="D61" s="22">
        <v>-2</v>
      </c>
      <c r="E61" s="21">
        <v>0</v>
      </c>
      <c r="F61" s="22">
        <v>0</v>
      </c>
      <c r="G61" s="23">
        <v>0</v>
      </c>
      <c r="H61" s="22">
        <v>3</v>
      </c>
      <c r="I61" s="22">
        <v>2</v>
      </c>
      <c r="J61" s="22">
        <v>1</v>
      </c>
      <c r="K61" s="21">
        <v>8</v>
      </c>
      <c r="L61" s="53">
        <v>5</v>
      </c>
      <c r="M61" s="54">
        <v>3</v>
      </c>
    </row>
    <row r="62" spans="1:13">
      <c r="A62" s="20" t="s">
        <v>69</v>
      </c>
      <c r="B62" s="21">
        <v>0</v>
      </c>
      <c r="C62" s="22">
        <v>1</v>
      </c>
      <c r="D62" s="22">
        <v>-1</v>
      </c>
      <c r="E62" s="21">
        <v>0</v>
      </c>
      <c r="F62" s="22">
        <v>0</v>
      </c>
      <c r="G62" s="23">
        <v>0</v>
      </c>
      <c r="H62" s="22">
        <v>3</v>
      </c>
      <c r="I62" s="22">
        <v>3</v>
      </c>
      <c r="J62" s="22">
        <v>0</v>
      </c>
      <c r="K62" s="21">
        <v>3</v>
      </c>
      <c r="L62" s="53">
        <v>2</v>
      </c>
      <c r="M62" s="54">
        <v>1</v>
      </c>
    </row>
    <row r="63" spans="1:13">
      <c r="A63" s="20" t="s">
        <v>70</v>
      </c>
      <c r="B63" s="21">
        <v>0</v>
      </c>
      <c r="C63" s="22">
        <v>-1</v>
      </c>
      <c r="D63" s="22">
        <v>1</v>
      </c>
      <c r="E63" s="21">
        <v>0</v>
      </c>
      <c r="F63" s="22">
        <v>0</v>
      </c>
      <c r="G63" s="23">
        <v>0</v>
      </c>
      <c r="H63" s="22">
        <v>2</v>
      </c>
      <c r="I63" s="22">
        <v>1</v>
      </c>
      <c r="J63" s="22">
        <v>1</v>
      </c>
      <c r="K63" s="21">
        <v>2</v>
      </c>
      <c r="L63" s="53">
        <v>2</v>
      </c>
      <c r="M63" s="54">
        <v>0</v>
      </c>
    </row>
    <row r="64" spans="1:13">
      <c r="A64" s="20" t="s">
        <v>71</v>
      </c>
      <c r="B64" s="21">
        <v>-2</v>
      </c>
      <c r="C64" s="22">
        <v>-2</v>
      </c>
      <c r="D64" s="22">
        <v>0</v>
      </c>
      <c r="E64" s="21">
        <v>1</v>
      </c>
      <c r="F64" s="22">
        <v>1</v>
      </c>
      <c r="G64" s="23">
        <v>0</v>
      </c>
      <c r="H64" s="22">
        <v>0</v>
      </c>
      <c r="I64" s="22">
        <v>0</v>
      </c>
      <c r="J64" s="22">
        <v>0</v>
      </c>
      <c r="K64" s="21">
        <v>1</v>
      </c>
      <c r="L64" s="53">
        <v>1</v>
      </c>
      <c r="M64" s="54">
        <v>0</v>
      </c>
    </row>
    <row r="65" spans="1:13">
      <c r="A65" s="24" t="s">
        <v>72</v>
      </c>
      <c r="B65" s="25">
        <v>3</v>
      </c>
      <c r="C65" s="26">
        <v>4</v>
      </c>
      <c r="D65" s="26">
        <v>-1</v>
      </c>
      <c r="E65" s="25">
        <v>0</v>
      </c>
      <c r="F65" s="26">
        <v>0</v>
      </c>
      <c r="G65" s="27">
        <v>0</v>
      </c>
      <c r="H65" s="26">
        <v>4</v>
      </c>
      <c r="I65" s="26">
        <v>4</v>
      </c>
      <c r="J65" s="26">
        <v>0</v>
      </c>
      <c r="K65" s="25">
        <v>1</v>
      </c>
      <c r="L65" s="55">
        <v>0</v>
      </c>
      <c r="M65" s="56">
        <v>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7</v>
      </c>
      <c r="C69" s="58">
        <v>19</v>
      </c>
      <c r="D69" s="59">
        <v>1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7</v>
      </c>
      <c r="C70" s="61">
        <v>19</v>
      </c>
      <c r="D70" s="62">
        <v>18</v>
      </c>
    </row>
    <row r="71" spans="1:13">
      <c r="A71" s="24" t="s">
        <v>14</v>
      </c>
      <c r="B71" s="63">
        <v>37</v>
      </c>
      <c r="C71" s="64">
        <v>19</v>
      </c>
      <c r="D71" s="65">
        <v>18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09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1</v>
      </c>
      <c r="C77" s="18">
        <v>-1</v>
      </c>
      <c r="D77" s="18">
        <v>0</v>
      </c>
      <c r="E77" s="17">
        <v>2</v>
      </c>
      <c r="F77" s="18">
        <v>0</v>
      </c>
      <c r="G77" s="19">
        <v>2</v>
      </c>
      <c r="H77" s="18">
        <v>16</v>
      </c>
      <c r="I77" s="18">
        <v>8</v>
      </c>
      <c r="J77" s="18">
        <v>8</v>
      </c>
      <c r="K77" s="17">
        <v>15</v>
      </c>
      <c r="L77" s="51">
        <v>9</v>
      </c>
      <c r="M77" s="52">
        <v>6</v>
      </c>
    </row>
    <row r="78" spans="1:13">
      <c r="A78" s="40" t="s">
        <v>81</v>
      </c>
      <c r="B78" s="21">
        <v>1</v>
      </c>
      <c r="C78" s="22">
        <v>0</v>
      </c>
      <c r="D78" s="22">
        <v>1</v>
      </c>
      <c r="E78" s="21">
        <v>0</v>
      </c>
      <c r="F78" s="22">
        <v>0</v>
      </c>
      <c r="G78" s="23">
        <v>0</v>
      </c>
      <c r="H78" s="22">
        <v>3</v>
      </c>
      <c r="I78" s="22">
        <v>1</v>
      </c>
      <c r="J78" s="22">
        <v>2</v>
      </c>
      <c r="K78" s="21">
        <v>2</v>
      </c>
      <c r="L78" s="53">
        <v>1</v>
      </c>
      <c r="M78" s="54">
        <v>1</v>
      </c>
    </row>
    <row r="79" spans="1:13">
      <c r="A79" s="40" t="s">
        <v>82</v>
      </c>
      <c r="B79" s="21">
        <v>1</v>
      </c>
      <c r="C79" s="22">
        <v>0</v>
      </c>
      <c r="D79" s="22">
        <v>1</v>
      </c>
      <c r="E79" s="21">
        <v>0</v>
      </c>
      <c r="F79" s="22">
        <v>0</v>
      </c>
      <c r="G79" s="23">
        <v>0</v>
      </c>
      <c r="H79" s="22">
        <v>2</v>
      </c>
      <c r="I79" s="22">
        <v>1</v>
      </c>
      <c r="J79" s="22">
        <v>1</v>
      </c>
      <c r="K79" s="21">
        <v>1</v>
      </c>
      <c r="L79" s="53">
        <v>1</v>
      </c>
      <c r="M79" s="54">
        <v>0</v>
      </c>
    </row>
    <row r="80" spans="1:13">
      <c r="A80" s="40" t="s">
        <v>83</v>
      </c>
      <c r="B80" s="21">
        <v>-3</v>
      </c>
      <c r="C80" s="22">
        <v>-4</v>
      </c>
      <c r="D80" s="22">
        <v>1</v>
      </c>
      <c r="E80" s="21">
        <v>1</v>
      </c>
      <c r="F80" s="22">
        <v>0</v>
      </c>
      <c r="G80" s="23">
        <v>1</v>
      </c>
      <c r="H80" s="22">
        <v>4</v>
      </c>
      <c r="I80" s="22">
        <v>2</v>
      </c>
      <c r="J80" s="22">
        <v>2</v>
      </c>
      <c r="K80" s="21">
        <v>6</v>
      </c>
      <c r="L80" s="53">
        <v>6</v>
      </c>
      <c r="M80" s="54">
        <v>0</v>
      </c>
    </row>
    <row r="81" spans="1:13">
      <c r="A81" s="40" t="s">
        <v>84</v>
      </c>
      <c r="B81" s="21">
        <v>2</v>
      </c>
      <c r="C81" s="22">
        <v>3</v>
      </c>
      <c r="D81" s="22">
        <v>-1</v>
      </c>
      <c r="E81" s="21">
        <v>1</v>
      </c>
      <c r="F81" s="22">
        <v>0</v>
      </c>
      <c r="G81" s="23">
        <v>1</v>
      </c>
      <c r="H81" s="22">
        <v>6</v>
      </c>
      <c r="I81" s="22">
        <v>3</v>
      </c>
      <c r="J81" s="22">
        <v>3</v>
      </c>
      <c r="K81" s="21">
        <v>3</v>
      </c>
      <c r="L81" s="53">
        <v>0</v>
      </c>
      <c r="M81" s="54">
        <v>3</v>
      </c>
    </row>
    <row r="82" spans="1:13">
      <c r="A82" s="40" t="s">
        <v>85</v>
      </c>
      <c r="B82" s="21">
        <v>-2</v>
      </c>
      <c r="C82" s="22">
        <v>0</v>
      </c>
      <c r="D82" s="22">
        <v>-2</v>
      </c>
      <c r="E82" s="21">
        <v>0</v>
      </c>
      <c r="F82" s="22">
        <v>0</v>
      </c>
      <c r="G82" s="23">
        <v>0</v>
      </c>
      <c r="H82" s="22">
        <v>1</v>
      </c>
      <c r="I82" s="22">
        <v>1</v>
      </c>
      <c r="J82" s="22">
        <v>0</v>
      </c>
      <c r="K82" s="21">
        <v>3</v>
      </c>
      <c r="L82" s="53">
        <v>1</v>
      </c>
      <c r="M82" s="54">
        <v>2</v>
      </c>
    </row>
    <row r="83" spans="1:13" ht="19.5" customHeight="1">
      <c r="A83" s="34" t="s">
        <v>86</v>
      </c>
      <c r="B83" s="17">
        <v>3</v>
      </c>
      <c r="C83" s="18">
        <v>7</v>
      </c>
      <c r="D83" s="18">
        <v>-4</v>
      </c>
      <c r="E83" s="17">
        <v>0</v>
      </c>
      <c r="F83" s="18">
        <v>0</v>
      </c>
      <c r="G83" s="19">
        <v>0</v>
      </c>
      <c r="H83" s="18">
        <v>9</v>
      </c>
      <c r="I83" s="18">
        <v>8</v>
      </c>
      <c r="J83" s="18">
        <v>1</v>
      </c>
      <c r="K83" s="17">
        <v>6</v>
      </c>
      <c r="L83" s="51">
        <v>1</v>
      </c>
      <c r="M83" s="52">
        <v>5</v>
      </c>
    </row>
    <row r="84" spans="1:13">
      <c r="A84" s="40" t="s">
        <v>87</v>
      </c>
      <c r="B84" s="21">
        <v>2</v>
      </c>
      <c r="C84" s="22">
        <v>3</v>
      </c>
      <c r="D84" s="22">
        <v>-1</v>
      </c>
      <c r="E84" s="21">
        <v>0</v>
      </c>
      <c r="F84" s="22">
        <v>0</v>
      </c>
      <c r="G84" s="23">
        <v>0</v>
      </c>
      <c r="H84" s="22">
        <v>3</v>
      </c>
      <c r="I84" s="22">
        <v>3</v>
      </c>
      <c r="J84" s="22">
        <v>0</v>
      </c>
      <c r="K84" s="21">
        <v>1</v>
      </c>
      <c r="L84" s="53">
        <v>0</v>
      </c>
      <c r="M84" s="54">
        <v>1</v>
      </c>
    </row>
    <row r="85" spans="1:13">
      <c r="A85" s="40" t="s">
        <v>88</v>
      </c>
      <c r="B85" s="21">
        <v>3</v>
      </c>
      <c r="C85" s="22">
        <v>3</v>
      </c>
      <c r="D85" s="22">
        <v>0</v>
      </c>
      <c r="E85" s="21">
        <v>0</v>
      </c>
      <c r="F85" s="22">
        <v>0</v>
      </c>
      <c r="G85" s="23">
        <v>0</v>
      </c>
      <c r="H85" s="22">
        <v>3</v>
      </c>
      <c r="I85" s="22">
        <v>3</v>
      </c>
      <c r="J85" s="22">
        <v>0</v>
      </c>
      <c r="K85" s="21">
        <v>0</v>
      </c>
      <c r="L85" s="53">
        <v>0</v>
      </c>
      <c r="M85" s="54">
        <v>0</v>
      </c>
    </row>
    <row r="86" spans="1:13">
      <c r="A86" s="40" t="s">
        <v>89</v>
      </c>
      <c r="B86" s="21">
        <v>2</v>
      </c>
      <c r="C86" s="22">
        <v>1</v>
      </c>
      <c r="D86" s="22">
        <v>1</v>
      </c>
      <c r="E86" s="21">
        <v>0</v>
      </c>
      <c r="F86" s="22">
        <v>0</v>
      </c>
      <c r="G86" s="23">
        <v>0</v>
      </c>
      <c r="H86" s="22">
        <v>3</v>
      </c>
      <c r="I86" s="22">
        <v>2</v>
      </c>
      <c r="J86" s="22">
        <v>1</v>
      </c>
      <c r="K86" s="21">
        <v>1</v>
      </c>
      <c r="L86" s="53">
        <v>1</v>
      </c>
      <c r="M86" s="54">
        <v>0</v>
      </c>
    </row>
    <row r="87" spans="1:13">
      <c r="A87" s="40" t="s">
        <v>90</v>
      </c>
      <c r="B87" s="21">
        <v>-3</v>
      </c>
      <c r="C87" s="22">
        <v>0</v>
      </c>
      <c r="D87" s="22">
        <v>-3</v>
      </c>
      <c r="E87" s="21">
        <v>0</v>
      </c>
      <c r="F87" s="22">
        <v>0</v>
      </c>
      <c r="G87" s="23">
        <v>0</v>
      </c>
      <c r="H87" s="22">
        <v>0</v>
      </c>
      <c r="I87" s="22">
        <v>0</v>
      </c>
      <c r="J87" s="22">
        <v>0</v>
      </c>
      <c r="K87" s="21">
        <v>3</v>
      </c>
      <c r="L87" s="53">
        <v>0</v>
      </c>
      <c r="M87" s="54">
        <v>3</v>
      </c>
    </row>
    <row r="88" spans="1:13">
      <c r="A88" s="40" t="s">
        <v>91</v>
      </c>
      <c r="B88" s="21">
        <v>-1</v>
      </c>
      <c r="C88" s="22">
        <v>0</v>
      </c>
      <c r="D88" s="22">
        <v>-1</v>
      </c>
      <c r="E88" s="21">
        <v>0</v>
      </c>
      <c r="F88" s="22">
        <v>0</v>
      </c>
      <c r="G88" s="23">
        <v>0</v>
      </c>
      <c r="H88" s="22">
        <v>0</v>
      </c>
      <c r="I88" s="22">
        <v>0</v>
      </c>
      <c r="J88" s="22">
        <v>0</v>
      </c>
      <c r="K88" s="21">
        <v>1</v>
      </c>
      <c r="L88" s="53">
        <v>0</v>
      </c>
      <c r="M88" s="54">
        <v>1</v>
      </c>
    </row>
    <row r="89" spans="1:13" ht="19.5" customHeight="1">
      <c r="A89" s="34" t="s">
        <v>92</v>
      </c>
      <c r="B89" s="17">
        <v>-2</v>
      </c>
      <c r="C89" s="18">
        <v>-2</v>
      </c>
      <c r="D89" s="18">
        <v>0</v>
      </c>
      <c r="E89" s="17">
        <v>4</v>
      </c>
      <c r="F89" s="18">
        <v>3</v>
      </c>
      <c r="G89" s="19">
        <v>1</v>
      </c>
      <c r="H89" s="18">
        <v>9</v>
      </c>
      <c r="I89" s="18">
        <v>5</v>
      </c>
      <c r="J89" s="18">
        <v>4</v>
      </c>
      <c r="K89" s="17">
        <v>7</v>
      </c>
      <c r="L89" s="51">
        <v>4</v>
      </c>
      <c r="M89" s="52">
        <v>3</v>
      </c>
    </row>
    <row r="90" spans="1:13">
      <c r="A90" s="40" t="s">
        <v>93</v>
      </c>
      <c r="B90" s="21">
        <v>-3</v>
      </c>
      <c r="C90" s="22">
        <v>-2</v>
      </c>
      <c r="D90" s="22">
        <v>-1</v>
      </c>
      <c r="E90" s="21">
        <v>3</v>
      </c>
      <c r="F90" s="22">
        <v>2</v>
      </c>
      <c r="G90" s="23">
        <v>1</v>
      </c>
      <c r="H90" s="22">
        <v>1</v>
      </c>
      <c r="I90" s="22">
        <v>1</v>
      </c>
      <c r="J90" s="22">
        <v>0</v>
      </c>
      <c r="K90" s="21">
        <v>1</v>
      </c>
      <c r="L90" s="53">
        <v>1</v>
      </c>
      <c r="M90" s="54">
        <v>0</v>
      </c>
    </row>
    <row r="91" spans="1:13">
      <c r="A91" s="40" t="s">
        <v>94</v>
      </c>
      <c r="B91" s="21">
        <v>-2</v>
      </c>
      <c r="C91" s="22">
        <v>-2</v>
      </c>
      <c r="D91" s="22">
        <v>0</v>
      </c>
      <c r="E91" s="21">
        <v>0</v>
      </c>
      <c r="F91" s="22">
        <v>0</v>
      </c>
      <c r="G91" s="23">
        <v>0</v>
      </c>
      <c r="H91" s="22">
        <v>0</v>
      </c>
      <c r="I91" s="22">
        <v>0</v>
      </c>
      <c r="J91" s="22">
        <v>0</v>
      </c>
      <c r="K91" s="21">
        <v>2</v>
      </c>
      <c r="L91" s="53">
        <v>2</v>
      </c>
      <c r="M91" s="54">
        <v>0</v>
      </c>
    </row>
    <row r="92" spans="1:13">
      <c r="A92" s="40" t="s">
        <v>95</v>
      </c>
      <c r="B92" s="21">
        <v>0</v>
      </c>
      <c r="C92" s="22">
        <v>0</v>
      </c>
      <c r="D92" s="22">
        <v>0</v>
      </c>
      <c r="E92" s="21">
        <v>0</v>
      </c>
      <c r="F92" s="22">
        <v>0</v>
      </c>
      <c r="G92" s="23">
        <v>0</v>
      </c>
      <c r="H92" s="22">
        <v>2</v>
      </c>
      <c r="I92" s="22">
        <v>0</v>
      </c>
      <c r="J92" s="22">
        <v>2</v>
      </c>
      <c r="K92" s="21">
        <v>2</v>
      </c>
      <c r="L92" s="53">
        <v>0</v>
      </c>
      <c r="M92" s="54">
        <v>2</v>
      </c>
    </row>
    <row r="93" spans="1:13">
      <c r="A93" s="40" t="s">
        <v>96</v>
      </c>
      <c r="B93" s="21">
        <v>1</v>
      </c>
      <c r="C93" s="22">
        <v>1</v>
      </c>
      <c r="D93" s="22">
        <v>0</v>
      </c>
      <c r="E93" s="21">
        <v>1</v>
      </c>
      <c r="F93" s="22">
        <v>1</v>
      </c>
      <c r="G93" s="23">
        <v>0</v>
      </c>
      <c r="H93" s="22">
        <v>3</v>
      </c>
      <c r="I93" s="22">
        <v>2</v>
      </c>
      <c r="J93" s="22">
        <v>1</v>
      </c>
      <c r="K93" s="21">
        <v>1</v>
      </c>
      <c r="L93" s="53">
        <v>0</v>
      </c>
      <c r="M93" s="54">
        <v>1</v>
      </c>
    </row>
    <row r="94" spans="1:13">
      <c r="A94" s="40" t="s">
        <v>97</v>
      </c>
      <c r="B94" s="21">
        <v>2</v>
      </c>
      <c r="C94" s="22">
        <v>1</v>
      </c>
      <c r="D94" s="22">
        <v>1</v>
      </c>
      <c r="E94" s="21">
        <v>0</v>
      </c>
      <c r="F94" s="22">
        <v>0</v>
      </c>
      <c r="G94" s="23">
        <v>0</v>
      </c>
      <c r="H94" s="22">
        <v>3</v>
      </c>
      <c r="I94" s="22">
        <v>2</v>
      </c>
      <c r="J94" s="22">
        <v>1</v>
      </c>
      <c r="K94" s="21">
        <v>1</v>
      </c>
      <c r="L94" s="53">
        <v>1</v>
      </c>
      <c r="M94" s="54">
        <v>0</v>
      </c>
    </row>
    <row r="95" spans="1:13" ht="19.5" customHeight="1">
      <c r="A95" s="34" t="s">
        <v>98</v>
      </c>
      <c r="B95" s="17">
        <v>-8</v>
      </c>
      <c r="C95" s="18">
        <v>-7</v>
      </c>
      <c r="D95" s="18">
        <v>-1</v>
      </c>
      <c r="E95" s="17">
        <v>10</v>
      </c>
      <c r="F95" s="18">
        <v>7</v>
      </c>
      <c r="G95" s="19">
        <v>3</v>
      </c>
      <c r="H95" s="18">
        <v>6</v>
      </c>
      <c r="I95" s="18">
        <v>2</v>
      </c>
      <c r="J95" s="18">
        <v>4</v>
      </c>
      <c r="K95" s="17">
        <v>4</v>
      </c>
      <c r="L95" s="51">
        <v>2</v>
      </c>
      <c r="M95" s="52">
        <v>2</v>
      </c>
    </row>
    <row r="96" spans="1:13">
      <c r="A96" s="40" t="s">
        <v>99</v>
      </c>
      <c r="B96" s="21">
        <v>1</v>
      </c>
      <c r="C96" s="22">
        <v>0</v>
      </c>
      <c r="D96" s="22">
        <v>1</v>
      </c>
      <c r="E96" s="21">
        <v>0</v>
      </c>
      <c r="F96" s="22">
        <v>0</v>
      </c>
      <c r="G96" s="23">
        <v>0</v>
      </c>
      <c r="H96" s="22">
        <v>1</v>
      </c>
      <c r="I96" s="22">
        <v>0</v>
      </c>
      <c r="J96" s="22">
        <v>1</v>
      </c>
      <c r="K96" s="21">
        <v>0</v>
      </c>
      <c r="L96" s="53">
        <v>0</v>
      </c>
      <c r="M96" s="54">
        <v>0</v>
      </c>
    </row>
    <row r="97" spans="1:13">
      <c r="A97" s="40" t="s">
        <v>100</v>
      </c>
      <c r="B97" s="21">
        <v>2</v>
      </c>
      <c r="C97" s="22">
        <v>0</v>
      </c>
      <c r="D97" s="22">
        <v>2</v>
      </c>
      <c r="E97" s="21">
        <v>1</v>
      </c>
      <c r="F97" s="22">
        <v>1</v>
      </c>
      <c r="G97" s="23">
        <v>0</v>
      </c>
      <c r="H97" s="22">
        <v>3</v>
      </c>
      <c r="I97" s="22">
        <v>1</v>
      </c>
      <c r="J97" s="22">
        <v>2</v>
      </c>
      <c r="K97" s="21">
        <v>0</v>
      </c>
      <c r="L97" s="53">
        <v>0</v>
      </c>
      <c r="M97" s="54">
        <v>0</v>
      </c>
    </row>
    <row r="98" spans="1:13">
      <c r="A98" s="40" t="s">
        <v>101</v>
      </c>
      <c r="B98" s="21">
        <v>-5</v>
      </c>
      <c r="C98" s="22">
        <v>-3</v>
      </c>
      <c r="D98" s="22">
        <v>-2</v>
      </c>
      <c r="E98" s="21">
        <v>3</v>
      </c>
      <c r="F98" s="22">
        <v>2</v>
      </c>
      <c r="G98" s="23">
        <v>1</v>
      </c>
      <c r="H98" s="22">
        <v>0</v>
      </c>
      <c r="I98" s="22">
        <v>0</v>
      </c>
      <c r="J98" s="22">
        <v>0</v>
      </c>
      <c r="K98" s="21">
        <v>2</v>
      </c>
      <c r="L98" s="53">
        <v>1</v>
      </c>
      <c r="M98" s="54">
        <v>1</v>
      </c>
    </row>
    <row r="99" spans="1:13">
      <c r="A99" s="40" t="s">
        <v>102</v>
      </c>
      <c r="B99" s="21">
        <v>-4</v>
      </c>
      <c r="C99" s="22">
        <v>-2</v>
      </c>
      <c r="D99" s="22">
        <v>-2</v>
      </c>
      <c r="E99" s="21">
        <v>4</v>
      </c>
      <c r="F99" s="22">
        <v>2</v>
      </c>
      <c r="G99" s="23">
        <v>2</v>
      </c>
      <c r="H99" s="22">
        <v>1</v>
      </c>
      <c r="I99" s="22">
        <v>0</v>
      </c>
      <c r="J99" s="22">
        <v>1</v>
      </c>
      <c r="K99" s="21">
        <v>1</v>
      </c>
      <c r="L99" s="53">
        <v>0</v>
      </c>
      <c r="M99" s="54">
        <v>1</v>
      </c>
    </row>
    <row r="100" spans="1:13">
      <c r="A100" s="40" t="s">
        <v>103</v>
      </c>
      <c r="B100" s="21">
        <v>-2</v>
      </c>
      <c r="C100" s="22">
        <v>-2</v>
      </c>
      <c r="D100" s="22">
        <v>0</v>
      </c>
      <c r="E100" s="21">
        <v>2</v>
      </c>
      <c r="F100" s="22">
        <v>2</v>
      </c>
      <c r="G100" s="23">
        <v>0</v>
      </c>
      <c r="H100" s="22">
        <v>1</v>
      </c>
      <c r="I100" s="22">
        <v>1</v>
      </c>
      <c r="J100" s="22">
        <v>0</v>
      </c>
      <c r="K100" s="21">
        <v>1</v>
      </c>
      <c r="L100" s="53">
        <v>1</v>
      </c>
      <c r="M100" s="54">
        <v>0</v>
      </c>
    </row>
    <row r="101" spans="1:13" ht="19.5" customHeight="1">
      <c r="A101" s="34" t="s">
        <v>104</v>
      </c>
      <c r="B101" s="17">
        <v>-13</v>
      </c>
      <c r="C101" s="18">
        <v>-7</v>
      </c>
      <c r="D101" s="18">
        <v>-6</v>
      </c>
      <c r="E101" s="17">
        <v>11</v>
      </c>
      <c r="F101" s="18">
        <v>7</v>
      </c>
      <c r="G101" s="19">
        <v>4</v>
      </c>
      <c r="H101" s="18">
        <v>4</v>
      </c>
      <c r="I101" s="18">
        <v>4</v>
      </c>
      <c r="J101" s="18">
        <v>0</v>
      </c>
      <c r="K101" s="17">
        <v>6</v>
      </c>
      <c r="L101" s="51">
        <v>4</v>
      </c>
      <c r="M101" s="52">
        <v>2</v>
      </c>
    </row>
    <row r="102" spans="1:13">
      <c r="A102" s="40" t="s">
        <v>105</v>
      </c>
      <c r="B102" s="21">
        <v>-2</v>
      </c>
      <c r="C102" s="22">
        <v>-1</v>
      </c>
      <c r="D102" s="22">
        <v>-1</v>
      </c>
      <c r="E102" s="21">
        <v>1</v>
      </c>
      <c r="F102" s="22">
        <v>1</v>
      </c>
      <c r="G102" s="23">
        <v>0</v>
      </c>
      <c r="H102" s="22">
        <v>1</v>
      </c>
      <c r="I102" s="22">
        <v>1</v>
      </c>
      <c r="J102" s="22">
        <v>0</v>
      </c>
      <c r="K102" s="21">
        <v>2</v>
      </c>
      <c r="L102" s="53">
        <v>1</v>
      </c>
      <c r="M102" s="54">
        <v>1</v>
      </c>
    </row>
    <row r="103" spans="1:13">
      <c r="A103" s="40" t="s">
        <v>106</v>
      </c>
      <c r="B103" s="21">
        <v>-3</v>
      </c>
      <c r="C103" s="22">
        <v>0</v>
      </c>
      <c r="D103" s="22">
        <v>-3</v>
      </c>
      <c r="E103" s="21">
        <v>4</v>
      </c>
      <c r="F103" s="22">
        <v>1</v>
      </c>
      <c r="G103" s="23">
        <v>3</v>
      </c>
      <c r="H103" s="22">
        <v>3</v>
      </c>
      <c r="I103" s="22">
        <v>3</v>
      </c>
      <c r="J103" s="22">
        <v>0</v>
      </c>
      <c r="K103" s="21">
        <v>2</v>
      </c>
      <c r="L103" s="53">
        <v>2</v>
      </c>
      <c r="M103" s="54">
        <v>0</v>
      </c>
    </row>
    <row r="104" spans="1:13">
      <c r="A104" s="40" t="s">
        <v>107</v>
      </c>
      <c r="B104" s="21">
        <v>-3</v>
      </c>
      <c r="C104" s="22">
        <v>-2</v>
      </c>
      <c r="D104" s="22">
        <v>-1</v>
      </c>
      <c r="E104" s="21">
        <v>1</v>
      </c>
      <c r="F104" s="22">
        <v>1</v>
      </c>
      <c r="G104" s="23">
        <v>0</v>
      </c>
      <c r="H104" s="22">
        <v>0</v>
      </c>
      <c r="I104" s="22">
        <v>0</v>
      </c>
      <c r="J104" s="22">
        <v>0</v>
      </c>
      <c r="K104" s="21">
        <v>2</v>
      </c>
      <c r="L104" s="53">
        <v>1</v>
      </c>
      <c r="M104" s="54">
        <v>1</v>
      </c>
    </row>
    <row r="105" spans="1:13">
      <c r="A105" s="40" t="s">
        <v>108</v>
      </c>
      <c r="B105" s="21">
        <v>-2</v>
      </c>
      <c r="C105" s="22">
        <v>-2</v>
      </c>
      <c r="D105" s="22">
        <v>0</v>
      </c>
      <c r="E105" s="21">
        <v>2</v>
      </c>
      <c r="F105" s="22">
        <v>2</v>
      </c>
      <c r="G105" s="23">
        <v>0</v>
      </c>
      <c r="H105" s="22">
        <v>0</v>
      </c>
      <c r="I105" s="22">
        <v>0</v>
      </c>
      <c r="J105" s="22">
        <v>0</v>
      </c>
      <c r="K105" s="21">
        <v>0</v>
      </c>
      <c r="L105" s="53">
        <v>0</v>
      </c>
      <c r="M105" s="54">
        <v>0</v>
      </c>
    </row>
    <row r="106" spans="1:13">
      <c r="A106" s="40" t="s">
        <v>109</v>
      </c>
      <c r="B106" s="21">
        <v>-3</v>
      </c>
      <c r="C106" s="22">
        <v>-2</v>
      </c>
      <c r="D106" s="22">
        <v>-1</v>
      </c>
      <c r="E106" s="21">
        <v>3</v>
      </c>
      <c r="F106" s="22">
        <v>2</v>
      </c>
      <c r="G106" s="23">
        <v>1</v>
      </c>
      <c r="H106" s="22">
        <v>0</v>
      </c>
      <c r="I106" s="22">
        <v>0</v>
      </c>
      <c r="J106" s="22">
        <v>0</v>
      </c>
      <c r="K106" s="21">
        <v>0</v>
      </c>
      <c r="L106" s="53">
        <v>0</v>
      </c>
      <c r="M106" s="54">
        <v>0</v>
      </c>
    </row>
    <row r="107" spans="1:13" ht="19.5" customHeight="1">
      <c r="A107" s="34" t="s">
        <v>110</v>
      </c>
      <c r="B107" s="17">
        <v>-19</v>
      </c>
      <c r="C107" s="18">
        <v>-11</v>
      </c>
      <c r="D107" s="18">
        <v>-8</v>
      </c>
      <c r="E107" s="17">
        <v>19</v>
      </c>
      <c r="F107" s="18">
        <v>12</v>
      </c>
      <c r="G107" s="19">
        <v>7</v>
      </c>
      <c r="H107" s="18">
        <v>4</v>
      </c>
      <c r="I107" s="18">
        <v>2</v>
      </c>
      <c r="J107" s="18">
        <v>2</v>
      </c>
      <c r="K107" s="17">
        <v>4</v>
      </c>
      <c r="L107" s="51">
        <v>1</v>
      </c>
      <c r="M107" s="52">
        <v>3</v>
      </c>
    </row>
    <row r="108" spans="1:13">
      <c r="A108" s="40" t="s">
        <v>111</v>
      </c>
      <c r="B108" s="21">
        <v>0</v>
      </c>
      <c r="C108" s="22">
        <v>1</v>
      </c>
      <c r="D108" s="22">
        <v>-1</v>
      </c>
      <c r="E108" s="21">
        <v>0</v>
      </c>
      <c r="F108" s="22">
        <v>0</v>
      </c>
      <c r="G108" s="23">
        <v>0</v>
      </c>
      <c r="H108" s="22">
        <v>2</v>
      </c>
      <c r="I108" s="22">
        <v>1</v>
      </c>
      <c r="J108" s="22">
        <v>1</v>
      </c>
      <c r="K108" s="21">
        <v>2</v>
      </c>
      <c r="L108" s="53">
        <v>0</v>
      </c>
      <c r="M108" s="54">
        <v>2</v>
      </c>
    </row>
    <row r="109" spans="1:13">
      <c r="A109" s="40" t="s">
        <v>112</v>
      </c>
      <c r="B109" s="21">
        <v>-7</v>
      </c>
      <c r="C109" s="22">
        <v>-5</v>
      </c>
      <c r="D109" s="22">
        <v>-2</v>
      </c>
      <c r="E109" s="21">
        <v>6</v>
      </c>
      <c r="F109" s="22">
        <v>5</v>
      </c>
      <c r="G109" s="23">
        <v>1</v>
      </c>
      <c r="H109" s="22">
        <v>0</v>
      </c>
      <c r="I109" s="22">
        <v>0</v>
      </c>
      <c r="J109" s="22">
        <v>0</v>
      </c>
      <c r="K109" s="21">
        <v>1</v>
      </c>
      <c r="L109" s="53">
        <v>0</v>
      </c>
      <c r="M109" s="54">
        <v>1</v>
      </c>
    </row>
    <row r="110" spans="1:13">
      <c r="A110" s="40" t="s">
        <v>113</v>
      </c>
      <c r="B110" s="21">
        <v>-5</v>
      </c>
      <c r="C110" s="22">
        <v>-5</v>
      </c>
      <c r="D110" s="22">
        <v>0</v>
      </c>
      <c r="E110" s="21">
        <v>4</v>
      </c>
      <c r="F110" s="22">
        <v>4</v>
      </c>
      <c r="G110" s="23">
        <v>0</v>
      </c>
      <c r="H110" s="22">
        <v>0</v>
      </c>
      <c r="I110" s="22">
        <v>0</v>
      </c>
      <c r="J110" s="22">
        <v>0</v>
      </c>
      <c r="K110" s="21">
        <v>1</v>
      </c>
      <c r="L110" s="53">
        <v>1</v>
      </c>
      <c r="M110" s="54">
        <v>0</v>
      </c>
    </row>
    <row r="111" spans="1:13">
      <c r="A111" s="40" t="s">
        <v>114</v>
      </c>
      <c r="B111" s="21">
        <v>-3</v>
      </c>
      <c r="C111" s="22">
        <v>0</v>
      </c>
      <c r="D111" s="22">
        <v>-3</v>
      </c>
      <c r="E111" s="21">
        <v>4</v>
      </c>
      <c r="F111" s="22">
        <v>0</v>
      </c>
      <c r="G111" s="23">
        <v>4</v>
      </c>
      <c r="H111" s="22">
        <v>1</v>
      </c>
      <c r="I111" s="22">
        <v>0</v>
      </c>
      <c r="J111" s="22">
        <v>1</v>
      </c>
      <c r="K111" s="21">
        <v>0</v>
      </c>
      <c r="L111" s="53">
        <v>0</v>
      </c>
      <c r="M111" s="54">
        <v>0</v>
      </c>
    </row>
    <row r="112" spans="1:13">
      <c r="A112" s="40" t="s">
        <v>115</v>
      </c>
      <c r="B112" s="21">
        <v>-4</v>
      </c>
      <c r="C112" s="22">
        <v>-2</v>
      </c>
      <c r="D112" s="22">
        <v>-2</v>
      </c>
      <c r="E112" s="21">
        <v>5</v>
      </c>
      <c r="F112" s="22">
        <v>3</v>
      </c>
      <c r="G112" s="23">
        <v>2</v>
      </c>
      <c r="H112" s="22">
        <v>1</v>
      </c>
      <c r="I112" s="22">
        <v>1</v>
      </c>
      <c r="J112" s="22">
        <v>0</v>
      </c>
      <c r="K112" s="21">
        <v>0</v>
      </c>
      <c r="L112" s="53">
        <v>0</v>
      </c>
      <c r="M112" s="54">
        <v>0</v>
      </c>
    </row>
    <row r="113" spans="1:13" ht="19.5" customHeight="1">
      <c r="A113" s="34" t="s">
        <v>116</v>
      </c>
      <c r="B113" s="17">
        <v>-26</v>
      </c>
      <c r="C113" s="18">
        <v>-17</v>
      </c>
      <c r="D113" s="18">
        <v>-9</v>
      </c>
      <c r="E113" s="17">
        <v>22</v>
      </c>
      <c r="F113" s="18">
        <v>13</v>
      </c>
      <c r="G113" s="19">
        <v>9</v>
      </c>
      <c r="H113" s="18">
        <v>2</v>
      </c>
      <c r="I113" s="18">
        <v>1</v>
      </c>
      <c r="J113" s="18">
        <v>1</v>
      </c>
      <c r="K113" s="17">
        <v>6</v>
      </c>
      <c r="L113" s="51">
        <v>5</v>
      </c>
      <c r="M113" s="52">
        <v>1</v>
      </c>
    </row>
    <row r="114" spans="1:13">
      <c r="A114" s="40" t="s">
        <v>117</v>
      </c>
      <c r="B114" s="21">
        <v>-8</v>
      </c>
      <c r="C114" s="22">
        <v>-4</v>
      </c>
      <c r="D114" s="22">
        <v>-4</v>
      </c>
      <c r="E114" s="21">
        <v>7</v>
      </c>
      <c r="F114" s="22">
        <v>4</v>
      </c>
      <c r="G114" s="23">
        <v>3</v>
      </c>
      <c r="H114" s="22">
        <v>0</v>
      </c>
      <c r="I114" s="22">
        <v>0</v>
      </c>
      <c r="J114" s="22">
        <v>0</v>
      </c>
      <c r="K114" s="21">
        <v>1</v>
      </c>
      <c r="L114" s="53">
        <v>0</v>
      </c>
      <c r="M114" s="54">
        <v>1</v>
      </c>
    </row>
    <row r="115" spans="1:13">
      <c r="A115" s="40" t="s">
        <v>118</v>
      </c>
      <c r="B115" s="21">
        <v>-3</v>
      </c>
      <c r="C115" s="22">
        <v>-2</v>
      </c>
      <c r="D115" s="22">
        <v>-1</v>
      </c>
      <c r="E115" s="21">
        <v>4</v>
      </c>
      <c r="F115" s="22">
        <v>2</v>
      </c>
      <c r="G115" s="23">
        <v>2</v>
      </c>
      <c r="H115" s="22">
        <v>1</v>
      </c>
      <c r="I115" s="22">
        <v>0</v>
      </c>
      <c r="J115" s="22">
        <v>1</v>
      </c>
      <c r="K115" s="21">
        <v>0</v>
      </c>
      <c r="L115" s="53">
        <v>0</v>
      </c>
      <c r="M115" s="54">
        <v>0</v>
      </c>
    </row>
    <row r="116" spans="1:13">
      <c r="A116" s="40" t="s">
        <v>119</v>
      </c>
      <c r="B116" s="21">
        <v>-2</v>
      </c>
      <c r="C116" s="22">
        <v>-2</v>
      </c>
      <c r="D116" s="22">
        <v>0</v>
      </c>
      <c r="E116" s="21">
        <v>1</v>
      </c>
      <c r="F116" s="22">
        <v>1</v>
      </c>
      <c r="G116" s="23">
        <v>0</v>
      </c>
      <c r="H116" s="22">
        <v>0</v>
      </c>
      <c r="I116" s="22">
        <v>0</v>
      </c>
      <c r="J116" s="22">
        <v>0</v>
      </c>
      <c r="K116" s="21">
        <v>1</v>
      </c>
      <c r="L116" s="53">
        <v>1</v>
      </c>
      <c r="M116" s="54">
        <v>0</v>
      </c>
    </row>
    <row r="117" spans="1:13">
      <c r="A117" s="40" t="s">
        <v>120</v>
      </c>
      <c r="B117" s="21">
        <v>-7</v>
      </c>
      <c r="C117" s="22">
        <v>-6</v>
      </c>
      <c r="D117" s="22">
        <v>-1</v>
      </c>
      <c r="E117" s="21">
        <v>4</v>
      </c>
      <c r="F117" s="22">
        <v>3</v>
      </c>
      <c r="G117" s="23">
        <v>1</v>
      </c>
      <c r="H117" s="22">
        <v>1</v>
      </c>
      <c r="I117" s="22">
        <v>1</v>
      </c>
      <c r="J117" s="22">
        <v>0</v>
      </c>
      <c r="K117" s="21">
        <v>4</v>
      </c>
      <c r="L117" s="53">
        <v>4</v>
      </c>
      <c r="M117" s="54">
        <v>0</v>
      </c>
    </row>
    <row r="118" spans="1:13">
      <c r="A118" s="40" t="s">
        <v>121</v>
      </c>
      <c r="B118" s="21">
        <v>-6</v>
      </c>
      <c r="C118" s="22">
        <v>-3</v>
      </c>
      <c r="D118" s="22">
        <v>-3</v>
      </c>
      <c r="E118" s="21">
        <v>6</v>
      </c>
      <c r="F118" s="22">
        <v>3</v>
      </c>
      <c r="G118" s="23">
        <v>3</v>
      </c>
      <c r="H118" s="22">
        <v>0</v>
      </c>
      <c r="I118" s="22">
        <v>0</v>
      </c>
      <c r="J118" s="22">
        <v>0</v>
      </c>
      <c r="K118" s="21">
        <v>0</v>
      </c>
      <c r="L118" s="53">
        <v>0</v>
      </c>
      <c r="M118" s="54">
        <v>0</v>
      </c>
    </row>
    <row r="119" spans="1:13" ht="19.5" customHeight="1">
      <c r="A119" s="34" t="s">
        <v>122</v>
      </c>
      <c r="B119" s="17">
        <v>-52</v>
      </c>
      <c r="C119" s="18">
        <v>-19</v>
      </c>
      <c r="D119" s="18">
        <v>-33</v>
      </c>
      <c r="E119" s="17">
        <v>50</v>
      </c>
      <c r="F119" s="18">
        <v>20</v>
      </c>
      <c r="G119" s="19">
        <v>30</v>
      </c>
      <c r="H119" s="18">
        <v>1</v>
      </c>
      <c r="I119" s="18">
        <v>1</v>
      </c>
      <c r="J119" s="18">
        <v>0</v>
      </c>
      <c r="K119" s="17">
        <v>3</v>
      </c>
      <c r="L119" s="51">
        <v>0</v>
      </c>
      <c r="M119" s="52">
        <v>3</v>
      </c>
    </row>
    <row r="120" spans="1:13">
      <c r="A120" s="40" t="s">
        <v>123</v>
      </c>
      <c r="B120" s="21">
        <v>-9</v>
      </c>
      <c r="C120" s="22">
        <v>-3</v>
      </c>
      <c r="D120" s="22">
        <v>-6</v>
      </c>
      <c r="E120" s="21">
        <v>8</v>
      </c>
      <c r="F120" s="22">
        <v>4</v>
      </c>
      <c r="G120" s="23">
        <v>4</v>
      </c>
      <c r="H120" s="22">
        <v>1</v>
      </c>
      <c r="I120" s="22">
        <v>1</v>
      </c>
      <c r="J120" s="22">
        <v>0</v>
      </c>
      <c r="K120" s="21">
        <v>2</v>
      </c>
      <c r="L120" s="53">
        <v>0</v>
      </c>
      <c r="M120" s="54">
        <v>2</v>
      </c>
    </row>
    <row r="121" spans="1:13">
      <c r="A121" s="40" t="s">
        <v>124</v>
      </c>
      <c r="B121" s="21">
        <v>-11</v>
      </c>
      <c r="C121" s="22">
        <v>-5</v>
      </c>
      <c r="D121" s="22">
        <v>-6</v>
      </c>
      <c r="E121" s="21">
        <v>11</v>
      </c>
      <c r="F121" s="22">
        <v>5</v>
      </c>
      <c r="G121" s="23">
        <v>6</v>
      </c>
      <c r="H121" s="22">
        <v>0</v>
      </c>
      <c r="I121" s="22">
        <v>0</v>
      </c>
      <c r="J121" s="22">
        <v>0</v>
      </c>
      <c r="K121" s="21">
        <v>0</v>
      </c>
      <c r="L121" s="53">
        <v>0</v>
      </c>
      <c r="M121" s="54">
        <v>0</v>
      </c>
    </row>
    <row r="122" spans="1:13">
      <c r="A122" s="40" t="s">
        <v>125</v>
      </c>
      <c r="B122" s="21">
        <v>-13</v>
      </c>
      <c r="C122" s="22">
        <v>-4</v>
      </c>
      <c r="D122" s="22">
        <v>-9</v>
      </c>
      <c r="E122" s="21">
        <v>13</v>
      </c>
      <c r="F122" s="22">
        <v>4</v>
      </c>
      <c r="G122" s="23">
        <v>9</v>
      </c>
      <c r="H122" s="22">
        <v>0</v>
      </c>
      <c r="I122" s="22">
        <v>0</v>
      </c>
      <c r="J122" s="22">
        <v>0</v>
      </c>
      <c r="K122" s="21">
        <v>0</v>
      </c>
      <c r="L122" s="53">
        <v>0</v>
      </c>
      <c r="M122" s="54">
        <v>0</v>
      </c>
    </row>
    <row r="123" spans="1:13">
      <c r="A123" s="40" t="s">
        <v>126</v>
      </c>
      <c r="B123" s="21">
        <v>-7</v>
      </c>
      <c r="C123" s="22">
        <v>0</v>
      </c>
      <c r="D123" s="22">
        <v>-7</v>
      </c>
      <c r="E123" s="21">
        <v>6</v>
      </c>
      <c r="F123" s="22">
        <v>0</v>
      </c>
      <c r="G123" s="23">
        <v>6</v>
      </c>
      <c r="H123" s="22">
        <v>0</v>
      </c>
      <c r="I123" s="22">
        <v>0</v>
      </c>
      <c r="J123" s="22">
        <v>0</v>
      </c>
      <c r="K123" s="21">
        <v>1</v>
      </c>
      <c r="L123" s="53">
        <v>0</v>
      </c>
      <c r="M123" s="54">
        <v>1</v>
      </c>
    </row>
    <row r="124" spans="1:13">
      <c r="A124" s="40" t="s">
        <v>127</v>
      </c>
      <c r="B124" s="21">
        <v>-12</v>
      </c>
      <c r="C124" s="22">
        <v>-7</v>
      </c>
      <c r="D124" s="22">
        <v>-5</v>
      </c>
      <c r="E124" s="21">
        <v>12</v>
      </c>
      <c r="F124" s="22">
        <v>7</v>
      </c>
      <c r="G124" s="23">
        <v>5</v>
      </c>
      <c r="H124" s="22">
        <v>0</v>
      </c>
      <c r="I124" s="22">
        <v>0</v>
      </c>
      <c r="J124" s="22">
        <v>0</v>
      </c>
      <c r="K124" s="21">
        <v>0</v>
      </c>
      <c r="L124" s="53">
        <v>0</v>
      </c>
      <c r="M124" s="54">
        <v>0</v>
      </c>
    </row>
    <row r="125" spans="1:13" ht="19.5" customHeight="1">
      <c r="A125" s="34" t="s">
        <v>128</v>
      </c>
      <c r="B125" s="17">
        <v>-31</v>
      </c>
      <c r="C125" s="18">
        <v>-14</v>
      </c>
      <c r="D125" s="18">
        <v>-17</v>
      </c>
      <c r="E125" s="17">
        <v>29</v>
      </c>
      <c r="F125" s="18">
        <v>13</v>
      </c>
      <c r="G125" s="19">
        <v>16</v>
      </c>
      <c r="H125" s="18">
        <v>0</v>
      </c>
      <c r="I125" s="18">
        <v>0</v>
      </c>
      <c r="J125" s="18">
        <v>0</v>
      </c>
      <c r="K125" s="17">
        <v>2</v>
      </c>
      <c r="L125" s="51">
        <v>1</v>
      </c>
      <c r="M125" s="52">
        <v>1</v>
      </c>
    </row>
    <row r="126" spans="1:13">
      <c r="A126" s="40" t="s">
        <v>129</v>
      </c>
      <c r="B126" s="21">
        <v>-7</v>
      </c>
      <c r="C126" s="22">
        <v>-3</v>
      </c>
      <c r="D126" s="22">
        <v>-4</v>
      </c>
      <c r="E126" s="21">
        <v>6</v>
      </c>
      <c r="F126" s="22">
        <v>3</v>
      </c>
      <c r="G126" s="23">
        <v>3</v>
      </c>
      <c r="H126" s="22">
        <v>0</v>
      </c>
      <c r="I126" s="22">
        <v>0</v>
      </c>
      <c r="J126" s="22">
        <v>0</v>
      </c>
      <c r="K126" s="21">
        <v>1</v>
      </c>
      <c r="L126" s="53">
        <v>0</v>
      </c>
      <c r="M126" s="54">
        <v>1</v>
      </c>
    </row>
    <row r="127" spans="1:13">
      <c r="A127" s="40" t="s">
        <v>130</v>
      </c>
      <c r="B127" s="21">
        <v>-7</v>
      </c>
      <c r="C127" s="22">
        <v>-2</v>
      </c>
      <c r="D127" s="22">
        <v>-5</v>
      </c>
      <c r="E127" s="21">
        <v>6</v>
      </c>
      <c r="F127" s="22">
        <v>1</v>
      </c>
      <c r="G127" s="23">
        <v>5</v>
      </c>
      <c r="H127" s="22">
        <v>0</v>
      </c>
      <c r="I127" s="22">
        <v>0</v>
      </c>
      <c r="J127" s="22">
        <v>0</v>
      </c>
      <c r="K127" s="21">
        <v>1</v>
      </c>
      <c r="L127" s="53">
        <v>1</v>
      </c>
      <c r="M127" s="54">
        <v>0</v>
      </c>
    </row>
    <row r="128" spans="1:13">
      <c r="A128" s="40" t="s">
        <v>131</v>
      </c>
      <c r="B128" s="21">
        <v>-5</v>
      </c>
      <c r="C128" s="22">
        <v>-1</v>
      </c>
      <c r="D128" s="22">
        <v>-4</v>
      </c>
      <c r="E128" s="21">
        <v>5</v>
      </c>
      <c r="F128" s="22">
        <v>1</v>
      </c>
      <c r="G128" s="23">
        <v>4</v>
      </c>
      <c r="H128" s="22">
        <v>0</v>
      </c>
      <c r="I128" s="22">
        <v>0</v>
      </c>
      <c r="J128" s="22">
        <v>0</v>
      </c>
      <c r="K128" s="21">
        <v>0</v>
      </c>
      <c r="L128" s="53">
        <v>0</v>
      </c>
      <c r="M128" s="54">
        <v>0</v>
      </c>
    </row>
    <row r="129" spans="1:13">
      <c r="A129" s="40" t="s">
        <v>132</v>
      </c>
      <c r="B129" s="21">
        <v>-6</v>
      </c>
      <c r="C129" s="22">
        <v>-5</v>
      </c>
      <c r="D129" s="22">
        <v>-1</v>
      </c>
      <c r="E129" s="21">
        <v>6</v>
      </c>
      <c r="F129" s="22">
        <v>5</v>
      </c>
      <c r="G129" s="23">
        <v>1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6</v>
      </c>
      <c r="C130" s="22">
        <v>-3</v>
      </c>
      <c r="D130" s="22">
        <v>-3</v>
      </c>
      <c r="E130" s="21">
        <v>6</v>
      </c>
      <c r="F130" s="22">
        <v>3</v>
      </c>
      <c r="G130" s="23">
        <v>3</v>
      </c>
      <c r="H130" s="22">
        <v>0</v>
      </c>
      <c r="I130" s="22">
        <v>0</v>
      </c>
      <c r="J130" s="22">
        <v>0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18</v>
      </c>
      <c r="C131" s="18">
        <v>-5</v>
      </c>
      <c r="D131" s="18">
        <v>-13</v>
      </c>
      <c r="E131" s="17">
        <v>18</v>
      </c>
      <c r="F131" s="18">
        <v>5</v>
      </c>
      <c r="G131" s="19">
        <v>13</v>
      </c>
      <c r="H131" s="18">
        <v>0</v>
      </c>
      <c r="I131" s="18">
        <v>0</v>
      </c>
      <c r="J131" s="18">
        <v>0</v>
      </c>
      <c r="K131" s="17">
        <v>0</v>
      </c>
      <c r="L131" s="51">
        <v>0</v>
      </c>
      <c r="M131" s="52">
        <v>0</v>
      </c>
    </row>
    <row r="132" spans="1:13">
      <c r="A132" s="40" t="s">
        <v>135</v>
      </c>
      <c r="B132" s="21">
        <v>-5</v>
      </c>
      <c r="C132" s="22">
        <v>0</v>
      </c>
      <c r="D132" s="22">
        <v>-5</v>
      </c>
      <c r="E132" s="21">
        <v>5</v>
      </c>
      <c r="F132" s="22">
        <v>0</v>
      </c>
      <c r="G132" s="23">
        <v>5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3</v>
      </c>
      <c r="C133" s="22">
        <v>-2</v>
      </c>
      <c r="D133" s="22">
        <v>-1</v>
      </c>
      <c r="E133" s="21">
        <v>3</v>
      </c>
      <c r="F133" s="22">
        <v>2</v>
      </c>
      <c r="G133" s="23">
        <v>1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5</v>
      </c>
      <c r="C134" s="22">
        <v>-2</v>
      </c>
      <c r="D134" s="22">
        <v>-3</v>
      </c>
      <c r="E134" s="21">
        <v>5</v>
      </c>
      <c r="F134" s="22">
        <v>2</v>
      </c>
      <c r="G134" s="23">
        <v>3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2</v>
      </c>
      <c r="C135" s="22">
        <v>-1</v>
      </c>
      <c r="D135" s="22">
        <v>-1</v>
      </c>
      <c r="E135" s="21">
        <v>2</v>
      </c>
      <c r="F135" s="22">
        <v>1</v>
      </c>
      <c r="G135" s="23">
        <v>1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3</v>
      </c>
      <c r="C136" s="22">
        <v>0</v>
      </c>
      <c r="D136" s="22">
        <v>-3</v>
      </c>
      <c r="E136" s="21">
        <v>3</v>
      </c>
      <c r="F136" s="22">
        <v>0</v>
      </c>
      <c r="G136" s="23">
        <v>3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2</v>
      </c>
      <c r="C137" s="43">
        <v>-2</v>
      </c>
      <c r="D137" s="43">
        <v>0</v>
      </c>
      <c r="E137" s="42">
        <v>2</v>
      </c>
      <c r="F137" s="43">
        <v>2</v>
      </c>
      <c r="G137" s="44">
        <v>0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5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10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263</v>
      </c>
      <c r="C5" s="14">
        <v>110</v>
      </c>
      <c r="D5" s="14">
        <v>153</v>
      </c>
      <c r="E5" s="13">
        <v>156</v>
      </c>
      <c r="F5" s="14">
        <v>86</v>
      </c>
      <c r="G5" s="15">
        <v>70</v>
      </c>
      <c r="H5" s="14">
        <v>897</v>
      </c>
      <c r="I5" s="14">
        <v>448</v>
      </c>
      <c r="J5" s="14">
        <v>449</v>
      </c>
      <c r="K5" s="13">
        <v>613</v>
      </c>
      <c r="L5" s="49">
        <v>314</v>
      </c>
      <c r="M5" s="50">
        <v>299</v>
      </c>
    </row>
    <row r="6" spans="1:13" ht="19.5" customHeight="1">
      <c r="A6" s="16" t="s">
        <v>13</v>
      </c>
      <c r="B6" s="17">
        <v>172</v>
      </c>
      <c r="C6" s="18">
        <v>78</v>
      </c>
      <c r="D6" s="18">
        <v>94</v>
      </c>
      <c r="E6" s="17">
        <v>0</v>
      </c>
      <c r="F6" s="18">
        <v>0</v>
      </c>
      <c r="G6" s="19">
        <v>0</v>
      </c>
      <c r="H6" s="18">
        <v>75</v>
      </c>
      <c r="I6" s="18">
        <v>32</v>
      </c>
      <c r="J6" s="18">
        <v>43</v>
      </c>
      <c r="K6" s="17">
        <v>38</v>
      </c>
      <c r="L6" s="51">
        <v>16</v>
      </c>
      <c r="M6" s="52">
        <v>22</v>
      </c>
    </row>
    <row r="7" spans="1:13">
      <c r="A7" s="20" t="s">
        <v>14</v>
      </c>
      <c r="B7" s="21">
        <v>135</v>
      </c>
      <c r="C7" s="22">
        <v>62</v>
      </c>
      <c r="D7" s="22">
        <v>73</v>
      </c>
      <c r="E7" s="21">
        <v>0</v>
      </c>
      <c r="F7" s="22">
        <v>0</v>
      </c>
      <c r="G7" s="23">
        <v>0</v>
      </c>
      <c r="H7" s="22">
        <v>5</v>
      </c>
      <c r="I7" s="22">
        <v>2</v>
      </c>
      <c r="J7" s="22">
        <v>3</v>
      </c>
      <c r="K7" s="21">
        <v>5</v>
      </c>
      <c r="L7" s="53">
        <v>2</v>
      </c>
      <c r="M7" s="54">
        <v>3</v>
      </c>
    </row>
    <row r="8" spans="1:13">
      <c r="A8" s="20" t="s">
        <v>15</v>
      </c>
      <c r="B8" s="21">
        <v>6</v>
      </c>
      <c r="C8" s="22">
        <v>2</v>
      </c>
      <c r="D8" s="22">
        <v>4</v>
      </c>
      <c r="E8" s="21">
        <v>0</v>
      </c>
      <c r="F8" s="22">
        <v>0</v>
      </c>
      <c r="G8" s="23">
        <v>0</v>
      </c>
      <c r="H8" s="22">
        <v>20</v>
      </c>
      <c r="I8" s="22">
        <v>9</v>
      </c>
      <c r="J8" s="22">
        <v>11</v>
      </c>
      <c r="K8" s="21">
        <v>14</v>
      </c>
      <c r="L8" s="53">
        <v>7</v>
      </c>
      <c r="M8" s="54">
        <v>7</v>
      </c>
    </row>
    <row r="9" spans="1:13">
      <c r="A9" s="20" t="s">
        <v>16</v>
      </c>
      <c r="B9" s="21">
        <v>11</v>
      </c>
      <c r="C9" s="22">
        <v>7</v>
      </c>
      <c r="D9" s="22">
        <v>4</v>
      </c>
      <c r="E9" s="21">
        <v>0</v>
      </c>
      <c r="F9" s="22">
        <v>0</v>
      </c>
      <c r="G9" s="23">
        <v>0</v>
      </c>
      <c r="H9" s="22">
        <v>19</v>
      </c>
      <c r="I9" s="22">
        <v>9</v>
      </c>
      <c r="J9" s="22">
        <v>10</v>
      </c>
      <c r="K9" s="21">
        <v>8</v>
      </c>
      <c r="L9" s="53">
        <v>2</v>
      </c>
      <c r="M9" s="54">
        <v>6</v>
      </c>
    </row>
    <row r="10" spans="1:13">
      <c r="A10" s="20" t="s">
        <v>17</v>
      </c>
      <c r="B10" s="21">
        <v>10</v>
      </c>
      <c r="C10" s="22">
        <v>5</v>
      </c>
      <c r="D10" s="22">
        <v>5</v>
      </c>
      <c r="E10" s="21">
        <v>0</v>
      </c>
      <c r="F10" s="22">
        <v>0</v>
      </c>
      <c r="G10" s="23">
        <v>0</v>
      </c>
      <c r="H10" s="22">
        <v>17</v>
      </c>
      <c r="I10" s="22">
        <v>7</v>
      </c>
      <c r="J10" s="22">
        <v>10</v>
      </c>
      <c r="K10" s="21">
        <v>7</v>
      </c>
      <c r="L10" s="53">
        <v>2</v>
      </c>
      <c r="M10" s="54">
        <v>5</v>
      </c>
    </row>
    <row r="11" spans="1:13">
      <c r="A11" s="20" t="s">
        <v>18</v>
      </c>
      <c r="B11" s="21">
        <v>10</v>
      </c>
      <c r="C11" s="22">
        <v>2</v>
      </c>
      <c r="D11" s="22">
        <v>8</v>
      </c>
      <c r="E11" s="21">
        <v>0</v>
      </c>
      <c r="F11" s="22">
        <v>0</v>
      </c>
      <c r="G11" s="23">
        <v>0</v>
      </c>
      <c r="H11" s="22">
        <v>14</v>
      </c>
      <c r="I11" s="22">
        <v>5</v>
      </c>
      <c r="J11" s="22">
        <v>9</v>
      </c>
      <c r="K11" s="21">
        <v>4</v>
      </c>
      <c r="L11" s="53">
        <v>3</v>
      </c>
      <c r="M11" s="54">
        <v>1</v>
      </c>
    </row>
    <row r="12" spans="1:13" ht="20.100000000000001" customHeight="1">
      <c r="A12" s="16" t="s">
        <v>19</v>
      </c>
      <c r="B12" s="17">
        <v>15</v>
      </c>
      <c r="C12" s="18">
        <v>13</v>
      </c>
      <c r="D12" s="18">
        <v>2</v>
      </c>
      <c r="E12" s="17">
        <v>0</v>
      </c>
      <c r="F12" s="18">
        <v>0</v>
      </c>
      <c r="G12" s="19">
        <v>0</v>
      </c>
      <c r="H12" s="18">
        <v>31</v>
      </c>
      <c r="I12" s="18">
        <v>17</v>
      </c>
      <c r="J12" s="18">
        <v>14</v>
      </c>
      <c r="K12" s="17">
        <v>16</v>
      </c>
      <c r="L12" s="51">
        <v>4</v>
      </c>
      <c r="M12" s="52">
        <v>12</v>
      </c>
    </row>
    <row r="13" spans="1:13">
      <c r="A13" s="20" t="s">
        <v>20</v>
      </c>
      <c r="B13" s="21">
        <v>0</v>
      </c>
      <c r="C13" s="22">
        <v>-1</v>
      </c>
      <c r="D13" s="22">
        <v>1</v>
      </c>
      <c r="E13" s="21">
        <v>0</v>
      </c>
      <c r="F13" s="22">
        <v>0</v>
      </c>
      <c r="G13" s="23">
        <v>0</v>
      </c>
      <c r="H13" s="22">
        <v>7</v>
      </c>
      <c r="I13" s="22">
        <v>2</v>
      </c>
      <c r="J13" s="22">
        <v>5</v>
      </c>
      <c r="K13" s="21">
        <v>7</v>
      </c>
      <c r="L13" s="53">
        <v>3</v>
      </c>
      <c r="M13" s="54">
        <v>4</v>
      </c>
    </row>
    <row r="14" spans="1:13">
      <c r="A14" s="20" t="s">
        <v>21</v>
      </c>
      <c r="B14" s="21">
        <v>4</v>
      </c>
      <c r="C14" s="22">
        <v>6</v>
      </c>
      <c r="D14" s="22">
        <v>-2</v>
      </c>
      <c r="E14" s="21">
        <v>0</v>
      </c>
      <c r="F14" s="22">
        <v>0</v>
      </c>
      <c r="G14" s="23">
        <v>0</v>
      </c>
      <c r="H14" s="22">
        <v>9</v>
      </c>
      <c r="I14" s="22">
        <v>7</v>
      </c>
      <c r="J14" s="22">
        <v>2</v>
      </c>
      <c r="K14" s="21">
        <v>5</v>
      </c>
      <c r="L14" s="53">
        <v>1</v>
      </c>
      <c r="M14" s="54">
        <v>4</v>
      </c>
    </row>
    <row r="15" spans="1:13">
      <c r="A15" s="20" t="s">
        <v>22</v>
      </c>
      <c r="B15" s="21">
        <v>2</v>
      </c>
      <c r="C15" s="22">
        <v>1</v>
      </c>
      <c r="D15" s="22">
        <v>1</v>
      </c>
      <c r="E15" s="21">
        <v>0</v>
      </c>
      <c r="F15" s="22">
        <v>0</v>
      </c>
      <c r="G15" s="23">
        <v>0</v>
      </c>
      <c r="H15" s="22">
        <v>5</v>
      </c>
      <c r="I15" s="22">
        <v>1</v>
      </c>
      <c r="J15" s="22">
        <v>4</v>
      </c>
      <c r="K15" s="21">
        <v>3</v>
      </c>
      <c r="L15" s="53">
        <v>0</v>
      </c>
      <c r="M15" s="54">
        <v>3</v>
      </c>
    </row>
    <row r="16" spans="1:13">
      <c r="A16" s="20" t="s">
        <v>23</v>
      </c>
      <c r="B16" s="21">
        <v>4</v>
      </c>
      <c r="C16" s="22">
        <v>3</v>
      </c>
      <c r="D16" s="22">
        <v>1</v>
      </c>
      <c r="E16" s="21">
        <v>0</v>
      </c>
      <c r="F16" s="22">
        <v>0</v>
      </c>
      <c r="G16" s="23">
        <v>0</v>
      </c>
      <c r="H16" s="22">
        <v>4</v>
      </c>
      <c r="I16" s="22">
        <v>3</v>
      </c>
      <c r="J16" s="22">
        <v>1</v>
      </c>
      <c r="K16" s="21">
        <v>0</v>
      </c>
      <c r="L16" s="53">
        <v>0</v>
      </c>
      <c r="M16" s="54">
        <v>0</v>
      </c>
    </row>
    <row r="17" spans="1:13">
      <c r="A17" s="20" t="s">
        <v>24</v>
      </c>
      <c r="B17" s="21">
        <v>5</v>
      </c>
      <c r="C17" s="22">
        <v>4</v>
      </c>
      <c r="D17" s="22">
        <v>1</v>
      </c>
      <c r="E17" s="21">
        <v>0</v>
      </c>
      <c r="F17" s="22">
        <v>0</v>
      </c>
      <c r="G17" s="23">
        <v>0</v>
      </c>
      <c r="H17" s="22">
        <v>6</v>
      </c>
      <c r="I17" s="22">
        <v>4</v>
      </c>
      <c r="J17" s="22">
        <v>2</v>
      </c>
      <c r="K17" s="21">
        <v>1</v>
      </c>
      <c r="L17" s="53">
        <v>0</v>
      </c>
      <c r="M17" s="54">
        <v>1</v>
      </c>
    </row>
    <row r="18" spans="1:13" ht="20.100000000000001" customHeight="1">
      <c r="A18" s="16" t="s">
        <v>25</v>
      </c>
      <c r="B18" s="17">
        <v>1</v>
      </c>
      <c r="C18" s="18">
        <v>0</v>
      </c>
      <c r="D18" s="18">
        <v>1</v>
      </c>
      <c r="E18" s="17">
        <v>0</v>
      </c>
      <c r="F18" s="18">
        <v>0</v>
      </c>
      <c r="G18" s="19">
        <v>0</v>
      </c>
      <c r="H18" s="18">
        <v>10</v>
      </c>
      <c r="I18" s="18">
        <v>6</v>
      </c>
      <c r="J18" s="18">
        <v>4</v>
      </c>
      <c r="K18" s="17">
        <v>9</v>
      </c>
      <c r="L18" s="51">
        <v>6</v>
      </c>
      <c r="M18" s="52">
        <v>3</v>
      </c>
    </row>
    <row r="19" spans="1:13">
      <c r="A19" s="20" t="s">
        <v>26</v>
      </c>
      <c r="B19" s="21">
        <v>0</v>
      </c>
      <c r="C19" s="22">
        <v>0</v>
      </c>
      <c r="D19" s="22">
        <v>0</v>
      </c>
      <c r="E19" s="21">
        <v>0</v>
      </c>
      <c r="F19" s="22">
        <v>0</v>
      </c>
      <c r="G19" s="23">
        <v>0</v>
      </c>
      <c r="H19" s="22">
        <v>1</v>
      </c>
      <c r="I19" s="22">
        <v>1</v>
      </c>
      <c r="J19" s="22">
        <v>0</v>
      </c>
      <c r="K19" s="21">
        <v>1</v>
      </c>
      <c r="L19" s="53">
        <v>1</v>
      </c>
      <c r="M19" s="54">
        <v>0</v>
      </c>
    </row>
    <row r="20" spans="1:13">
      <c r="A20" s="20" t="s">
        <v>27</v>
      </c>
      <c r="B20" s="21">
        <v>1</v>
      </c>
      <c r="C20" s="22">
        <v>2</v>
      </c>
      <c r="D20" s="22">
        <v>-1</v>
      </c>
      <c r="E20" s="21">
        <v>0</v>
      </c>
      <c r="F20" s="22">
        <v>0</v>
      </c>
      <c r="G20" s="23">
        <v>0</v>
      </c>
      <c r="H20" s="22">
        <v>2</v>
      </c>
      <c r="I20" s="22">
        <v>2</v>
      </c>
      <c r="J20" s="22">
        <v>0</v>
      </c>
      <c r="K20" s="21">
        <v>1</v>
      </c>
      <c r="L20" s="53">
        <v>0</v>
      </c>
      <c r="M20" s="54">
        <v>1</v>
      </c>
    </row>
    <row r="21" spans="1:13">
      <c r="A21" s="20" t="s">
        <v>28</v>
      </c>
      <c r="B21" s="21">
        <v>1</v>
      </c>
      <c r="C21" s="22">
        <v>-1</v>
      </c>
      <c r="D21" s="22">
        <v>2</v>
      </c>
      <c r="E21" s="21">
        <v>0</v>
      </c>
      <c r="F21" s="22">
        <v>0</v>
      </c>
      <c r="G21" s="23">
        <v>0</v>
      </c>
      <c r="H21" s="22">
        <v>4</v>
      </c>
      <c r="I21" s="22">
        <v>1</v>
      </c>
      <c r="J21" s="22">
        <v>3</v>
      </c>
      <c r="K21" s="21">
        <v>3</v>
      </c>
      <c r="L21" s="53">
        <v>2</v>
      </c>
      <c r="M21" s="54">
        <v>1</v>
      </c>
    </row>
    <row r="22" spans="1:13">
      <c r="A22" s="20" t="s">
        <v>29</v>
      </c>
      <c r="B22" s="21">
        <v>-2</v>
      </c>
      <c r="C22" s="22">
        <v>-2</v>
      </c>
      <c r="D22" s="22">
        <v>0</v>
      </c>
      <c r="E22" s="21">
        <v>0</v>
      </c>
      <c r="F22" s="22">
        <v>0</v>
      </c>
      <c r="G22" s="23">
        <v>0</v>
      </c>
      <c r="H22" s="22">
        <v>2</v>
      </c>
      <c r="I22" s="22">
        <v>1</v>
      </c>
      <c r="J22" s="22">
        <v>1</v>
      </c>
      <c r="K22" s="21">
        <v>4</v>
      </c>
      <c r="L22" s="53">
        <v>3</v>
      </c>
      <c r="M22" s="54">
        <v>1</v>
      </c>
    </row>
    <row r="23" spans="1:13">
      <c r="A23" s="20" t="s">
        <v>30</v>
      </c>
      <c r="B23" s="21">
        <v>1</v>
      </c>
      <c r="C23" s="22">
        <v>1</v>
      </c>
      <c r="D23" s="22">
        <v>0</v>
      </c>
      <c r="E23" s="21">
        <v>0</v>
      </c>
      <c r="F23" s="22">
        <v>0</v>
      </c>
      <c r="G23" s="23">
        <v>0</v>
      </c>
      <c r="H23" s="22">
        <v>1</v>
      </c>
      <c r="I23" s="22">
        <v>1</v>
      </c>
      <c r="J23" s="22">
        <v>0</v>
      </c>
      <c r="K23" s="21">
        <v>0</v>
      </c>
      <c r="L23" s="53">
        <v>0</v>
      </c>
      <c r="M23" s="54">
        <v>0</v>
      </c>
    </row>
    <row r="24" spans="1:13" ht="20.100000000000001" customHeight="1">
      <c r="A24" s="16" t="s">
        <v>31</v>
      </c>
      <c r="B24" s="17">
        <v>11</v>
      </c>
      <c r="C24" s="18">
        <v>3</v>
      </c>
      <c r="D24" s="18">
        <v>8</v>
      </c>
      <c r="E24" s="17">
        <v>0</v>
      </c>
      <c r="F24" s="18">
        <v>0</v>
      </c>
      <c r="G24" s="19">
        <v>0</v>
      </c>
      <c r="H24" s="18">
        <v>33</v>
      </c>
      <c r="I24" s="18">
        <v>11</v>
      </c>
      <c r="J24" s="18">
        <v>22</v>
      </c>
      <c r="K24" s="17">
        <v>22</v>
      </c>
      <c r="L24" s="51">
        <v>8</v>
      </c>
      <c r="M24" s="52">
        <v>14</v>
      </c>
    </row>
    <row r="25" spans="1:13">
      <c r="A25" s="20" t="s">
        <v>32</v>
      </c>
      <c r="B25" s="21">
        <v>3</v>
      </c>
      <c r="C25" s="22">
        <v>0</v>
      </c>
      <c r="D25" s="22">
        <v>3</v>
      </c>
      <c r="E25" s="21">
        <v>0</v>
      </c>
      <c r="F25" s="22">
        <v>0</v>
      </c>
      <c r="G25" s="23">
        <v>0</v>
      </c>
      <c r="H25" s="22">
        <v>6</v>
      </c>
      <c r="I25" s="22">
        <v>1</v>
      </c>
      <c r="J25" s="22">
        <v>5</v>
      </c>
      <c r="K25" s="21">
        <v>3</v>
      </c>
      <c r="L25" s="53">
        <v>1</v>
      </c>
      <c r="M25" s="54">
        <v>2</v>
      </c>
    </row>
    <row r="26" spans="1:13">
      <c r="A26" s="20" t="s">
        <v>33</v>
      </c>
      <c r="B26" s="21">
        <v>3</v>
      </c>
      <c r="C26" s="22">
        <v>0</v>
      </c>
      <c r="D26" s="22">
        <v>3</v>
      </c>
      <c r="E26" s="21">
        <v>0</v>
      </c>
      <c r="F26" s="22">
        <v>0</v>
      </c>
      <c r="G26" s="23">
        <v>0</v>
      </c>
      <c r="H26" s="22">
        <v>5</v>
      </c>
      <c r="I26" s="22">
        <v>1</v>
      </c>
      <c r="J26" s="22">
        <v>4</v>
      </c>
      <c r="K26" s="21">
        <v>2</v>
      </c>
      <c r="L26" s="53">
        <v>1</v>
      </c>
      <c r="M26" s="54">
        <v>1</v>
      </c>
    </row>
    <row r="27" spans="1:13">
      <c r="A27" s="20" t="s">
        <v>34</v>
      </c>
      <c r="B27" s="21">
        <v>6</v>
      </c>
      <c r="C27" s="22">
        <v>1</v>
      </c>
      <c r="D27" s="22">
        <v>5</v>
      </c>
      <c r="E27" s="21">
        <v>0</v>
      </c>
      <c r="F27" s="22">
        <v>0</v>
      </c>
      <c r="G27" s="23">
        <v>0</v>
      </c>
      <c r="H27" s="22">
        <v>7</v>
      </c>
      <c r="I27" s="22">
        <v>1</v>
      </c>
      <c r="J27" s="22">
        <v>6</v>
      </c>
      <c r="K27" s="21">
        <v>1</v>
      </c>
      <c r="L27" s="53">
        <v>0</v>
      </c>
      <c r="M27" s="54">
        <v>1</v>
      </c>
    </row>
    <row r="28" spans="1:13">
      <c r="A28" s="20" t="s">
        <v>35</v>
      </c>
      <c r="B28" s="21">
        <v>0</v>
      </c>
      <c r="C28" s="22">
        <v>1</v>
      </c>
      <c r="D28" s="22">
        <v>-1</v>
      </c>
      <c r="E28" s="21">
        <v>0</v>
      </c>
      <c r="F28" s="22">
        <v>0</v>
      </c>
      <c r="G28" s="23">
        <v>0</v>
      </c>
      <c r="H28" s="22">
        <v>6</v>
      </c>
      <c r="I28" s="22">
        <v>3</v>
      </c>
      <c r="J28" s="22">
        <v>3</v>
      </c>
      <c r="K28" s="21">
        <v>6</v>
      </c>
      <c r="L28" s="53">
        <v>2</v>
      </c>
      <c r="M28" s="54">
        <v>4</v>
      </c>
    </row>
    <row r="29" spans="1:13">
      <c r="A29" s="20" t="s">
        <v>36</v>
      </c>
      <c r="B29" s="21">
        <v>-1</v>
      </c>
      <c r="C29" s="22">
        <v>1</v>
      </c>
      <c r="D29" s="22">
        <v>-2</v>
      </c>
      <c r="E29" s="21">
        <v>0</v>
      </c>
      <c r="F29" s="22">
        <v>0</v>
      </c>
      <c r="G29" s="23">
        <v>0</v>
      </c>
      <c r="H29" s="22">
        <v>9</v>
      </c>
      <c r="I29" s="22">
        <v>5</v>
      </c>
      <c r="J29" s="22">
        <v>4</v>
      </c>
      <c r="K29" s="21">
        <v>10</v>
      </c>
      <c r="L29" s="53">
        <v>4</v>
      </c>
      <c r="M29" s="54">
        <v>6</v>
      </c>
    </row>
    <row r="30" spans="1:13" ht="20.100000000000001" customHeight="1">
      <c r="A30" s="16" t="s">
        <v>37</v>
      </c>
      <c r="B30" s="17">
        <v>-8</v>
      </c>
      <c r="C30" s="18">
        <v>-5</v>
      </c>
      <c r="D30" s="18">
        <v>-3</v>
      </c>
      <c r="E30" s="17">
        <v>0</v>
      </c>
      <c r="F30" s="18">
        <v>0</v>
      </c>
      <c r="G30" s="19">
        <v>0</v>
      </c>
      <c r="H30" s="18">
        <v>100</v>
      </c>
      <c r="I30" s="18">
        <v>52</v>
      </c>
      <c r="J30" s="18">
        <v>48</v>
      </c>
      <c r="K30" s="17">
        <v>108</v>
      </c>
      <c r="L30" s="51">
        <v>57</v>
      </c>
      <c r="M30" s="52">
        <v>51</v>
      </c>
    </row>
    <row r="31" spans="1:13">
      <c r="A31" s="20" t="s">
        <v>38</v>
      </c>
      <c r="B31" s="21">
        <v>9</v>
      </c>
      <c r="C31" s="22">
        <v>7</v>
      </c>
      <c r="D31" s="22">
        <v>2</v>
      </c>
      <c r="E31" s="21">
        <v>0</v>
      </c>
      <c r="F31" s="22">
        <v>0</v>
      </c>
      <c r="G31" s="23">
        <v>0</v>
      </c>
      <c r="H31" s="22">
        <v>18</v>
      </c>
      <c r="I31" s="22">
        <v>11</v>
      </c>
      <c r="J31" s="22">
        <v>7</v>
      </c>
      <c r="K31" s="21">
        <v>9</v>
      </c>
      <c r="L31" s="53">
        <v>4</v>
      </c>
      <c r="M31" s="54">
        <v>5</v>
      </c>
    </row>
    <row r="32" spans="1:13">
      <c r="A32" s="20" t="s">
        <v>39</v>
      </c>
      <c r="B32" s="21">
        <v>-1</v>
      </c>
      <c r="C32" s="22">
        <v>1</v>
      </c>
      <c r="D32" s="22">
        <v>-2</v>
      </c>
      <c r="E32" s="21">
        <v>0</v>
      </c>
      <c r="F32" s="22">
        <v>0</v>
      </c>
      <c r="G32" s="23">
        <v>0</v>
      </c>
      <c r="H32" s="22">
        <v>13</v>
      </c>
      <c r="I32" s="22">
        <v>6</v>
      </c>
      <c r="J32" s="22">
        <v>7</v>
      </c>
      <c r="K32" s="21">
        <v>14</v>
      </c>
      <c r="L32" s="53">
        <v>5</v>
      </c>
      <c r="M32" s="54">
        <v>9</v>
      </c>
    </row>
    <row r="33" spans="1:13">
      <c r="A33" s="20" t="s">
        <v>40</v>
      </c>
      <c r="B33" s="21">
        <v>-18</v>
      </c>
      <c r="C33" s="22">
        <v>-12</v>
      </c>
      <c r="D33" s="22">
        <v>-6</v>
      </c>
      <c r="E33" s="21">
        <v>0</v>
      </c>
      <c r="F33" s="22">
        <v>0</v>
      </c>
      <c r="G33" s="23">
        <v>0</v>
      </c>
      <c r="H33" s="22">
        <v>7</v>
      </c>
      <c r="I33" s="22">
        <v>2</v>
      </c>
      <c r="J33" s="22">
        <v>5</v>
      </c>
      <c r="K33" s="21">
        <v>25</v>
      </c>
      <c r="L33" s="53">
        <v>14</v>
      </c>
      <c r="M33" s="54">
        <v>11</v>
      </c>
    </row>
    <row r="34" spans="1:13">
      <c r="A34" s="20" t="s">
        <v>41</v>
      </c>
      <c r="B34" s="21">
        <v>-8</v>
      </c>
      <c r="C34" s="22">
        <v>-3</v>
      </c>
      <c r="D34" s="22">
        <v>-5</v>
      </c>
      <c r="E34" s="21">
        <v>0</v>
      </c>
      <c r="F34" s="22">
        <v>0</v>
      </c>
      <c r="G34" s="23">
        <v>0</v>
      </c>
      <c r="H34" s="22">
        <v>30</v>
      </c>
      <c r="I34" s="22">
        <v>17</v>
      </c>
      <c r="J34" s="22">
        <v>13</v>
      </c>
      <c r="K34" s="21">
        <v>38</v>
      </c>
      <c r="L34" s="53">
        <v>20</v>
      </c>
      <c r="M34" s="54">
        <v>18</v>
      </c>
    </row>
    <row r="35" spans="1:13">
      <c r="A35" s="20" t="s">
        <v>42</v>
      </c>
      <c r="B35" s="21">
        <v>10</v>
      </c>
      <c r="C35" s="22">
        <v>2</v>
      </c>
      <c r="D35" s="22">
        <v>8</v>
      </c>
      <c r="E35" s="21">
        <v>0</v>
      </c>
      <c r="F35" s="22">
        <v>0</v>
      </c>
      <c r="G35" s="23">
        <v>0</v>
      </c>
      <c r="H35" s="22">
        <v>32</v>
      </c>
      <c r="I35" s="22">
        <v>16</v>
      </c>
      <c r="J35" s="22">
        <v>16</v>
      </c>
      <c r="K35" s="21">
        <v>22</v>
      </c>
      <c r="L35" s="53">
        <v>14</v>
      </c>
      <c r="M35" s="54">
        <v>8</v>
      </c>
    </row>
    <row r="36" spans="1:13" ht="20.100000000000001" customHeight="1">
      <c r="A36" s="16" t="s">
        <v>43</v>
      </c>
      <c r="B36" s="17">
        <v>50</v>
      </c>
      <c r="C36" s="18">
        <v>21</v>
      </c>
      <c r="D36" s="18">
        <v>29</v>
      </c>
      <c r="E36" s="17">
        <v>0</v>
      </c>
      <c r="F36" s="18">
        <v>0</v>
      </c>
      <c r="G36" s="19">
        <v>0</v>
      </c>
      <c r="H36" s="18">
        <v>146</v>
      </c>
      <c r="I36" s="18">
        <v>71</v>
      </c>
      <c r="J36" s="18">
        <v>75</v>
      </c>
      <c r="K36" s="17">
        <v>96</v>
      </c>
      <c r="L36" s="51">
        <v>50</v>
      </c>
      <c r="M36" s="52">
        <v>46</v>
      </c>
    </row>
    <row r="37" spans="1:13">
      <c r="A37" s="20" t="s">
        <v>44</v>
      </c>
      <c r="B37" s="21">
        <v>10</v>
      </c>
      <c r="C37" s="22">
        <v>7</v>
      </c>
      <c r="D37" s="22">
        <v>3</v>
      </c>
      <c r="E37" s="21">
        <v>0</v>
      </c>
      <c r="F37" s="22">
        <v>0</v>
      </c>
      <c r="G37" s="23">
        <v>0</v>
      </c>
      <c r="H37" s="22">
        <v>32</v>
      </c>
      <c r="I37" s="22">
        <v>17</v>
      </c>
      <c r="J37" s="22">
        <v>15</v>
      </c>
      <c r="K37" s="21">
        <v>22</v>
      </c>
      <c r="L37" s="53">
        <v>10</v>
      </c>
      <c r="M37" s="54">
        <v>12</v>
      </c>
    </row>
    <row r="38" spans="1:13">
      <c r="A38" s="20" t="s">
        <v>45</v>
      </c>
      <c r="B38" s="21">
        <v>5</v>
      </c>
      <c r="C38" s="22">
        <v>2</v>
      </c>
      <c r="D38" s="22">
        <v>3</v>
      </c>
      <c r="E38" s="21">
        <v>0</v>
      </c>
      <c r="F38" s="22">
        <v>0</v>
      </c>
      <c r="G38" s="23">
        <v>0</v>
      </c>
      <c r="H38" s="22">
        <v>24</v>
      </c>
      <c r="I38" s="22">
        <v>12</v>
      </c>
      <c r="J38" s="22">
        <v>12</v>
      </c>
      <c r="K38" s="21">
        <v>19</v>
      </c>
      <c r="L38" s="53">
        <v>10</v>
      </c>
      <c r="M38" s="54">
        <v>9</v>
      </c>
    </row>
    <row r="39" spans="1:13">
      <c r="A39" s="20" t="s">
        <v>46</v>
      </c>
      <c r="B39" s="21">
        <v>0</v>
      </c>
      <c r="C39" s="22">
        <v>-4</v>
      </c>
      <c r="D39" s="22">
        <v>4</v>
      </c>
      <c r="E39" s="21">
        <v>0</v>
      </c>
      <c r="F39" s="22">
        <v>0</v>
      </c>
      <c r="G39" s="23">
        <v>0</v>
      </c>
      <c r="H39" s="22">
        <v>26</v>
      </c>
      <c r="I39" s="22">
        <v>9</v>
      </c>
      <c r="J39" s="22">
        <v>17</v>
      </c>
      <c r="K39" s="21">
        <v>26</v>
      </c>
      <c r="L39" s="53">
        <v>13</v>
      </c>
      <c r="M39" s="54">
        <v>13</v>
      </c>
    </row>
    <row r="40" spans="1:13">
      <c r="A40" s="20" t="s">
        <v>47</v>
      </c>
      <c r="B40" s="21">
        <v>26</v>
      </c>
      <c r="C40" s="22">
        <v>12</v>
      </c>
      <c r="D40" s="22">
        <v>14</v>
      </c>
      <c r="E40" s="21">
        <v>0</v>
      </c>
      <c r="F40" s="22">
        <v>0</v>
      </c>
      <c r="G40" s="23">
        <v>0</v>
      </c>
      <c r="H40" s="22">
        <v>38</v>
      </c>
      <c r="I40" s="22">
        <v>20</v>
      </c>
      <c r="J40" s="22">
        <v>18</v>
      </c>
      <c r="K40" s="21">
        <v>12</v>
      </c>
      <c r="L40" s="53">
        <v>8</v>
      </c>
      <c r="M40" s="54">
        <v>4</v>
      </c>
    </row>
    <row r="41" spans="1:13">
      <c r="A41" s="20" t="s">
        <v>48</v>
      </c>
      <c r="B41" s="21">
        <v>9</v>
      </c>
      <c r="C41" s="22">
        <v>4</v>
      </c>
      <c r="D41" s="22">
        <v>5</v>
      </c>
      <c r="E41" s="21">
        <v>0</v>
      </c>
      <c r="F41" s="22">
        <v>0</v>
      </c>
      <c r="G41" s="23">
        <v>0</v>
      </c>
      <c r="H41" s="22">
        <v>26</v>
      </c>
      <c r="I41" s="22">
        <v>13</v>
      </c>
      <c r="J41" s="22">
        <v>13</v>
      </c>
      <c r="K41" s="21">
        <v>17</v>
      </c>
      <c r="L41" s="53">
        <v>9</v>
      </c>
      <c r="M41" s="54">
        <v>8</v>
      </c>
    </row>
    <row r="42" spans="1:13" ht="20.100000000000001" customHeight="1">
      <c r="A42" s="16" t="s">
        <v>49</v>
      </c>
      <c r="B42" s="17">
        <v>43</v>
      </c>
      <c r="C42" s="18">
        <v>11</v>
      </c>
      <c r="D42" s="18">
        <v>32</v>
      </c>
      <c r="E42" s="17">
        <v>0</v>
      </c>
      <c r="F42" s="18">
        <v>0</v>
      </c>
      <c r="G42" s="19">
        <v>0</v>
      </c>
      <c r="H42" s="18">
        <v>134</v>
      </c>
      <c r="I42" s="18">
        <v>63</v>
      </c>
      <c r="J42" s="18">
        <v>71</v>
      </c>
      <c r="K42" s="17">
        <v>91</v>
      </c>
      <c r="L42" s="51">
        <v>52</v>
      </c>
      <c r="M42" s="52">
        <v>39</v>
      </c>
    </row>
    <row r="43" spans="1:13">
      <c r="A43" s="20" t="s">
        <v>50</v>
      </c>
      <c r="B43" s="21">
        <v>16</v>
      </c>
      <c r="C43" s="22">
        <v>11</v>
      </c>
      <c r="D43" s="22">
        <v>5</v>
      </c>
      <c r="E43" s="21">
        <v>0</v>
      </c>
      <c r="F43" s="22">
        <v>0</v>
      </c>
      <c r="G43" s="23">
        <v>0</v>
      </c>
      <c r="H43" s="22">
        <v>35</v>
      </c>
      <c r="I43" s="22">
        <v>20</v>
      </c>
      <c r="J43" s="22">
        <v>15</v>
      </c>
      <c r="K43" s="21">
        <v>19</v>
      </c>
      <c r="L43" s="53">
        <v>9</v>
      </c>
      <c r="M43" s="54">
        <v>10</v>
      </c>
    </row>
    <row r="44" spans="1:13">
      <c r="A44" s="20" t="s">
        <v>51</v>
      </c>
      <c r="B44" s="21">
        <v>8</v>
      </c>
      <c r="C44" s="22">
        <v>2</v>
      </c>
      <c r="D44" s="22">
        <v>6</v>
      </c>
      <c r="E44" s="21">
        <v>0</v>
      </c>
      <c r="F44" s="22">
        <v>0</v>
      </c>
      <c r="G44" s="23">
        <v>0</v>
      </c>
      <c r="H44" s="22">
        <v>25</v>
      </c>
      <c r="I44" s="22">
        <v>11</v>
      </c>
      <c r="J44" s="22">
        <v>14</v>
      </c>
      <c r="K44" s="21">
        <v>17</v>
      </c>
      <c r="L44" s="53">
        <v>9</v>
      </c>
      <c r="M44" s="54">
        <v>8</v>
      </c>
    </row>
    <row r="45" spans="1:13">
      <c r="A45" s="20" t="s">
        <v>52</v>
      </c>
      <c r="B45" s="21">
        <v>5</v>
      </c>
      <c r="C45" s="22">
        <v>-1</v>
      </c>
      <c r="D45" s="22">
        <v>6</v>
      </c>
      <c r="E45" s="21">
        <v>0</v>
      </c>
      <c r="F45" s="22">
        <v>0</v>
      </c>
      <c r="G45" s="23">
        <v>0</v>
      </c>
      <c r="H45" s="22">
        <v>28</v>
      </c>
      <c r="I45" s="22">
        <v>13</v>
      </c>
      <c r="J45" s="22">
        <v>15</v>
      </c>
      <c r="K45" s="21">
        <v>23</v>
      </c>
      <c r="L45" s="53">
        <v>14</v>
      </c>
      <c r="M45" s="54">
        <v>9</v>
      </c>
    </row>
    <row r="46" spans="1:13">
      <c r="A46" s="20" t="s">
        <v>53</v>
      </c>
      <c r="B46" s="21">
        <v>7</v>
      </c>
      <c r="C46" s="22">
        <v>-2</v>
      </c>
      <c r="D46" s="22">
        <v>9</v>
      </c>
      <c r="E46" s="21">
        <v>0</v>
      </c>
      <c r="F46" s="22">
        <v>0</v>
      </c>
      <c r="G46" s="23">
        <v>0</v>
      </c>
      <c r="H46" s="22">
        <v>27</v>
      </c>
      <c r="I46" s="22">
        <v>10</v>
      </c>
      <c r="J46" s="22">
        <v>17</v>
      </c>
      <c r="K46" s="21">
        <v>20</v>
      </c>
      <c r="L46" s="53">
        <v>12</v>
      </c>
      <c r="M46" s="54">
        <v>8</v>
      </c>
    </row>
    <row r="47" spans="1:13">
      <c r="A47" s="20" t="s">
        <v>54</v>
      </c>
      <c r="B47" s="21">
        <v>7</v>
      </c>
      <c r="C47" s="22">
        <v>1</v>
      </c>
      <c r="D47" s="22">
        <v>6</v>
      </c>
      <c r="E47" s="21">
        <v>0</v>
      </c>
      <c r="F47" s="22">
        <v>0</v>
      </c>
      <c r="G47" s="23">
        <v>0</v>
      </c>
      <c r="H47" s="22">
        <v>19</v>
      </c>
      <c r="I47" s="22">
        <v>9</v>
      </c>
      <c r="J47" s="22">
        <v>10</v>
      </c>
      <c r="K47" s="21">
        <v>12</v>
      </c>
      <c r="L47" s="53">
        <v>8</v>
      </c>
      <c r="M47" s="54">
        <v>4</v>
      </c>
    </row>
    <row r="48" spans="1:13" ht="20.100000000000001" customHeight="1">
      <c r="A48" s="16" t="s">
        <v>55</v>
      </c>
      <c r="B48" s="17">
        <v>26</v>
      </c>
      <c r="C48" s="18">
        <v>18</v>
      </c>
      <c r="D48" s="18">
        <v>8</v>
      </c>
      <c r="E48" s="17">
        <v>0</v>
      </c>
      <c r="F48" s="18">
        <v>0</v>
      </c>
      <c r="G48" s="19">
        <v>0</v>
      </c>
      <c r="H48" s="18">
        <v>91</v>
      </c>
      <c r="I48" s="18">
        <v>53</v>
      </c>
      <c r="J48" s="18">
        <v>38</v>
      </c>
      <c r="K48" s="17">
        <v>65</v>
      </c>
      <c r="L48" s="51">
        <v>35</v>
      </c>
      <c r="M48" s="52">
        <v>30</v>
      </c>
    </row>
    <row r="49" spans="1:13">
      <c r="A49" s="20" t="s">
        <v>56</v>
      </c>
      <c r="B49" s="21">
        <v>5</v>
      </c>
      <c r="C49" s="22">
        <v>8</v>
      </c>
      <c r="D49" s="22">
        <v>-3</v>
      </c>
      <c r="E49" s="21">
        <v>0</v>
      </c>
      <c r="F49" s="22">
        <v>0</v>
      </c>
      <c r="G49" s="23">
        <v>0</v>
      </c>
      <c r="H49" s="22">
        <v>17</v>
      </c>
      <c r="I49" s="22">
        <v>13</v>
      </c>
      <c r="J49" s="22">
        <v>4</v>
      </c>
      <c r="K49" s="21">
        <v>12</v>
      </c>
      <c r="L49" s="53">
        <v>5</v>
      </c>
      <c r="M49" s="54">
        <v>7</v>
      </c>
    </row>
    <row r="50" spans="1:13">
      <c r="A50" s="20" t="s">
        <v>57</v>
      </c>
      <c r="B50" s="21">
        <v>3</v>
      </c>
      <c r="C50" s="22">
        <v>3</v>
      </c>
      <c r="D50" s="22">
        <v>0</v>
      </c>
      <c r="E50" s="21">
        <v>0</v>
      </c>
      <c r="F50" s="22">
        <v>0</v>
      </c>
      <c r="G50" s="23">
        <v>0</v>
      </c>
      <c r="H50" s="22">
        <v>18</v>
      </c>
      <c r="I50" s="22">
        <v>10</v>
      </c>
      <c r="J50" s="22">
        <v>8</v>
      </c>
      <c r="K50" s="21">
        <v>15</v>
      </c>
      <c r="L50" s="53">
        <v>7</v>
      </c>
      <c r="M50" s="54">
        <v>8</v>
      </c>
    </row>
    <row r="51" spans="1:13">
      <c r="A51" s="20" t="s">
        <v>58</v>
      </c>
      <c r="B51" s="21">
        <v>0</v>
      </c>
      <c r="C51" s="22">
        <v>-1</v>
      </c>
      <c r="D51" s="22">
        <v>1</v>
      </c>
      <c r="E51" s="21">
        <v>0</v>
      </c>
      <c r="F51" s="22">
        <v>0</v>
      </c>
      <c r="G51" s="23">
        <v>0</v>
      </c>
      <c r="H51" s="22">
        <v>17</v>
      </c>
      <c r="I51" s="22">
        <v>8</v>
      </c>
      <c r="J51" s="22">
        <v>9</v>
      </c>
      <c r="K51" s="21">
        <v>17</v>
      </c>
      <c r="L51" s="53">
        <v>9</v>
      </c>
      <c r="M51" s="54">
        <v>8</v>
      </c>
    </row>
    <row r="52" spans="1:13">
      <c r="A52" s="20" t="s">
        <v>59</v>
      </c>
      <c r="B52" s="21">
        <v>10</v>
      </c>
      <c r="C52" s="22">
        <v>4</v>
      </c>
      <c r="D52" s="22">
        <v>6</v>
      </c>
      <c r="E52" s="21">
        <v>0</v>
      </c>
      <c r="F52" s="22">
        <v>0</v>
      </c>
      <c r="G52" s="23">
        <v>0</v>
      </c>
      <c r="H52" s="22">
        <v>19</v>
      </c>
      <c r="I52" s="22">
        <v>10</v>
      </c>
      <c r="J52" s="22">
        <v>9</v>
      </c>
      <c r="K52" s="21">
        <v>9</v>
      </c>
      <c r="L52" s="53">
        <v>6</v>
      </c>
      <c r="M52" s="54">
        <v>3</v>
      </c>
    </row>
    <row r="53" spans="1:13">
      <c r="A53" s="20" t="s">
        <v>60</v>
      </c>
      <c r="B53" s="21">
        <v>8</v>
      </c>
      <c r="C53" s="22">
        <v>4</v>
      </c>
      <c r="D53" s="22">
        <v>4</v>
      </c>
      <c r="E53" s="21">
        <v>0</v>
      </c>
      <c r="F53" s="22">
        <v>0</v>
      </c>
      <c r="G53" s="23">
        <v>0</v>
      </c>
      <c r="H53" s="22">
        <v>20</v>
      </c>
      <c r="I53" s="22">
        <v>12</v>
      </c>
      <c r="J53" s="22">
        <v>8</v>
      </c>
      <c r="K53" s="21">
        <v>12</v>
      </c>
      <c r="L53" s="53">
        <v>8</v>
      </c>
      <c r="M53" s="54">
        <v>4</v>
      </c>
    </row>
    <row r="54" spans="1:13" ht="20.100000000000001" customHeight="1">
      <c r="A54" s="16" t="s">
        <v>61</v>
      </c>
      <c r="B54" s="17">
        <v>18</v>
      </c>
      <c r="C54" s="18">
        <v>10</v>
      </c>
      <c r="D54" s="18">
        <v>8</v>
      </c>
      <c r="E54" s="17">
        <v>0</v>
      </c>
      <c r="F54" s="18">
        <v>0</v>
      </c>
      <c r="G54" s="19">
        <v>0</v>
      </c>
      <c r="H54" s="18">
        <v>57</v>
      </c>
      <c r="I54" s="18">
        <v>34</v>
      </c>
      <c r="J54" s="18">
        <v>23</v>
      </c>
      <c r="K54" s="17">
        <v>39</v>
      </c>
      <c r="L54" s="51">
        <v>24</v>
      </c>
      <c r="M54" s="52">
        <v>15</v>
      </c>
    </row>
    <row r="55" spans="1:13">
      <c r="A55" s="20" t="s">
        <v>62</v>
      </c>
      <c r="B55" s="21">
        <v>-4</v>
      </c>
      <c r="C55" s="22">
        <v>-4</v>
      </c>
      <c r="D55" s="22">
        <v>0</v>
      </c>
      <c r="E55" s="21">
        <v>0</v>
      </c>
      <c r="F55" s="22">
        <v>0</v>
      </c>
      <c r="G55" s="23">
        <v>0</v>
      </c>
      <c r="H55" s="22">
        <v>7</v>
      </c>
      <c r="I55" s="22">
        <v>4</v>
      </c>
      <c r="J55" s="22">
        <v>3</v>
      </c>
      <c r="K55" s="21">
        <v>11</v>
      </c>
      <c r="L55" s="53">
        <v>8</v>
      </c>
      <c r="M55" s="54">
        <v>3</v>
      </c>
    </row>
    <row r="56" spans="1:13">
      <c r="A56" s="20" t="s">
        <v>63</v>
      </c>
      <c r="B56" s="21">
        <v>8</v>
      </c>
      <c r="C56" s="22">
        <v>7</v>
      </c>
      <c r="D56" s="22">
        <v>1</v>
      </c>
      <c r="E56" s="21">
        <v>0</v>
      </c>
      <c r="F56" s="22">
        <v>0</v>
      </c>
      <c r="G56" s="23">
        <v>0</v>
      </c>
      <c r="H56" s="22">
        <v>11</v>
      </c>
      <c r="I56" s="22">
        <v>8</v>
      </c>
      <c r="J56" s="22">
        <v>3</v>
      </c>
      <c r="K56" s="21">
        <v>3</v>
      </c>
      <c r="L56" s="53">
        <v>1</v>
      </c>
      <c r="M56" s="54">
        <v>2</v>
      </c>
    </row>
    <row r="57" spans="1:13">
      <c r="A57" s="20" t="s">
        <v>64</v>
      </c>
      <c r="B57" s="21">
        <v>2</v>
      </c>
      <c r="C57" s="22">
        <v>5</v>
      </c>
      <c r="D57" s="22">
        <v>-3</v>
      </c>
      <c r="E57" s="21">
        <v>0</v>
      </c>
      <c r="F57" s="22">
        <v>0</v>
      </c>
      <c r="G57" s="23">
        <v>0</v>
      </c>
      <c r="H57" s="22">
        <v>16</v>
      </c>
      <c r="I57" s="22">
        <v>12</v>
      </c>
      <c r="J57" s="22">
        <v>4</v>
      </c>
      <c r="K57" s="21">
        <v>14</v>
      </c>
      <c r="L57" s="53">
        <v>7</v>
      </c>
      <c r="M57" s="54">
        <v>7</v>
      </c>
    </row>
    <row r="58" spans="1:13">
      <c r="A58" s="20" t="s">
        <v>65</v>
      </c>
      <c r="B58" s="21">
        <v>8</v>
      </c>
      <c r="C58" s="22">
        <v>1</v>
      </c>
      <c r="D58" s="22">
        <v>7</v>
      </c>
      <c r="E58" s="21">
        <v>0</v>
      </c>
      <c r="F58" s="22">
        <v>0</v>
      </c>
      <c r="G58" s="23">
        <v>0</v>
      </c>
      <c r="H58" s="22">
        <v>11</v>
      </c>
      <c r="I58" s="22">
        <v>3</v>
      </c>
      <c r="J58" s="22">
        <v>8</v>
      </c>
      <c r="K58" s="21">
        <v>3</v>
      </c>
      <c r="L58" s="53">
        <v>2</v>
      </c>
      <c r="M58" s="54">
        <v>1</v>
      </c>
    </row>
    <row r="59" spans="1:13">
      <c r="A59" s="20" t="s">
        <v>66</v>
      </c>
      <c r="B59" s="21">
        <v>4</v>
      </c>
      <c r="C59" s="22">
        <v>1</v>
      </c>
      <c r="D59" s="22">
        <v>3</v>
      </c>
      <c r="E59" s="21">
        <v>0</v>
      </c>
      <c r="F59" s="22">
        <v>0</v>
      </c>
      <c r="G59" s="23">
        <v>0</v>
      </c>
      <c r="H59" s="22">
        <v>12</v>
      </c>
      <c r="I59" s="22">
        <v>7</v>
      </c>
      <c r="J59" s="22">
        <v>5</v>
      </c>
      <c r="K59" s="21">
        <v>8</v>
      </c>
      <c r="L59" s="53">
        <v>6</v>
      </c>
      <c r="M59" s="54">
        <v>2</v>
      </c>
    </row>
    <row r="60" spans="1:13" ht="20.100000000000001" customHeight="1">
      <c r="A60" s="16" t="s">
        <v>67</v>
      </c>
      <c r="B60" s="17">
        <v>14</v>
      </c>
      <c r="C60" s="18">
        <v>5</v>
      </c>
      <c r="D60" s="18">
        <v>9</v>
      </c>
      <c r="E60" s="17">
        <v>2</v>
      </c>
      <c r="F60" s="18">
        <v>1</v>
      </c>
      <c r="G60" s="19">
        <v>1</v>
      </c>
      <c r="H60" s="18">
        <v>44</v>
      </c>
      <c r="I60" s="18">
        <v>23</v>
      </c>
      <c r="J60" s="18">
        <v>21</v>
      </c>
      <c r="K60" s="17">
        <v>28</v>
      </c>
      <c r="L60" s="51">
        <v>17</v>
      </c>
      <c r="M60" s="52">
        <v>11</v>
      </c>
    </row>
    <row r="61" spans="1:13">
      <c r="A61" s="20" t="s">
        <v>68</v>
      </c>
      <c r="B61" s="21">
        <v>7</v>
      </c>
      <c r="C61" s="22">
        <v>4</v>
      </c>
      <c r="D61" s="22">
        <v>3</v>
      </c>
      <c r="E61" s="21">
        <v>1</v>
      </c>
      <c r="F61" s="22">
        <v>0</v>
      </c>
      <c r="G61" s="23">
        <v>1</v>
      </c>
      <c r="H61" s="22">
        <v>13</v>
      </c>
      <c r="I61" s="22">
        <v>6</v>
      </c>
      <c r="J61" s="22">
        <v>7</v>
      </c>
      <c r="K61" s="21">
        <v>5</v>
      </c>
      <c r="L61" s="53">
        <v>2</v>
      </c>
      <c r="M61" s="54">
        <v>3</v>
      </c>
    </row>
    <row r="62" spans="1:13">
      <c r="A62" s="20" t="s">
        <v>69</v>
      </c>
      <c r="B62" s="21">
        <v>6</v>
      </c>
      <c r="C62" s="22">
        <v>1</v>
      </c>
      <c r="D62" s="22">
        <v>5</v>
      </c>
      <c r="E62" s="21">
        <v>0</v>
      </c>
      <c r="F62" s="22">
        <v>0</v>
      </c>
      <c r="G62" s="23">
        <v>0</v>
      </c>
      <c r="H62" s="22">
        <v>13</v>
      </c>
      <c r="I62" s="22">
        <v>7</v>
      </c>
      <c r="J62" s="22">
        <v>6</v>
      </c>
      <c r="K62" s="21">
        <v>7</v>
      </c>
      <c r="L62" s="53">
        <v>6</v>
      </c>
      <c r="M62" s="54">
        <v>1</v>
      </c>
    </row>
    <row r="63" spans="1:13">
      <c r="A63" s="20" t="s">
        <v>70</v>
      </c>
      <c r="B63" s="21">
        <v>2</v>
      </c>
      <c r="C63" s="22">
        <v>3</v>
      </c>
      <c r="D63" s="22">
        <v>-1</v>
      </c>
      <c r="E63" s="21">
        <v>0</v>
      </c>
      <c r="F63" s="22">
        <v>0</v>
      </c>
      <c r="G63" s="23">
        <v>0</v>
      </c>
      <c r="H63" s="22">
        <v>6</v>
      </c>
      <c r="I63" s="22">
        <v>5</v>
      </c>
      <c r="J63" s="22">
        <v>1</v>
      </c>
      <c r="K63" s="21">
        <v>4</v>
      </c>
      <c r="L63" s="53">
        <v>2</v>
      </c>
      <c r="M63" s="54">
        <v>2</v>
      </c>
    </row>
    <row r="64" spans="1:13">
      <c r="A64" s="20" t="s">
        <v>71</v>
      </c>
      <c r="B64" s="21">
        <v>-2</v>
      </c>
      <c r="C64" s="22">
        <v>-3</v>
      </c>
      <c r="D64" s="22">
        <v>1</v>
      </c>
      <c r="E64" s="21">
        <v>1</v>
      </c>
      <c r="F64" s="22">
        <v>1</v>
      </c>
      <c r="G64" s="23">
        <v>0</v>
      </c>
      <c r="H64" s="22">
        <v>3</v>
      </c>
      <c r="I64" s="22">
        <v>2</v>
      </c>
      <c r="J64" s="22">
        <v>1</v>
      </c>
      <c r="K64" s="21">
        <v>4</v>
      </c>
      <c r="L64" s="53">
        <v>4</v>
      </c>
      <c r="M64" s="54">
        <v>0</v>
      </c>
    </row>
    <row r="65" spans="1:13">
      <c r="A65" s="24" t="s">
        <v>72</v>
      </c>
      <c r="B65" s="25">
        <v>1</v>
      </c>
      <c r="C65" s="26">
        <v>0</v>
      </c>
      <c r="D65" s="26">
        <v>1</v>
      </c>
      <c r="E65" s="25">
        <v>0</v>
      </c>
      <c r="F65" s="26">
        <v>0</v>
      </c>
      <c r="G65" s="27">
        <v>0</v>
      </c>
      <c r="H65" s="26">
        <v>9</v>
      </c>
      <c r="I65" s="26">
        <v>3</v>
      </c>
      <c r="J65" s="26">
        <v>6</v>
      </c>
      <c r="K65" s="25">
        <v>8</v>
      </c>
      <c r="L65" s="55">
        <v>3</v>
      </c>
      <c r="M65" s="56">
        <v>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35</v>
      </c>
      <c r="C69" s="58">
        <v>62</v>
      </c>
      <c r="D69" s="59">
        <v>7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35</v>
      </c>
      <c r="C70" s="61">
        <v>62</v>
      </c>
      <c r="D70" s="62">
        <v>73</v>
      </c>
    </row>
    <row r="71" spans="1:13">
      <c r="A71" s="24" t="s">
        <v>14</v>
      </c>
      <c r="B71" s="63">
        <v>135</v>
      </c>
      <c r="C71" s="64">
        <v>62</v>
      </c>
      <c r="D71" s="65">
        <v>73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1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7</v>
      </c>
      <c r="C77" s="18">
        <v>-2</v>
      </c>
      <c r="D77" s="18">
        <v>9</v>
      </c>
      <c r="E77" s="17">
        <v>2</v>
      </c>
      <c r="F77" s="18">
        <v>1</v>
      </c>
      <c r="G77" s="19">
        <v>1</v>
      </c>
      <c r="H77" s="18">
        <v>40</v>
      </c>
      <c r="I77" s="18">
        <v>17</v>
      </c>
      <c r="J77" s="18">
        <v>23</v>
      </c>
      <c r="K77" s="17">
        <v>31</v>
      </c>
      <c r="L77" s="51">
        <v>18</v>
      </c>
      <c r="M77" s="52">
        <v>13</v>
      </c>
    </row>
    <row r="78" spans="1:13">
      <c r="A78" s="40" t="s">
        <v>81</v>
      </c>
      <c r="B78" s="21">
        <v>5</v>
      </c>
      <c r="C78" s="22">
        <v>1</v>
      </c>
      <c r="D78" s="22">
        <v>4</v>
      </c>
      <c r="E78" s="21">
        <v>1</v>
      </c>
      <c r="F78" s="22">
        <v>1</v>
      </c>
      <c r="G78" s="23">
        <v>0</v>
      </c>
      <c r="H78" s="22">
        <v>9</v>
      </c>
      <c r="I78" s="22">
        <v>3</v>
      </c>
      <c r="J78" s="22">
        <v>6</v>
      </c>
      <c r="K78" s="21">
        <v>3</v>
      </c>
      <c r="L78" s="53">
        <v>1</v>
      </c>
      <c r="M78" s="54">
        <v>2</v>
      </c>
    </row>
    <row r="79" spans="1:13">
      <c r="A79" s="40" t="s">
        <v>82</v>
      </c>
      <c r="B79" s="21">
        <v>6</v>
      </c>
      <c r="C79" s="22">
        <v>1</v>
      </c>
      <c r="D79" s="22">
        <v>5</v>
      </c>
      <c r="E79" s="21">
        <v>0</v>
      </c>
      <c r="F79" s="22">
        <v>0</v>
      </c>
      <c r="G79" s="23">
        <v>0</v>
      </c>
      <c r="H79" s="22">
        <v>8</v>
      </c>
      <c r="I79" s="22">
        <v>3</v>
      </c>
      <c r="J79" s="22">
        <v>5</v>
      </c>
      <c r="K79" s="21">
        <v>2</v>
      </c>
      <c r="L79" s="53">
        <v>2</v>
      </c>
      <c r="M79" s="54">
        <v>0</v>
      </c>
    </row>
    <row r="80" spans="1:13">
      <c r="A80" s="40" t="s">
        <v>83</v>
      </c>
      <c r="B80" s="21">
        <v>2</v>
      </c>
      <c r="C80" s="22">
        <v>2</v>
      </c>
      <c r="D80" s="22">
        <v>0</v>
      </c>
      <c r="E80" s="21">
        <v>1</v>
      </c>
      <c r="F80" s="22">
        <v>0</v>
      </c>
      <c r="G80" s="23">
        <v>1</v>
      </c>
      <c r="H80" s="22">
        <v>12</v>
      </c>
      <c r="I80" s="22">
        <v>7</v>
      </c>
      <c r="J80" s="22">
        <v>5</v>
      </c>
      <c r="K80" s="21">
        <v>9</v>
      </c>
      <c r="L80" s="53">
        <v>5</v>
      </c>
      <c r="M80" s="54">
        <v>4</v>
      </c>
    </row>
    <row r="81" spans="1:13">
      <c r="A81" s="40" t="s">
        <v>84</v>
      </c>
      <c r="B81" s="21">
        <v>-1</v>
      </c>
      <c r="C81" s="22">
        <v>-1</v>
      </c>
      <c r="D81" s="22">
        <v>0</v>
      </c>
      <c r="E81" s="21">
        <v>0</v>
      </c>
      <c r="F81" s="22">
        <v>0</v>
      </c>
      <c r="G81" s="23">
        <v>0</v>
      </c>
      <c r="H81" s="22">
        <v>8</v>
      </c>
      <c r="I81" s="22">
        <v>3</v>
      </c>
      <c r="J81" s="22">
        <v>5</v>
      </c>
      <c r="K81" s="21">
        <v>9</v>
      </c>
      <c r="L81" s="53">
        <v>4</v>
      </c>
      <c r="M81" s="54">
        <v>5</v>
      </c>
    </row>
    <row r="82" spans="1:13">
      <c r="A82" s="40" t="s">
        <v>85</v>
      </c>
      <c r="B82" s="21">
        <v>-5</v>
      </c>
      <c r="C82" s="22">
        <v>-5</v>
      </c>
      <c r="D82" s="22">
        <v>0</v>
      </c>
      <c r="E82" s="21">
        <v>0</v>
      </c>
      <c r="F82" s="22">
        <v>0</v>
      </c>
      <c r="G82" s="23">
        <v>0</v>
      </c>
      <c r="H82" s="22">
        <v>3</v>
      </c>
      <c r="I82" s="22">
        <v>1</v>
      </c>
      <c r="J82" s="22">
        <v>2</v>
      </c>
      <c r="K82" s="21">
        <v>8</v>
      </c>
      <c r="L82" s="53">
        <v>6</v>
      </c>
      <c r="M82" s="54">
        <v>2</v>
      </c>
    </row>
    <row r="83" spans="1:13" ht="19.5" customHeight="1">
      <c r="A83" s="34" t="s">
        <v>86</v>
      </c>
      <c r="B83" s="17">
        <v>3</v>
      </c>
      <c r="C83" s="18">
        <v>3</v>
      </c>
      <c r="D83" s="18">
        <v>0</v>
      </c>
      <c r="E83" s="17">
        <v>0</v>
      </c>
      <c r="F83" s="18">
        <v>0</v>
      </c>
      <c r="G83" s="19">
        <v>0</v>
      </c>
      <c r="H83" s="18">
        <v>22</v>
      </c>
      <c r="I83" s="18">
        <v>11</v>
      </c>
      <c r="J83" s="18">
        <v>11</v>
      </c>
      <c r="K83" s="17">
        <v>19</v>
      </c>
      <c r="L83" s="51">
        <v>8</v>
      </c>
      <c r="M83" s="52">
        <v>11</v>
      </c>
    </row>
    <row r="84" spans="1:13">
      <c r="A84" s="40" t="s">
        <v>87</v>
      </c>
      <c r="B84" s="21">
        <v>3</v>
      </c>
      <c r="C84" s="22">
        <v>1</v>
      </c>
      <c r="D84" s="22">
        <v>2</v>
      </c>
      <c r="E84" s="21">
        <v>0</v>
      </c>
      <c r="F84" s="22">
        <v>0</v>
      </c>
      <c r="G84" s="23">
        <v>0</v>
      </c>
      <c r="H84" s="22">
        <v>7</v>
      </c>
      <c r="I84" s="22">
        <v>3</v>
      </c>
      <c r="J84" s="22">
        <v>4</v>
      </c>
      <c r="K84" s="21">
        <v>4</v>
      </c>
      <c r="L84" s="53">
        <v>2</v>
      </c>
      <c r="M84" s="54">
        <v>2</v>
      </c>
    </row>
    <row r="85" spans="1:13">
      <c r="A85" s="40" t="s">
        <v>88</v>
      </c>
      <c r="B85" s="21">
        <v>-2</v>
      </c>
      <c r="C85" s="22">
        <v>1</v>
      </c>
      <c r="D85" s="22">
        <v>-3</v>
      </c>
      <c r="E85" s="21">
        <v>0</v>
      </c>
      <c r="F85" s="22">
        <v>0</v>
      </c>
      <c r="G85" s="23">
        <v>0</v>
      </c>
      <c r="H85" s="22">
        <v>7</v>
      </c>
      <c r="I85" s="22">
        <v>4</v>
      </c>
      <c r="J85" s="22">
        <v>3</v>
      </c>
      <c r="K85" s="21">
        <v>9</v>
      </c>
      <c r="L85" s="53">
        <v>3</v>
      </c>
      <c r="M85" s="54">
        <v>6</v>
      </c>
    </row>
    <row r="86" spans="1:13">
      <c r="A86" s="40" t="s">
        <v>89</v>
      </c>
      <c r="B86" s="21">
        <v>-1</v>
      </c>
      <c r="C86" s="22">
        <v>0</v>
      </c>
      <c r="D86" s="22">
        <v>-1</v>
      </c>
      <c r="E86" s="21">
        <v>0</v>
      </c>
      <c r="F86" s="22">
        <v>0</v>
      </c>
      <c r="G86" s="23">
        <v>0</v>
      </c>
      <c r="H86" s="22">
        <v>2</v>
      </c>
      <c r="I86" s="22">
        <v>2</v>
      </c>
      <c r="J86" s="22">
        <v>0</v>
      </c>
      <c r="K86" s="21">
        <v>3</v>
      </c>
      <c r="L86" s="53">
        <v>2</v>
      </c>
      <c r="M86" s="54">
        <v>1</v>
      </c>
    </row>
    <row r="87" spans="1:13">
      <c r="A87" s="40" t="s">
        <v>90</v>
      </c>
      <c r="B87" s="21">
        <v>3</v>
      </c>
      <c r="C87" s="22">
        <v>0</v>
      </c>
      <c r="D87" s="22">
        <v>3</v>
      </c>
      <c r="E87" s="21">
        <v>0</v>
      </c>
      <c r="F87" s="22">
        <v>0</v>
      </c>
      <c r="G87" s="23">
        <v>0</v>
      </c>
      <c r="H87" s="22">
        <v>5</v>
      </c>
      <c r="I87" s="22">
        <v>1</v>
      </c>
      <c r="J87" s="22">
        <v>4</v>
      </c>
      <c r="K87" s="21">
        <v>2</v>
      </c>
      <c r="L87" s="53">
        <v>1</v>
      </c>
      <c r="M87" s="54">
        <v>1</v>
      </c>
    </row>
    <row r="88" spans="1:13">
      <c r="A88" s="40" t="s">
        <v>91</v>
      </c>
      <c r="B88" s="21">
        <v>0</v>
      </c>
      <c r="C88" s="22">
        <v>1</v>
      </c>
      <c r="D88" s="22">
        <v>-1</v>
      </c>
      <c r="E88" s="21">
        <v>0</v>
      </c>
      <c r="F88" s="22">
        <v>0</v>
      </c>
      <c r="G88" s="23">
        <v>0</v>
      </c>
      <c r="H88" s="22">
        <v>1</v>
      </c>
      <c r="I88" s="22">
        <v>1</v>
      </c>
      <c r="J88" s="22">
        <v>0</v>
      </c>
      <c r="K88" s="21">
        <v>1</v>
      </c>
      <c r="L88" s="53">
        <v>0</v>
      </c>
      <c r="M88" s="54">
        <v>1</v>
      </c>
    </row>
    <row r="89" spans="1:13" ht="19.5" customHeight="1">
      <c r="A89" s="34" t="s">
        <v>92</v>
      </c>
      <c r="B89" s="17">
        <v>12</v>
      </c>
      <c r="C89" s="18">
        <v>8</v>
      </c>
      <c r="D89" s="18">
        <v>4</v>
      </c>
      <c r="E89" s="17">
        <v>6</v>
      </c>
      <c r="F89" s="18">
        <v>4</v>
      </c>
      <c r="G89" s="19">
        <v>2</v>
      </c>
      <c r="H89" s="18">
        <v>27</v>
      </c>
      <c r="I89" s="18">
        <v>15</v>
      </c>
      <c r="J89" s="18">
        <v>12</v>
      </c>
      <c r="K89" s="17">
        <v>9</v>
      </c>
      <c r="L89" s="51">
        <v>3</v>
      </c>
      <c r="M89" s="52">
        <v>6</v>
      </c>
    </row>
    <row r="90" spans="1:13">
      <c r="A90" s="40" t="s">
        <v>93</v>
      </c>
      <c r="B90" s="21">
        <v>5</v>
      </c>
      <c r="C90" s="22">
        <v>4</v>
      </c>
      <c r="D90" s="22">
        <v>1</v>
      </c>
      <c r="E90" s="21">
        <v>1</v>
      </c>
      <c r="F90" s="22">
        <v>0</v>
      </c>
      <c r="G90" s="23">
        <v>1</v>
      </c>
      <c r="H90" s="22">
        <v>9</v>
      </c>
      <c r="I90" s="22">
        <v>6</v>
      </c>
      <c r="J90" s="22">
        <v>3</v>
      </c>
      <c r="K90" s="21">
        <v>3</v>
      </c>
      <c r="L90" s="53">
        <v>2</v>
      </c>
      <c r="M90" s="54">
        <v>1</v>
      </c>
    </row>
    <row r="91" spans="1:13">
      <c r="A91" s="40" t="s">
        <v>94</v>
      </c>
      <c r="B91" s="21">
        <v>4</v>
      </c>
      <c r="C91" s="22">
        <v>1</v>
      </c>
      <c r="D91" s="22">
        <v>3</v>
      </c>
      <c r="E91" s="21">
        <v>1</v>
      </c>
      <c r="F91" s="22">
        <v>1</v>
      </c>
      <c r="G91" s="23">
        <v>0</v>
      </c>
      <c r="H91" s="22">
        <v>6</v>
      </c>
      <c r="I91" s="22">
        <v>3</v>
      </c>
      <c r="J91" s="22">
        <v>3</v>
      </c>
      <c r="K91" s="21">
        <v>1</v>
      </c>
      <c r="L91" s="53">
        <v>1</v>
      </c>
      <c r="M91" s="54">
        <v>0</v>
      </c>
    </row>
    <row r="92" spans="1:13">
      <c r="A92" s="40" t="s">
        <v>95</v>
      </c>
      <c r="B92" s="21">
        <v>1</v>
      </c>
      <c r="C92" s="22">
        <v>2</v>
      </c>
      <c r="D92" s="22">
        <v>-1</v>
      </c>
      <c r="E92" s="21">
        <v>1</v>
      </c>
      <c r="F92" s="22">
        <v>1</v>
      </c>
      <c r="G92" s="23">
        <v>0</v>
      </c>
      <c r="H92" s="22">
        <v>4</v>
      </c>
      <c r="I92" s="22">
        <v>3</v>
      </c>
      <c r="J92" s="22">
        <v>1</v>
      </c>
      <c r="K92" s="21">
        <v>2</v>
      </c>
      <c r="L92" s="53">
        <v>0</v>
      </c>
      <c r="M92" s="54">
        <v>2</v>
      </c>
    </row>
    <row r="93" spans="1:13">
      <c r="A93" s="40" t="s">
        <v>96</v>
      </c>
      <c r="B93" s="21">
        <v>0</v>
      </c>
      <c r="C93" s="22">
        <v>-1</v>
      </c>
      <c r="D93" s="22">
        <v>1</v>
      </c>
      <c r="E93" s="21">
        <v>1</v>
      </c>
      <c r="F93" s="22">
        <v>1</v>
      </c>
      <c r="G93" s="23">
        <v>0</v>
      </c>
      <c r="H93" s="22">
        <v>1</v>
      </c>
      <c r="I93" s="22">
        <v>0</v>
      </c>
      <c r="J93" s="22">
        <v>1</v>
      </c>
      <c r="K93" s="21">
        <v>0</v>
      </c>
      <c r="L93" s="53">
        <v>0</v>
      </c>
      <c r="M93" s="54">
        <v>0</v>
      </c>
    </row>
    <row r="94" spans="1:13">
      <c r="A94" s="40" t="s">
        <v>97</v>
      </c>
      <c r="B94" s="21">
        <v>2</v>
      </c>
      <c r="C94" s="22">
        <v>2</v>
      </c>
      <c r="D94" s="22">
        <v>0</v>
      </c>
      <c r="E94" s="21">
        <v>2</v>
      </c>
      <c r="F94" s="22">
        <v>1</v>
      </c>
      <c r="G94" s="23">
        <v>1</v>
      </c>
      <c r="H94" s="22">
        <v>7</v>
      </c>
      <c r="I94" s="22">
        <v>3</v>
      </c>
      <c r="J94" s="22">
        <v>4</v>
      </c>
      <c r="K94" s="21">
        <v>3</v>
      </c>
      <c r="L94" s="53">
        <v>0</v>
      </c>
      <c r="M94" s="54">
        <v>3</v>
      </c>
    </row>
    <row r="95" spans="1:13" ht="19.5" customHeight="1">
      <c r="A95" s="34" t="s">
        <v>98</v>
      </c>
      <c r="B95" s="17">
        <v>-6</v>
      </c>
      <c r="C95" s="18">
        <v>2</v>
      </c>
      <c r="D95" s="18">
        <v>-8</v>
      </c>
      <c r="E95" s="17">
        <v>8</v>
      </c>
      <c r="F95" s="18">
        <v>3</v>
      </c>
      <c r="G95" s="19">
        <v>5</v>
      </c>
      <c r="H95" s="18">
        <v>12</v>
      </c>
      <c r="I95" s="18">
        <v>9</v>
      </c>
      <c r="J95" s="18">
        <v>3</v>
      </c>
      <c r="K95" s="17">
        <v>10</v>
      </c>
      <c r="L95" s="51">
        <v>4</v>
      </c>
      <c r="M95" s="52">
        <v>6</v>
      </c>
    </row>
    <row r="96" spans="1:13">
      <c r="A96" s="40" t="s">
        <v>99</v>
      </c>
      <c r="B96" s="21">
        <v>-3</v>
      </c>
      <c r="C96" s="22">
        <v>0</v>
      </c>
      <c r="D96" s="22">
        <v>-3</v>
      </c>
      <c r="E96" s="21">
        <v>3</v>
      </c>
      <c r="F96" s="22">
        <v>1</v>
      </c>
      <c r="G96" s="23">
        <v>2</v>
      </c>
      <c r="H96" s="22">
        <v>1</v>
      </c>
      <c r="I96" s="22">
        <v>1</v>
      </c>
      <c r="J96" s="22">
        <v>0</v>
      </c>
      <c r="K96" s="21">
        <v>1</v>
      </c>
      <c r="L96" s="53">
        <v>0</v>
      </c>
      <c r="M96" s="54">
        <v>1</v>
      </c>
    </row>
    <row r="97" spans="1:13">
      <c r="A97" s="40" t="s">
        <v>100</v>
      </c>
      <c r="B97" s="21">
        <v>-4</v>
      </c>
      <c r="C97" s="22">
        <v>1</v>
      </c>
      <c r="D97" s="22">
        <v>-5</v>
      </c>
      <c r="E97" s="21">
        <v>1</v>
      </c>
      <c r="F97" s="22">
        <v>0</v>
      </c>
      <c r="G97" s="23">
        <v>1</v>
      </c>
      <c r="H97" s="22">
        <v>3</v>
      </c>
      <c r="I97" s="22">
        <v>3</v>
      </c>
      <c r="J97" s="22">
        <v>0</v>
      </c>
      <c r="K97" s="21">
        <v>6</v>
      </c>
      <c r="L97" s="53">
        <v>2</v>
      </c>
      <c r="M97" s="54">
        <v>4</v>
      </c>
    </row>
    <row r="98" spans="1:13">
      <c r="A98" s="40" t="s">
        <v>101</v>
      </c>
      <c r="B98" s="21">
        <v>-1</v>
      </c>
      <c r="C98" s="22">
        <v>-1</v>
      </c>
      <c r="D98" s="22">
        <v>0</v>
      </c>
      <c r="E98" s="21">
        <v>3</v>
      </c>
      <c r="F98" s="22">
        <v>1</v>
      </c>
      <c r="G98" s="23">
        <v>2</v>
      </c>
      <c r="H98" s="22">
        <v>3</v>
      </c>
      <c r="I98" s="22">
        <v>1</v>
      </c>
      <c r="J98" s="22">
        <v>2</v>
      </c>
      <c r="K98" s="21">
        <v>1</v>
      </c>
      <c r="L98" s="53">
        <v>1</v>
      </c>
      <c r="M98" s="54">
        <v>0</v>
      </c>
    </row>
    <row r="99" spans="1:13">
      <c r="A99" s="40" t="s">
        <v>102</v>
      </c>
      <c r="B99" s="21">
        <v>2</v>
      </c>
      <c r="C99" s="22">
        <v>3</v>
      </c>
      <c r="D99" s="22">
        <v>-1</v>
      </c>
      <c r="E99" s="21">
        <v>0</v>
      </c>
      <c r="F99" s="22">
        <v>0</v>
      </c>
      <c r="G99" s="23">
        <v>0</v>
      </c>
      <c r="H99" s="22">
        <v>3</v>
      </c>
      <c r="I99" s="22">
        <v>3</v>
      </c>
      <c r="J99" s="22">
        <v>0</v>
      </c>
      <c r="K99" s="21">
        <v>1</v>
      </c>
      <c r="L99" s="53">
        <v>0</v>
      </c>
      <c r="M99" s="54">
        <v>1</v>
      </c>
    </row>
    <row r="100" spans="1:13">
      <c r="A100" s="40" t="s">
        <v>103</v>
      </c>
      <c r="B100" s="21">
        <v>0</v>
      </c>
      <c r="C100" s="22">
        <v>-1</v>
      </c>
      <c r="D100" s="22">
        <v>1</v>
      </c>
      <c r="E100" s="21">
        <v>1</v>
      </c>
      <c r="F100" s="22">
        <v>1</v>
      </c>
      <c r="G100" s="23">
        <v>0</v>
      </c>
      <c r="H100" s="22">
        <v>2</v>
      </c>
      <c r="I100" s="22">
        <v>1</v>
      </c>
      <c r="J100" s="22">
        <v>1</v>
      </c>
      <c r="K100" s="21">
        <v>1</v>
      </c>
      <c r="L100" s="53">
        <v>1</v>
      </c>
      <c r="M100" s="54">
        <v>0</v>
      </c>
    </row>
    <row r="101" spans="1:13" ht="19.5" customHeight="1">
      <c r="A101" s="34" t="s">
        <v>104</v>
      </c>
      <c r="B101" s="17">
        <v>6</v>
      </c>
      <c r="C101" s="18">
        <v>1</v>
      </c>
      <c r="D101" s="18">
        <v>5</v>
      </c>
      <c r="E101" s="17">
        <v>9</v>
      </c>
      <c r="F101" s="18">
        <v>7</v>
      </c>
      <c r="G101" s="19">
        <v>2</v>
      </c>
      <c r="H101" s="18">
        <v>22</v>
      </c>
      <c r="I101" s="18">
        <v>11</v>
      </c>
      <c r="J101" s="18">
        <v>11</v>
      </c>
      <c r="K101" s="17">
        <v>7</v>
      </c>
      <c r="L101" s="51">
        <v>3</v>
      </c>
      <c r="M101" s="52">
        <v>4</v>
      </c>
    </row>
    <row r="102" spans="1:13">
      <c r="A102" s="40" t="s">
        <v>105</v>
      </c>
      <c r="B102" s="21">
        <v>3</v>
      </c>
      <c r="C102" s="22">
        <v>2</v>
      </c>
      <c r="D102" s="22">
        <v>1</v>
      </c>
      <c r="E102" s="21">
        <v>1</v>
      </c>
      <c r="F102" s="22">
        <v>1</v>
      </c>
      <c r="G102" s="23">
        <v>0</v>
      </c>
      <c r="H102" s="22">
        <v>6</v>
      </c>
      <c r="I102" s="22">
        <v>3</v>
      </c>
      <c r="J102" s="22">
        <v>3</v>
      </c>
      <c r="K102" s="21">
        <v>2</v>
      </c>
      <c r="L102" s="53">
        <v>0</v>
      </c>
      <c r="M102" s="54">
        <v>2</v>
      </c>
    </row>
    <row r="103" spans="1:13">
      <c r="A103" s="40" t="s">
        <v>106</v>
      </c>
      <c r="B103" s="21">
        <v>-1</v>
      </c>
      <c r="C103" s="22">
        <v>-2</v>
      </c>
      <c r="D103" s="22">
        <v>1</v>
      </c>
      <c r="E103" s="21">
        <v>2</v>
      </c>
      <c r="F103" s="22">
        <v>2</v>
      </c>
      <c r="G103" s="23">
        <v>0</v>
      </c>
      <c r="H103" s="22">
        <v>2</v>
      </c>
      <c r="I103" s="22">
        <v>1</v>
      </c>
      <c r="J103" s="22">
        <v>1</v>
      </c>
      <c r="K103" s="21">
        <v>1</v>
      </c>
      <c r="L103" s="53">
        <v>1</v>
      </c>
      <c r="M103" s="54">
        <v>0</v>
      </c>
    </row>
    <row r="104" spans="1:13">
      <c r="A104" s="40" t="s">
        <v>107</v>
      </c>
      <c r="B104" s="21">
        <v>4</v>
      </c>
      <c r="C104" s="22">
        <v>1</v>
      </c>
      <c r="D104" s="22">
        <v>3</v>
      </c>
      <c r="E104" s="21">
        <v>1</v>
      </c>
      <c r="F104" s="22">
        <v>1</v>
      </c>
      <c r="G104" s="23">
        <v>0</v>
      </c>
      <c r="H104" s="22">
        <v>7</v>
      </c>
      <c r="I104" s="22">
        <v>4</v>
      </c>
      <c r="J104" s="22">
        <v>3</v>
      </c>
      <c r="K104" s="21">
        <v>2</v>
      </c>
      <c r="L104" s="53">
        <v>2</v>
      </c>
      <c r="M104" s="54">
        <v>0</v>
      </c>
    </row>
    <row r="105" spans="1:13">
      <c r="A105" s="40" t="s">
        <v>108</v>
      </c>
      <c r="B105" s="21">
        <v>2</v>
      </c>
      <c r="C105" s="22">
        <v>2</v>
      </c>
      <c r="D105" s="22">
        <v>0</v>
      </c>
      <c r="E105" s="21">
        <v>2</v>
      </c>
      <c r="F105" s="22">
        <v>1</v>
      </c>
      <c r="G105" s="23">
        <v>1</v>
      </c>
      <c r="H105" s="22">
        <v>5</v>
      </c>
      <c r="I105" s="22">
        <v>3</v>
      </c>
      <c r="J105" s="22">
        <v>2</v>
      </c>
      <c r="K105" s="21">
        <v>1</v>
      </c>
      <c r="L105" s="53">
        <v>0</v>
      </c>
      <c r="M105" s="54">
        <v>1</v>
      </c>
    </row>
    <row r="106" spans="1:13">
      <c r="A106" s="40" t="s">
        <v>109</v>
      </c>
      <c r="B106" s="21">
        <v>-2</v>
      </c>
      <c r="C106" s="22">
        <v>-2</v>
      </c>
      <c r="D106" s="22">
        <v>0</v>
      </c>
      <c r="E106" s="21">
        <v>3</v>
      </c>
      <c r="F106" s="22">
        <v>2</v>
      </c>
      <c r="G106" s="23">
        <v>1</v>
      </c>
      <c r="H106" s="22">
        <v>2</v>
      </c>
      <c r="I106" s="22">
        <v>0</v>
      </c>
      <c r="J106" s="22">
        <v>2</v>
      </c>
      <c r="K106" s="21">
        <v>1</v>
      </c>
      <c r="L106" s="53">
        <v>0</v>
      </c>
      <c r="M106" s="54">
        <v>1</v>
      </c>
    </row>
    <row r="107" spans="1:13" ht="19.5" customHeight="1">
      <c r="A107" s="34" t="s">
        <v>110</v>
      </c>
      <c r="B107" s="17">
        <v>-19</v>
      </c>
      <c r="C107" s="18">
        <v>-14</v>
      </c>
      <c r="D107" s="18">
        <v>-5</v>
      </c>
      <c r="E107" s="17">
        <v>19</v>
      </c>
      <c r="F107" s="18">
        <v>14</v>
      </c>
      <c r="G107" s="19">
        <v>5</v>
      </c>
      <c r="H107" s="18">
        <v>11</v>
      </c>
      <c r="I107" s="18">
        <v>6</v>
      </c>
      <c r="J107" s="18">
        <v>5</v>
      </c>
      <c r="K107" s="17">
        <v>11</v>
      </c>
      <c r="L107" s="51">
        <v>6</v>
      </c>
      <c r="M107" s="52">
        <v>5</v>
      </c>
    </row>
    <row r="108" spans="1:13">
      <c r="A108" s="40" t="s">
        <v>111</v>
      </c>
      <c r="B108" s="21">
        <v>-6</v>
      </c>
      <c r="C108" s="22">
        <v>-4</v>
      </c>
      <c r="D108" s="22">
        <v>-2</v>
      </c>
      <c r="E108" s="21">
        <v>4</v>
      </c>
      <c r="F108" s="22">
        <v>3</v>
      </c>
      <c r="G108" s="23">
        <v>1</v>
      </c>
      <c r="H108" s="22">
        <v>0</v>
      </c>
      <c r="I108" s="22">
        <v>0</v>
      </c>
      <c r="J108" s="22">
        <v>0</v>
      </c>
      <c r="K108" s="21">
        <v>2</v>
      </c>
      <c r="L108" s="53">
        <v>1</v>
      </c>
      <c r="M108" s="54">
        <v>1</v>
      </c>
    </row>
    <row r="109" spans="1:13">
      <c r="A109" s="40" t="s">
        <v>112</v>
      </c>
      <c r="B109" s="21">
        <v>-2</v>
      </c>
      <c r="C109" s="22">
        <v>-2</v>
      </c>
      <c r="D109" s="22">
        <v>0</v>
      </c>
      <c r="E109" s="21">
        <v>2</v>
      </c>
      <c r="F109" s="22">
        <v>2</v>
      </c>
      <c r="G109" s="23">
        <v>0</v>
      </c>
      <c r="H109" s="22">
        <v>4</v>
      </c>
      <c r="I109" s="22">
        <v>4</v>
      </c>
      <c r="J109" s="22">
        <v>0</v>
      </c>
      <c r="K109" s="21">
        <v>4</v>
      </c>
      <c r="L109" s="53">
        <v>4</v>
      </c>
      <c r="M109" s="54">
        <v>0</v>
      </c>
    </row>
    <row r="110" spans="1:13">
      <c r="A110" s="40" t="s">
        <v>113</v>
      </c>
      <c r="B110" s="21">
        <v>-4</v>
      </c>
      <c r="C110" s="22">
        <v>-2</v>
      </c>
      <c r="D110" s="22">
        <v>-2</v>
      </c>
      <c r="E110" s="21">
        <v>4</v>
      </c>
      <c r="F110" s="22">
        <v>2</v>
      </c>
      <c r="G110" s="23">
        <v>2</v>
      </c>
      <c r="H110" s="22">
        <v>3</v>
      </c>
      <c r="I110" s="22">
        <v>1</v>
      </c>
      <c r="J110" s="22">
        <v>2</v>
      </c>
      <c r="K110" s="21">
        <v>3</v>
      </c>
      <c r="L110" s="53">
        <v>1</v>
      </c>
      <c r="M110" s="54">
        <v>2</v>
      </c>
    </row>
    <row r="111" spans="1:13">
      <c r="A111" s="40" t="s">
        <v>114</v>
      </c>
      <c r="B111" s="21">
        <v>-5</v>
      </c>
      <c r="C111" s="22">
        <v>-4</v>
      </c>
      <c r="D111" s="22">
        <v>-1</v>
      </c>
      <c r="E111" s="21">
        <v>6</v>
      </c>
      <c r="F111" s="22">
        <v>4</v>
      </c>
      <c r="G111" s="23">
        <v>2</v>
      </c>
      <c r="H111" s="22">
        <v>3</v>
      </c>
      <c r="I111" s="22">
        <v>0</v>
      </c>
      <c r="J111" s="22">
        <v>3</v>
      </c>
      <c r="K111" s="21">
        <v>2</v>
      </c>
      <c r="L111" s="53">
        <v>0</v>
      </c>
      <c r="M111" s="54">
        <v>2</v>
      </c>
    </row>
    <row r="112" spans="1:13">
      <c r="A112" s="40" t="s">
        <v>115</v>
      </c>
      <c r="B112" s="21">
        <v>-2</v>
      </c>
      <c r="C112" s="22">
        <v>-2</v>
      </c>
      <c r="D112" s="22">
        <v>0</v>
      </c>
      <c r="E112" s="21">
        <v>3</v>
      </c>
      <c r="F112" s="22">
        <v>3</v>
      </c>
      <c r="G112" s="23">
        <v>0</v>
      </c>
      <c r="H112" s="22">
        <v>1</v>
      </c>
      <c r="I112" s="22">
        <v>1</v>
      </c>
      <c r="J112" s="22">
        <v>0</v>
      </c>
      <c r="K112" s="21">
        <v>0</v>
      </c>
      <c r="L112" s="53">
        <v>0</v>
      </c>
      <c r="M112" s="54">
        <v>0</v>
      </c>
    </row>
    <row r="113" spans="1:13" ht="19.5" customHeight="1">
      <c r="A113" s="34" t="s">
        <v>116</v>
      </c>
      <c r="B113" s="17">
        <v>-9</v>
      </c>
      <c r="C113" s="18">
        <v>-6</v>
      </c>
      <c r="D113" s="18">
        <v>-3</v>
      </c>
      <c r="E113" s="17">
        <v>21</v>
      </c>
      <c r="F113" s="18">
        <v>12</v>
      </c>
      <c r="G113" s="19">
        <v>9</v>
      </c>
      <c r="H113" s="18">
        <v>14</v>
      </c>
      <c r="I113" s="18">
        <v>6</v>
      </c>
      <c r="J113" s="18">
        <v>8</v>
      </c>
      <c r="K113" s="17">
        <v>2</v>
      </c>
      <c r="L113" s="51">
        <v>0</v>
      </c>
      <c r="M113" s="52">
        <v>2</v>
      </c>
    </row>
    <row r="114" spans="1:13">
      <c r="A114" s="40" t="s">
        <v>117</v>
      </c>
      <c r="B114" s="21">
        <v>-3</v>
      </c>
      <c r="C114" s="22">
        <v>-2</v>
      </c>
      <c r="D114" s="22">
        <v>-1</v>
      </c>
      <c r="E114" s="21">
        <v>3</v>
      </c>
      <c r="F114" s="22">
        <v>3</v>
      </c>
      <c r="G114" s="23">
        <v>0</v>
      </c>
      <c r="H114" s="22">
        <v>1</v>
      </c>
      <c r="I114" s="22">
        <v>1</v>
      </c>
      <c r="J114" s="22">
        <v>0</v>
      </c>
      <c r="K114" s="21">
        <v>1</v>
      </c>
      <c r="L114" s="53">
        <v>0</v>
      </c>
      <c r="M114" s="54">
        <v>1</v>
      </c>
    </row>
    <row r="115" spans="1:13">
      <c r="A115" s="40" t="s">
        <v>118</v>
      </c>
      <c r="B115" s="21">
        <v>-1</v>
      </c>
      <c r="C115" s="22">
        <v>-1</v>
      </c>
      <c r="D115" s="22">
        <v>0</v>
      </c>
      <c r="E115" s="21">
        <v>4</v>
      </c>
      <c r="F115" s="22">
        <v>2</v>
      </c>
      <c r="G115" s="23">
        <v>2</v>
      </c>
      <c r="H115" s="22">
        <v>3</v>
      </c>
      <c r="I115" s="22">
        <v>1</v>
      </c>
      <c r="J115" s="22">
        <v>2</v>
      </c>
      <c r="K115" s="21">
        <v>0</v>
      </c>
      <c r="L115" s="53">
        <v>0</v>
      </c>
      <c r="M115" s="54">
        <v>0</v>
      </c>
    </row>
    <row r="116" spans="1:13">
      <c r="A116" s="40" t="s">
        <v>119</v>
      </c>
      <c r="B116" s="21">
        <v>-3</v>
      </c>
      <c r="C116" s="22">
        <v>-2</v>
      </c>
      <c r="D116" s="22">
        <v>-1</v>
      </c>
      <c r="E116" s="21">
        <v>6</v>
      </c>
      <c r="F116" s="22">
        <v>3</v>
      </c>
      <c r="G116" s="23">
        <v>3</v>
      </c>
      <c r="H116" s="22">
        <v>4</v>
      </c>
      <c r="I116" s="22">
        <v>1</v>
      </c>
      <c r="J116" s="22">
        <v>3</v>
      </c>
      <c r="K116" s="21">
        <v>1</v>
      </c>
      <c r="L116" s="53">
        <v>0</v>
      </c>
      <c r="M116" s="54">
        <v>1</v>
      </c>
    </row>
    <row r="117" spans="1:13">
      <c r="A117" s="40" t="s">
        <v>120</v>
      </c>
      <c r="B117" s="21">
        <v>-2</v>
      </c>
      <c r="C117" s="22">
        <v>0</v>
      </c>
      <c r="D117" s="22">
        <v>-2</v>
      </c>
      <c r="E117" s="21">
        <v>2</v>
      </c>
      <c r="F117" s="22">
        <v>0</v>
      </c>
      <c r="G117" s="23">
        <v>2</v>
      </c>
      <c r="H117" s="22">
        <v>0</v>
      </c>
      <c r="I117" s="22">
        <v>0</v>
      </c>
      <c r="J117" s="22">
        <v>0</v>
      </c>
      <c r="K117" s="21">
        <v>0</v>
      </c>
      <c r="L117" s="53">
        <v>0</v>
      </c>
      <c r="M117" s="54">
        <v>0</v>
      </c>
    </row>
    <row r="118" spans="1:13">
      <c r="A118" s="40" t="s">
        <v>121</v>
      </c>
      <c r="B118" s="21">
        <v>0</v>
      </c>
      <c r="C118" s="22">
        <v>-1</v>
      </c>
      <c r="D118" s="22">
        <v>1</v>
      </c>
      <c r="E118" s="21">
        <v>6</v>
      </c>
      <c r="F118" s="22">
        <v>4</v>
      </c>
      <c r="G118" s="23">
        <v>2</v>
      </c>
      <c r="H118" s="22">
        <v>6</v>
      </c>
      <c r="I118" s="22">
        <v>3</v>
      </c>
      <c r="J118" s="22">
        <v>3</v>
      </c>
      <c r="K118" s="21">
        <v>0</v>
      </c>
      <c r="L118" s="53">
        <v>0</v>
      </c>
      <c r="M118" s="54">
        <v>0</v>
      </c>
    </row>
    <row r="119" spans="1:13" ht="19.5" customHeight="1">
      <c r="A119" s="34" t="s">
        <v>122</v>
      </c>
      <c r="B119" s="17">
        <v>-22</v>
      </c>
      <c r="C119" s="18">
        <v>-13</v>
      </c>
      <c r="D119" s="18">
        <v>-9</v>
      </c>
      <c r="E119" s="17">
        <v>28</v>
      </c>
      <c r="F119" s="18">
        <v>16</v>
      </c>
      <c r="G119" s="19">
        <v>12</v>
      </c>
      <c r="H119" s="18">
        <v>15</v>
      </c>
      <c r="I119" s="18">
        <v>5</v>
      </c>
      <c r="J119" s="18">
        <v>10</v>
      </c>
      <c r="K119" s="17">
        <v>9</v>
      </c>
      <c r="L119" s="51">
        <v>2</v>
      </c>
      <c r="M119" s="52">
        <v>7</v>
      </c>
    </row>
    <row r="120" spans="1:13">
      <c r="A120" s="40" t="s">
        <v>123</v>
      </c>
      <c r="B120" s="21">
        <v>-1</v>
      </c>
      <c r="C120" s="22">
        <v>-2</v>
      </c>
      <c r="D120" s="22">
        <v>1</v>
      </c>
      <c r="E120" s="21">
        <v>3</v>
      </c>
      <c r="F120" s="22">
        <v>3</v>
      </c>
      <c r="G120" s="23">
        <v>0</v>
      </c>
      <c r="H120" s="22">
        <v>3</v>
      </c>
      <c r="I120" s="22">
        <v>1</v>
      </c>
      <c r="J120" s="22">
        <v>2</v>
      </c>
      <c r="K120" s="21">
        <v>1</v>
      </c>
      <c r="L120" s="53">
        <v>0</v>
      </c>
      <c r="M120" s="54">
        <v>1</v>
      </c>
    </row>
    <row r="121" spans="1:13">
      <c r="A121" s="40" t="s">
        <v>124</v>
      </c>
      <c r="B121" s="21">
        <v>-8</v>
      </c>
      <c r="C121" s="22">
        <v>-5</v>
      </c>
      <c r="D121" s="22">
        <v>-3</v>
      </c>
      <c r="E121" s="21">
        <v>7</v>
      </c>
      <c r="F121" s="22">
        <v>5</v>
      </c>
      <c r="G121" s="23">
        <v>2</v>
      </c>
      <c r="H121" s="22">
        <v>1</v>
      </c>
      <c r="I121" s="22">
        <v>1</v>
      </c>
      <c r="J121" s="22">
        <v>0</v>
      </c>
      <c r="K121" s="21">
        <v>2</v>
      </c>
      <c r="L121" s="53">
        <v>1</v>
      </c>
      <c r="M121" s="54">
        <v>1</v>
      </c>
    </row>
    <row r="122" spans="1:13">
      <c r="A122" s="40" t="s">
        <v>125</v>
      </c>
      <c r="B122" s="21">
        <v>-6</v>
      </c>
      <c r="C122" s="22">
        <v>-4</v>
      </c>
      <c r="D122" s="22">
        <v>-2</v>
      </c>
      <c r="E122" s="21">
        <v>8</v>
      </c>
      <c r="F122" s="22">
        <v>4</v>
      </c>
      <c r="G122" s="23">
        <v>4</v>
      </c>
      <c r="H122" s="22">
        <v>3</v>
      </c>
      <c r="I122" s="22">
        <v>0</v>
      </c>
      <c r="J122" s="22">
        <v>3</v>
      </c>
      <c r="K122" s="21">
        <v>1</v>
      </c>
      <c r="L122" s="53">
        <v>0</v>
      </c>
      <c r="M122" s="54">
        <v>1</v>
      </c>
    </row>
    <row r="123" spans="1:13">
      <c r="A123" s="40" t="s">
        <v>126</v>
      </c>
      <c r="B123" s="21">
        <v>-4</v>
      </c>
      <c r="C123" s="22">
        <v>-1</v>
      </c>
      <c r="D123" s="22">
        <v>-3</v>
      </c>
      <c r="E123" s="21">
        <v>6</v>
      </c>
      <c r="F123" s="22">
        <v>2</v>
      </c>
      <c r="G123" s="23">
        <v>4</v>
      </c>
      <c r="H123" s="22">
        <v>6</v>
      </c>
      <c r="I123" s="22">
        <v>2</v>
      </c>
      <c r="J123" s="22">
        <v>4</v>
      </c>
      <c r="K123" s="21">
        <v>4</v>
      </c>
      <c r="L123" s="53">
        <v>1</v>
      </c>
      <c r="M123" s="54">
        <v>3</v>
      </c>
    </row>
    <row r="124" spans="1:13">
      <c r="A124" s="40" t="s">
        <v>127</v>
      </c>
      <c r="B124" s="21">
        <v>-3</v>
      </c>
      <c r="C124" s="22">
        <v>-1</v>
      </c>
      <c r="D124" s="22">
        <v>-2</v>
      </c>
      <c r="E124" s="21">
        <v>4</v>
      </c>
      <c r="F124" s="22">
        <v>2</v>
      </c>
      <c r="G124" s="23">
        <v>2</v>
      </c>
      <c r="H124" s="22">
        <v>2</v>
      </c>
      <c r="I124" s="22">
        <v>1</v>
      </c>
      <c r="J124" s="22">
        <v>1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33</v>
      </c>
      <c r="C125" s="18">
        <v>-20</v>
      </c>
      <c r="D125" s="18">
        <v>-13</v>
      </c>
      <c r="E125" s="17">
        <v>41</v>
      </c>
      <c r="F125" s="18">
        <v>23</v>
      </c>
      <c r="G125" s="19">
        <v>18</v>
      </c>
      <c r="H125" s="18">
        <v>10</v>
      </c>
      <c r="I125" s="18">
        <v>4</v>
      </c>
      <c r="J125" s="18">
        <v>6</v>
      </c>
      <c r="K125" s="17">
        <v>2</v>
      </c>
      <c r="L125" s="51">
        <v>1</v>
      </c>
      <c r="M125" s="52">
        <v>1</v>
      </c>
    </row>
    <row r="126" spans="1:13">
      <c r="A126" s="40" t="s">
        <v>129</v>
      </c>
      <c r="B126" s="21">
        <v>-4</v>
      </c>
      <c r="C126" s="22">
        <v>-3</v>
      </c>
      <c r="D126" s="22">
        <v>-1</v>
      </c>
      <c r="E126" s="21">
        <v>8</v>
      </c>
      <c r="F126" s="22">
        <v>4</v>
      </c>
      <c r="G126" s="23">
        <v>4</v>
      </c>
      <c r="H126" s="22">
        <v>5</v>
      </c>
      <c r="I126" s="22">
        <v>2</v>
      </c>
      <c r="J126" s="22">
        <v>3</v>
      </c>
      <c r="K126" s="21">
        <v>1</v>
      </c>
      <c r="L126" s="53">
        <v>1</v>
      </c>
      <c r="M126" s="54">
        <v>0</v>
      </c>
    </row>
    <row r="127" spans="1:13">
      <c r="A127" s="40" t="s">
        <v>130</v>
      </c>
      <c r="B127" s="21">
        <v>-8</v>
      </c>
      <c r="C127" s="22">
        <v>-7</v>
      </c>
      <c r="D127" s="22">
        <v>-1</v>
      </c>
      <c r="E127" s="21">
        <v>10</v>
      </c>
      <c r="F127" s="22">
        <v>9</v>
      </c>
      <c r="G127" s="23">
        <v>1</v>
      </c>
      <c r="H127" s="22">
        <v>2</v>
      </c>
      <c r="I127" s="22">
        <v>2</v>
      </c>
      <c r="J127" s="22">
        <v>0</v>
      </c>
      <c r="K127" s="21">
        <v>0</v>
      </c>
      <c r="L127" s="53">
        <v>0</v>
      </c>
      <c r="M127" s="54">
        <v>0</v>
      </c>
    </row>
    <row r="128" spans="1:13">
      <c r="A128" s="40" t="s">
        <v>131</v>
      </c>
      <c r="B128" s="21">
        <v>-6</v>
      </c>
      <c r="C128" s="22">
        <v>-3</v>
      </c>
      <c r="D128" s="22">
        <v>-3</v>
      </c>
      <c r="E128" s="21">
        <v>6</v>
      </c>
      <c r="F128" s="22">
        <v>3</v>
      </c>
      <c r="G128" s="23">
        <v>3</v>
      </c>
      <c r="H128" s="22">
        <v>0</v>
      </c>
      <c r="I128" s="22">
        <v>0</v>
      </c>
      <c r="J128" s="22">
        <v>0</v>
      </c>
      <c r="K128" s="21">
        <v>0</v>
      </c>
      <c r="L128" s="53">
        <v>0</v>
      </c>
      <c r="M128" s="54">
        <v>0</v>
      </c>
    </row>
    <row r="129" spans="1:13">
      <c r="A129" s="40" t="s">
        <v>132</v>
      </c>
      <c r="B129" s="21">
        <v>-7</v>
      </c>
      <c r="C129" s="22">
        <v>-2</v>
      </c>
      <c r="D129" s="22">
        <v>-5</v>
      </c>
      <c r="E129" s="21">
        <v>8</v>
      </c>
      <c r="F129" s="22">
        <v>2</v>
      </c>
      <c r="G129" s="23">
        <v>6</v>
      </c>
      <c r="H129" s="22">
        <v>2</v>
      </c>
      <c r="I129" s="22">
        <v>0</v>
      </c>
      <c r="J129" s="22">
        <v>2</v>
      </c>
      <c r="K129" s="21">
        <v>1</v>
      </c>
      <c r="L129" s="53">
        <v>0</v>
      </c>
      <c r="M129" s="54">
        <v>1</v>
      </c>
    </row>
    <row r="130" spans="1:13">
      <c r="A130" s="40" t="s">
        <v>133</v>
      </c>
      <c r="B130" s="21">
        <v>-8</v>
      </c>
      <c r="C130" s="22">
        <v>-5</v>
      </c>
      <c r="D130" s="22">
        <v>-3</v>
      </c>
      <c r="E130" s="21">
        <v>9</v>
      </c>
      <c r="F130" s="22">
        <v>5</v>
      </c>
      <c r="G130" s="23">
        <v>4</v>
      </c>
      <c r="H130" s="22">
        <v>1</v>
      </c>
      <c r="I130" s="22">
        <v>0</v>
      </c>
      <c r="J130" s="22">
        <v>1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15</v>
      </c>
      <c r="C131" s="18">
        <v>-4</v>
      </c>
      <c r="D131" s="18">
        <v>-11</v>
      </c>
      <c r="E131" s="17">
        <v>15</v>
      </c>
      <c r="F131" s="18">
        <v>5</v>
      </c>
      <c r="G131" s="19">
        <v>10</v>
      </c>
      <c r="H131" s="18">
        <v>1</v>
      </c>
      <c r="I131" s="18">
        <v>1</v>
      </c>
      <c r="J131" s="18">
        <v>0</v>
      </c>
      <c r="K131" s="17">
        <v>1</v>
      </c>
      <c r="L131" s="51">
        <v>0</v>
      </c>
      <c r="M131" s="52">
        <v>1</v>
      </c>
    </row>
    <row r="132" spans="1:13">
      <c r="A132" s="40" t="s">
        <v>135</v>
      </c>
      <c r="B132" s="21">
        <v>-5</v>
      </c>
      <c r="C132" s="22">
        <v>-2</v>
      </c>
      <c r="D132" s="22">
        <v>-3</v>
      </c>
      <c r="E132" s="21">
        <v>4</v>
      </c>
      <c r="F132" s="22">
        <v>2</v>
      </c>
      <c r="G132" s="23">
        <v>2</v>
      </c>
      <c r="H132" s="22">
        <v>0</v>
      </c>
      <c r="I132" s="22">
        <v>0</v>
      </c>
      <c r="J132" s="22">
        <v>0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2</v>
      </c>
      <c r="C133" s="22">
        <v>1</v>
      </c>
      <c r="D133" s="22">
        <v>-3</v>
      </c>
      <c r="E133" s="21">
        <v>3</v>
      </c>
      <c r="F133" s="22">
        <v>0</v>
      </c>
      <c r="G133" s="23">
        <v>3</v>
      </c>
      <c r="H133" s="22">
        <v>1</v>
      </c>
      <c r="I133" s="22">
        <v>1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5</v>
      </c>
      <c r="C134" s="22">
        <v>-2</v>
      </c>
      <c r="D134" s="22">
        <v>-3</v>
      </c>
      <c r="E134" s="21">
        <v>5</v>
      </c>
      <c r="F134" s="22">
        <v>2</v>
      </c>
      <c r="G134" s="23">
        <v>3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1</v>
      </c>
      <c r="C135" s="22">
        <v>-1</v>
      </c>
      <c r="D135" s="22">
        <v>0</v>
      </c>
      <c r="E135" s="21">
        <v>1</v>
      </c>
      <c r="F135" s="22">
        <v>1</v>
      </c>
      <c r="G135" s="23">
        <v>0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</v>
      </c>
      <c r="C136" s="22">
        <v>0</v>
      </c>
      <c r="D136" s="22">
        <v>-2</v>
      </c>
      <c r="E136" s="21">
        <v>2</v>
      </c>
      <c r="F136" s="22">
        <v>0</v>
      </c>
      <c r="G136" s="23">
        <v>2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3</v>
      </c>
      <c r="C137" s="43">
        <v>1</v>
      </c>
      <c r="D137" s="43">
        <v>-4</v>
      </c>
      <c r="E137" s="42">
        <v>5</v>
      </c>
      <c r="F137" s="43">
        <v>0</v>
      </c>
      <c r="G137" s="44">
        <v>5</v>
      </c>
      <c r="H137" s="43">
        <v>2</v>
      </c>
      <c r="I137" s="43">
        <v>1</v>
      </c>
      <c r="J137" s="43">
        <v>1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5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1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187</v>
      </c>
      <c r="C5" s="14">
        <v>-72</v>
      </c>
      <c r="D5" s="14">
        <v>-115</v>
      </c>
      <c r="E5" s="13">
        <v>196</v>
      </c>
      <c r="F5" s="14">
        <v>108</v>
      </c>
      <c r="G5" s="15">
        <v>88</v>
      </c>
      <c r="H5" s="14">
        <v>1477</v>
      </c>
      <c r="I5" s="14">
        <v>692</v>
      </c>
      <c r="J5" s="14">
        <v>785</v>
      </c>
      <c r="K5" s="13">
        <v>1507</v>
      </c>
      <c r="L5" s="49">
        <v>683</v>
      </c>
      <c r="M5" s="50">
        <v>824</v>
      </c>
    </row>
    <row r="6" spans="1:13" ht="19.5" customHeight="1">
      <c r="A6" s="16" t="s">
        <v>13</v>
      </c>
      <c r="B6" s="17">
        <v>23</v>
      </c>
      <c r="C6" s="18">
        <v>19</v>
      </c>
      <c r="D6" s="18">
        <v>4</v>
      </c>
      <c r="E6" s="17">
        <v>0</v>
      </c>
      <c r="F6" s="18">
        <v>0</v>
      </c>
      <c r="G6" s="19">
        <v>0</v>
      </c>
      <c r="H6" s="18">
        <v>19</v>
      </c>
      <c r="I6" s="18">
        <v>12</v>
      </c>
      <c r="J6" s="18">
        <v>7</v>
      </c>
      <c r="K6" s="17">
        <v>35</v>
      </c>
      <c r="L6" s="51">
        <v>20</v>
      </c>
      <c r="M6" s="52">
        <v>15</v>
      </c>
    </row>
    <row r="7" spans="1:13">
      <c r="A7" s="20" t="s">
        <v>14</v>
      </c>
      <c r="B7" s="21">
        <v>34</v>
      </c>
      <c r="C7" s="22">
        <v>25</v>
      </c>
      <c r="D7" s="22">
        <v>9</v>
      </c>
      <c r="E7" s="21">
        <v>0</v>
      </c>
      <c r="F7" s="22">
        <v>0</v>
      </c>
      <c r="G7" s="23">
        <v>0</v>
      </c>
      <c r="H7" s="22">
        <v>2</v>
      </c>
      <c r="I7" s="22">
        <v>1</v>
      </c>
      <c r="J7" s="22">
        <v>1</v>
      </c>
      <c r="K7" s="21">
        <v>7</v>
      </c>
      <c r="L7" s="53">
        <v>3</v>
      </c>
      <c r="M7" s="54">
        <v>4</v>
      </c>
    </row>
    <row r="8" spans="1:13">
      <c r="A8" s="20" t="s">
        <v>15</v>
      </c>
      <c r="B8" s="21">
        <v>-3</v>
      </c>
      <c r="C8" s="22">
        <v>-1</v>
      </c>
      <c r="D8" s="22">
        <v>-2</v>
      </c>
      <c r="E8" s="21">
        <v>0</v>
      </c>
      <c r="F8" s="22">
        <v>0</v>
      </c>
      <c r="G8" s="23">
        <v>0</v>
      </c>
      <c r="H8" s="22">
        <v>3</v>
      </c>
      <c r="I8" s="22">
        <v>3</v>
      </c>
      <c r="J8" s="22">
        <v>0</v>
      </c>
      <c r="K8" s="21">
        <v>6</v>
      </c>
      <c r="L8" s="53">
        <v>4</v>
      </c>
      <c r="M8" s="54">
        <v>2</v>
      </c>
    </row>
    <row r="9" spans="1:13">
      <c r="A9" s="20" t="s">
        <v>16</v>
      </c>
      <c r="B9" s="21">
        <v>0</v>
      </c>
      <c r="C9" s="22">
        <v>2</v>
      </c>
      <c r="D9" s="22">
        <v>-2</v>
      </c>
      <c r="E9" s="21">
        <v>0</v>
      </c>
      <c r="F9" s="22">
        <v>0</v>
      </c>
      <c r="G9" s="23">
        <v>0</v>
      </c>
      <c r="H9" s="22">
        <v>5</v>
      </c>
      <c r="I9" s="22">
        <v>4</v>
      </c>
      <c r="J9" s="22">
        <v>1</v>
      </c>
      <c r="K9" s="21">
        <v>5</v>
      </c>
      <c r="L9" s="53">
        <v>2</v>
      </c>
      <c r="M9" s="54">
        <v>3</v>
      </c>
    </row>
    <row r="10" spans="1:13">
      <c r="A10" s="20" t="s">
        <v>17</v>
      </c>
      <c r="B10" s="21">
        <v>-6</v>
      </c>
      <c r="C10" s="22">
        <v>-4</v>
      </c>
      <c r="D10" s="22">
        <v>-2</v>
      </c>
      <c r="E10" s="21">
        <v>0</v>
      </c>
      <c r="F10" s="22">
        <v>0</v>
      </c>
      <c r="G10" s="23">
        <v>0</v>
      </c>
      <c r="H10" s="22">
        <v>3</v>
      </c>
      <c r="I10" s="22">
        <v>2</v>
      </c>
      <c r="J10" s="22">
        <v>1</v>
      </c>
      <c r="K10" s="21">
        <v>9</v>
      </c>
      <c r="L10" s="53">
        <v>6</v>
      </c>
      <c r="M10" s="54">
        <v>3</v>
      </c>
    </row>
    <row r="11" spans="1:13">
      <c r="A11" s="20" t="s">
        <v>18</v>
      </c>
      <c r="B11" s="21">
        <v>-2</v>
      </c>
      <c r="C11" s="22">
        <v>-3</v>
      </c>
      <c r="D11" s="22">
        <v>1</v>
      </c>
      <c r="E11" s="21">
        <v>0</v>
      </c>
      <c r="F11" s="22">
        <v>0</v>
      </c>
      <c r="G11" s="23">
        <v>0</v>
      </c>
      <c r="H11" s="22">
        <v>6</v>
      </c>
      <c r="I11" s="22">
        <v>2</v>
      </c>
      <c r="J11" s="22">
        <v>4</v>
      </c>
      <c r="K11" s="21">
        <v>8</v>
      </c>
      <c r="L11" s="53">
        <v>5</v>
      </c>
      <c r="M11" s="54">
        <v>3</v>
      </c>
    </row>
    <row r="12" spans="1:13" ht="20.100000000000001" customHeight="1">
      <c r="A12" s="16" t="s">
        <v>19</v>
      </c>
      <c r="B12" s="17">
        <v>-13</v>
      </c>
      <c r="C12" s="18">
        <v>-5</v>
      </c>
      <c r="D12" s="18">
        <v>-8</v>
      </c>
      <c r="E12" s="17">
        <v>0</v>
      </c>
      <c r="F12" s="18">
        <v>0</v>
      </c>
      <c r="G12" s="19">
        <v>0</v>
      </c>
      <c r="H12" s="18">
        <v>12</v>
      </c>
      <c r="I12" s="18">
        <v>7</v>
      </c>
      <c r="J12" s="18">
        <v>5</v>
      </c>
      <c r="K12" s="17">
        <v>25</v>
      </c>
      <c r="L12" s="51">
        <v>12</v>
      </c>
      <c r="M12" s="52">
        <v>13</v>
      </c>
    </row>
    <row r="13" spans="1:13">
      <c r="A13" s="20" t="s">
        <v>20</v>
      </c>
      <c r="B13" s="21">
        <v>-6</v>
      </c>
      <c r="C13" s="22">
        <v>-3</v>
      </c>
      <c r="D13" s="22">
        <v>-3</v>
      </c>
      <c r="E13" s="21">
        <v>0</v>
      </c>
      <c r="F13" s="22">
        <v>0</v>
      </c>
      <c r="G13" s="23">
        <v>0</v>
      </c>
      <c r="H13" s="22">
        <v>2</v>
      </c>
      <c r="I13" s="22">
        <v>2</v>
      </c>
      <c r="J13" s="22">
        <v>0</v>
      </c>
      <c r="K13" s="21">
        <v>8</v>
      </c>
      <c r="L13" s="53">
        <v>5</v>
      </c>
      <c r="M13" s="54">
        <v>3</v>
      </c>
    </row>
    <row r="14" spans="1:13">
      <c r="A14" s="20" t="s">
        <v>21</v>
      </c>
      <c r="B14" s="21">
        <v>0</v>
      </c>
      <c r="C14" s="22">
        <v>1</v>
      </c>
      <c r="D14" s="22">
        <v>-1</v>
      </c>
      <c r="E14" s="21">
        <v>0</v>
      </c>
      <c r="F14" s="22">
        <v>0</v>
      </c>
      <c r="G14" s="23">
        <v>0</v>
      </c>
      <c r="H14" s="22">
        <v>5</v>
      </c>
      <c r="I14" s="22">
        <v>3</v>
      </c>
      <c r="J14" s="22">
        <v>2</v>
      </c>
      <c r="K14" s="21">
        <v>5</v>
      </c>
      <c r="L14" s="53">
        <v>2</v>
      </c>
      <c r="M14" s="54">
        <v>3</v>
      </c>
    </row>
    <row r="15" spans="1:13">
      <c r="A15" s="20" t="s">
        <v>22</v>
      </c>
      <c r="B15" s="21">
        <v>-5</v>
      </c>
      <c r="C15" s="22">
        <v>-3</v>
      </c>
      <c r="D15" s="22">
        <v>-2</v>
      </c>
      <c r="E15" s="21">
        <v>0</v>
      </c>
      <c r="F15" s="22">
        <v>0</v>
      </c>
      <c r="G15" s="23">
        <v>0</v>
      </c>
      <c r="H15" s="22">
        <v>1</v>
      </c>
      <c r="I15" s="22">
        <v>0</v>
      </c>
      <c r="J15" s="22">
        <v>1</v>
      </c>
      <c r="K15" s="21">
        <v>6</v>
      </c>
      <c r="L15" s="53">
        <v>3</v>
      </c>
      <c r="M15" s="54">
        <v>3</v>
      </c>
    </row>
    <row r="16" spans="1:13">
      <c r="A16" s="20" t="s">
        <v>23</v>
      </c>
      <c r="B16" s="21">
        <v>0</v>
      </c>
      <c r="C16" s="22">
        <v>1</v>
      </c>
      <c r="D16" s="22">
        <v>-1</v>
      </c>
      <c r="E16" s="21">
        <v>0</v>
      </c>
      <c r="F16" s="22">
        <v>0</v>
      </c>
      <c r="G16" s="23">
        <v>0</v>
      </c>
      <c r="H16" s="22">
        <v>2</v>
      </c>
      <c r="I16" s="22">
        <v>1</v>
      </c>
      <c r="J16" s="22">
        <v>1</v>
      </c>
      <c r="K16" s="21">
        <v>2</v>
      </c>
      <c r="L16" s="53">
        <v>0</v>
      </c>
      <c r="M16" s="54">
        <v>2</v>
      </c>
    </row>
    <row r="17" spans="1:13">
      <c r="A17" s="20" t="s">
        <v>24</v>
      </c>
      <c r="B17" s="21">
        <v>-2</v>
      </c>
      <c r="C17" s="22">
        <v>-1</v>
      </c>
      <c r="D17" s="22">
        <v>-1</v>
      </c>
      <c r="E17" s="21">
        <v>0</v>
      </c>
      <c r="F17" s="22">
        <v>0</v>
      </c>
      <c r="G17" s="23">
        <v>0</v>
      </c>
      <c r="H17" s="22">
        <v>2</v>
      </c>
      <c r="I17" s="22">
        <v>1</v>
      </c>
      <c r="J17" s="22">
        <v>1</v>
      </c>
      <c r="K17" s="21">
        <v>4</v>
      </c>
      <c r="L17" s="53">
        <v>2</v>
      </c>
      <c r="M17" s="54">
        <v>2</v>
      </c>
    </row>
    <row r="18" spans="1:13" ht="20.100000000000001" customHeight="1">
      <c r="A18" s="16" t="s">
        <v>25</v>
      </c>
      <c r="B18" s="17">
        <v>-10</v>
      </c>
      <c r="C18" s="18">
        <v>-7</v>
      </c>
      <c r="D18" s="18">
        <v>-3</v>
      </c>
      <c r="E18" s="17">
        <v>0</v>
      </c>
      <c r="F18" s="18">
        <v>0</v>
      </c>
      <c r="G18" s="19">
        <v>0</v>
      </c>
      <c r="H18" s="18">
        <v>7</v>
      </c>
      <c r="I18" s="18">
        <v>3</v>
      </c>
      <c r="J18" s="18">
        <v>4</v>
      </c>
      <c r="K18" s="17">
        <v>17</v>
      </c>
      <c r="L18" s="51">
        <v>10</v>
      </c>
      <c r="M18" s="52">
        <v>7</v>
      </c>
    </row>
    <row r="19" spans="1:13">
      <c r="A19" s="20" t="s">
        <v>26</v>
      </c>
      <c r="B19" s="21">
        <v>-4</v>
      </c>
      <c r="C19" s="22">
        <v>-3</v>
      </c>
      <c r="D19" s="22">
        <v>-1</v>
      </c>
      <c r="E19" s="21">
        <v>0</v>
      </c>
      <c r="F19" s="22">
        <v>0</v>
      </c>
      <c r="G19" s="23">
        <v>0</v>
      </c>
      <c r="H19" s="22">
        <v>2</v>
      </c>
      <c r="I19" s="22">
        <v>1</v>
      </c>
      <c r="J19" s="22">
        <v>1</v>
      </c>
      <c r="K19" s="21">
        <v>6</v>
      </c>
      <c r="L19" s="53">
        <v>4</v>
      </c>
      <c r="M19" s="54">
        <v>2</v>
      </c>
    </row>
    <row r="20" spans="1:13">
      <c r="A20" s="20" t="s">
        <v>27</v>
      </c>
      <c r="B20" s="21">
        <v>1</v>
      </c>
      <c r="C20" s="22">
        <v>0</v>
      </c>
      <c r="D20" s="22">
        <v>1</v>
      </c>
      <c r="E20" s="21">
        <v>0</v>
      </c>
      <c r="F20" s="22">
        <v>0</v>
      </c>
      <c r="G20" s="23">
        <v>0</v>
      </c>
      <c r="H20" s="22">
        <v>2</v>
      </c>
      <c r="I20" s="22">
        <v>0</v>
      </c>
      <c r="J20" s="22">
        <v>2</v>
      </c>
      <c r="K20" s="21">
        <v>1</v>
      </c>
      <c r="L20" s="53">
        <v>0</v>
      </c>
      <c r="M20" s="54">
        <v>1</v>
      </c>
    </row>
    <row r="21" spans="1:13">
      <c r="A21" s="20" t="s">
        <v>28</v>
      </c>
      <c r="B21" s="21">
        <v>-6</v>
      </c>
      <c r="C21" s="22">
        <v>-4</v>
      </c>
      <c r="D21" s="22">
        <v>-2</v>
      </c>
      <c r="E21" s="21">
        <v>0</v>
      </c>
      <c r="F21" s="22">
        <v>0</v>
      </c>
      <c r="G21" s="23">
        <v>0</v>
      </c>
      <c r="H21" s="22">
        <v>1</v>
      </c>
      <c r="I21" s="22">
        <v>0</v>
      </c>
      <c r="J21" s="22">
        <v>1</v>
      </c>
      <c r="K21" s="21">
        <v>7</v>
      </c>
      <c r="L21" s="53">
        <v>4</v>
      </c>
      <c r="M21" s="54">
        <v>3</v>
      </c>
    </row>
    <row r="22" spans="1:13">
      <c r="A22" s="20" t="s">
        <v>29</v>
      </c>
      <c r="B22" s="21">
        <v>1</v>
      </c>
      <c r="C22" s="22">
        <v>1</v>
      </c>
      <c r="D22" s="22">
        <v>0</v>
      </c>
      <c r="E22" s="21">
        <v>0</v>
      </c>
      <c r="F22" s="22">
        <v>0</v>
      </c>
      <c r="G22" s="23">
        <v>0</v>
      </c>
      <c r="H22" s="22">
        <v>1</v>
      </c>
      <c r="I22" s="22">
        <v>1</v>
      </c>
      <c r="J22" s="22">
        <v>0</v>
      </c>
      <c r="K22" s="21">
        <v>0</v>
      </c>
      <c r="L22" s="53">
        <v>0</v>
      </c>
      <c r="M22" s="54">
        <v>0</v>
      </c>
    </row>
    <row r="23" spans="1:13">
      <c r="A23" s="20" t="s">
        <v>30</v>
      </c>
      <c r="B23" s="21">
        <v>-2</v>
      </c>
      <c r="C23" s="22">
        <v>-1</v>
      </c>
      <c r="D23" s="22">
        <v>-1</v>
      </c>
      <c r="E23" s="21">
        <v>0</v>
      </c>
      <c r="F23" s="22">
        <v>0</v>
      </c>
      <c r="G23" s="23">
        <v>0</v>
      </c>
      <c r="H23" s="22">
        <v>1</v>
      </c>
      <c r="I23" s="22">
        <v>1</v>
      </c>
      <c r="J23" s="22">
        <v>0</v>
      </c>
      <c r="K23" s="21">
        <v>3</v>
      </c>
      <c r="L23" s="53">
        <v>2</v>
      </c>
      <c r="M23" s="54">
        <v>1</v>
      </c>
    </row>
    <row r="24" spans="1:13" ht="20.100000000000001" customHeight="1">
      <c r="A24" s="16" t="s">
        <v>31</v>
      </c>
      <c r="B24" s="17">
        <v>61</v>
      </c>
      <c r="C24" s="18">
        <v>28</v>
      </c>
      <c r="D24" s="18">
        <v>33</v>
      </c>
      <c r="E24" s="17">
        <v>0</v>
      </c>
      <c r="F24" s="18">
        <v>0</v>
      </c>
      <c r="G24" s="19">
        <v>0</v>
      </c>
      <c r="H24" s="18">
        <v>149</v>
      </c>
      <c r="I24" s="18">
        <v>59</v>
      </c>
      <c r="J24" s="18">
        <v>90</v>
      </c>
      <c r="K24" s="17">
        <v>88</v>
      </c>
      <c r="L24" s="51">
        <v>31</v>
      </c>
      <c r="M24" s="52">
        <v>57</v>
      </c>
    </row>
    <row r="25" spans="1:13">
      <c r="A25" s="20" t="s">
        <v>32</v>
      </c>
      <c r="B25" s="21">
        <v>-4</v>
      </c>
      <c r="C25" s="22">
        <v>1</v>
      </c>
      <c r="D25" s="22">
        <v>-5</v>
      </c>
      <c r="E25" s="21">
        <v>0</v>
      </c>
      <c r="F25" s="22">
        <v>0</v>
      </c>
      <c r="G25" s="23">
        <v>0</v>
      </c>
      <c r="H25" s="22">
        <v>2</v>
      </c>
      <c r="I25" s="22">
        <v>1</v>
      </c>
      <c r="J25" s="22">
        <v>1</v>
      </c>
      <c r="K25" s="21">
        <v>6</v>
      </c>
      <c r="L25" s="53">
        <v>0</v>
      </c>
      <c r="M25" s="54">
        <v>6</v>
      </c>
    </row>
    <row r="26" spans="1:13">
      <c r="A26" s="20" t="s">
        <v>33</v>
      </c>
      <c r="B26" s="21">
        <v>-5</v>
      </c>
      <c r="C26" s="22">
        <v>-2</v>
      </c>
      <c r="D26" s="22">
        <v>-3</v>
      </c>
      <c r="E26" s="21">
        <v>0</v>
      </c>
      <c r="F26" s="22">
        <v>0</v>
      </c>
      <c r="G26" s="23">
        <v>0</v>
      </c>
      <c r="H26" s="22">
        <v>0</v>
      </c>
      <c r="I26" s="22">
        <v>0</v>
      </c>
      <c r="J26" s="22">
        <v>0</v>
      </c>
      <c r="K26" s="21">
        <v>5</v>
      </c>
      <c r="L26" s="53">
        <v>2</v>
      </c>
      <c r="M26" s="54">
        <v>3</v>
      </c>
    </row>
    <row r="27" spans="1:13">
      <c r="A27" s="20" t="s">
        <v>34</v>
      </c>
      <c r="B27" s="21">
        <v>-2</v>
      </c>
      <c r="C27" s="22">
        <v>1</v>
      </c>
      <c r="D27" s="22">
        <v>-3</v>
      </c>
      <c r="E27" s="21">
        <v>0</v>
      </c>
      <c r="F27" s="22">
        <v>0</v>
      </c>
      <c r="G27" s="23">
        <v>0</v>
      </c>
      <c r="H27" s="22">
        <v>2</v>
      </c>
      <c r="I27" s="22">
        <v>1</v>
      </c>
      <c r="J27" s="22">
        <v>1</v>
      </c>
      <c r="K27" s="21">
        <v>4</v>
      </c>
      <c r="L27" s="53">
        <v>0</v>
      </c>
      <c r="M27" s="54">
        <v>4</v>
      </c>
    </row>
    <row r="28" spans="1:13">
      <c r="A28" s="20" t="s">
        <v>35</v>
      </c>
      <c r="B28" s="21">
        <v>66</v>
      </c>
      <c r="C28" s="22">
        <v>21</v>
      </c>
      <c r="D28" s="22">
        <v>45</v>
      </c>
      <c r="E28" s="21">
        <v>0</v>
      </c>
      <c r="F28" s="22">
        <v>0</v>
      </c>
      <c r="G28" s="23">
        <v>0</v>
      </c>
      <c r="H28" s="22">
        <v>93</v>
      </c>
      <c r="I28" s="22">
        <v>34</v>
      </c>
      <c r="J28" s="22">
        <v>59</v>
      </c>
      <c r="K28" s="21">
        <v>27</v>
      </c>
      <c r="L28" s="53">
        <v>13</v>
      </c>
      <c r="M28" s="54">
        <v>14</v>
      </c>
    </row>
    <row r="29" spans="1:13">
      <c r="A29" s="20" t="s">
        <v>36</v>
      </c>
      <c r="B29" s="21">
        <v>6</v>
      </c>
      <c r="C29" s="22">
        <v>7</v>
      </c>
      <c r="D29" s="22">
        <v>-1</v>
      </c>
      <c r="E29" s="21">
        <v>0</v>
      </c>
      <c r="F29" s="22">
        <v>0</v>
      </c>
      <c r="G29" s="23">
        <v>0</v>
      </c>
      <c r="H29" s="22">
        <v>52</v>
      </c>
      <c r="I29" s="22">
        <v>23</v>
      </c>
      <c r="J29" s="22">
        <v>29</v>
      </c>
      <c r="K29" s="21">
        <v>46</v>
      </c>
      <c r="L29" s="53">
        <v>16</v>
      </c>
      <c r="M29" s="54">
        <v>30</v>
      </c>
    </row>
    <row r="30" spans="1:13" ht="20.100000000000001" customHeight="1">
      <c r="A30" s="16" t="s">
        <v>37</v>
      </c>
      <c r="B30" s="17">
        <v>50</v>
      </c>
      <c r="C30" s="18">
        <v>42</v>
      </c>
      <c r="D30" s="18">
        <v>8</v>
      </c>
      <c r="E30" s="17">
        <v>0</v>
      </c>
      <c r="F30" s="18">
        <v>0</v>
      </c>
      <c r="G30" s="19">
        <v>0</v>
      </c>
      <c r="H30" s="18">
        <v>450</v>
      </c>
      <c r="I30" s="18">
        <v>180</v>
      </c>
      <c r="J30" s="18">
        <v>270</v>
      </c>
      <c r="K30" s="17">
        <v>400</v>
      </c>
      <c r="L30" s="51">
        <v>138</v>
      </c>
      <c r="M30" s="52">
        <v>262</v>
      </c>
    </row>
    <row r="31" spans="1:13">
      <c r="A31" s="20" t="s">
        <v>38</v>
      </c>
      <c r="B31" s="21">
        <v>62</v>
      </c>
      <c r="C31" s="22">
        <v>21</v>
      </c>
      <c r="D31" s="22">
        <v>41</v>
      </c>
      <c r="E31" s="21">
        <v>0</v>
      </c>
      <c r="F31" s="22">
        <v>0</v>
      </c>
      <c r="G31" s="23">
        <v>0</v>
      </c>
      <c r="H31" s="22">
        <v>130</v>
      </c>
      <c r="I31" s="22">
        <v>42</v>
      </c>
      <c r="J31" s="22">
        <v>88</v>
      </c>
      <c r="K31" s="21">
        <v>68</v>
      </c>
      <c r="L31" s="53">
        <v>21</v>
      </c>
      <c r="M31" s="54">
        <v>47</v>
      </c>
    </row>
    <row r="32" spans="1:13">
      <c r="A32" s="20" t="s">
        <v>39</v>
      </c>
      <c r="B32" s="21">
        <v>-24</v>
      </c>
      <c r="C32" s="22">
        <v>-6</v>
      </c>
      <c r="D32" s="22">
        <v>-18</v>
      </c>
      <c r="E32" s="21">
        <v>0</v>
      </c>
      <c r="F32" s="22">
        <v>0</v>
      </c>
      <c r="G32" s="23">
        <v>0</v>
      </c>
      <c r="H32" s="22">
        <v>67</v>
      </c>
      <c r="I32" s="22">
        <v>26</v>
      </c>
      <c r="J32" s="22">
        <v>41</v>
      </c>
      <c r="K32" s="21">
        <v>91</v>
      </c>
      <c r="L32" s="53">
        <v>32</v>
      </c>
      <c r="M32" s="54">
        <v>59</v>
      </c>
    </row>
    <row r="33" spans="1:13">
      <c r="A33" s="20" t="s">
        <v>40</v>
      </c>
      <c r="B33" s="21">
        <v>14</v>
      </c>
      <c r="C33" s="22">
        <v>17</v>
      </c>
      <c r="D33" s="22">
        <v>-3</v>
      </c>
      <c r="E33" s="21">
        <v>0</v>
      </c>
      <c r="F33" s="22">
        <v>0</v>
      </c>
      <c r="G33" s="23">
        <v>0</v>
      </c>
      <c r="H33" s="22">
        <v>111</v>
      </c>
      <c r="I33" s="22">
        <v>45</v>
      </c>
      <c r="J33" s="22">
        <v>66</v>
      </c>
      <c r="K33" s="21">
        <v>97</v>
      </c>
      <c r="L33" s="53">
        <v>28</v>
      </c>
      <c r="M33" s="54">
        <v>69</v>
      </c>
    </row>
    <row r="34" spans="1:13">
      <c r="A34" s="20" t="s">
        <v>41</v>
      </c>
      <c r="B34" s="21">
        <v>3</v>
      </c>
      <c r="C34" s="22">
        <v>13</v>
      </c>
      <c r="D34" s="22">
        <v>-10</v>
      </c>
      <c r="E34" s="21">
        <v>0</v>
      </c>
      <c r="F34" s="22">
        <v>0</v>
      </c>
      <c r="G34" s="23">
        <v>0</v>
      </c>
      <c r="H34" s="22">
        <v>70</v>
      </c>
      <c r="I34" s="22">
        <v>32</v>
      </c>
      <c r="J34" s="22">
        <v>38</v>
      </c>
      <c r="K34" s="21">
        <v>67</v>
      </c>
      <c r="L34" s="53">
        <v>19</v>
      </c>
      <c r="M34" s="54">
        <v>48</v>
      </c>
    </row>
    <row r="35" spans="1:13">
      <c r="A35" s="20" t="s">
        <v>42</v>
      </c>
      <c r="B35" s="21">
        <v>-5</v>
      </c>
      <c r="C35" s="22">
        <v>-3</v>
      </c>
      <c r="D35" s="22">
        <v>-2</v>
      </c>
      <c r="E35" s="21">
        <v>0</v>
      </c>
      <c r="F35" s="22">
        <v>0</v>
      </c>
      <c r="G35" s="23">
        <v>0</v>
      </c>
      <c r="H35" s="22">
        <v>72</v>
      </c>
      <c r="I35" s="22">
        <v>35</v>
      </c>
      <c r="J35" s="22">
        <v>37</v>
      </c>
      <c r="K35" s="21">
        <v>77</v>
      </c>
      <c r="L35" s="53">
        <v>38</v>
      </c>
      <c r="M35" s="54">
        <v>39</v>
      </c>
    </row>
    <row r="36" spans="1:13" ht="20.100000000000001" customHeight="1">
      <c r="A36" s="16" t="s">
        <v>43</v>
      </c>
      <c r="B36" s="17">
        <v>1</v>
      </c>
      <c r="C36" s="18">
        <v>10</v>
      </c>
      <c r="D36" s="18">
        <v>-9</v>
      </c>
      <c r="E36" s="17">
        <v>0</v>
      </c>
      <c r="F36" s="18">
        <v>0</v>
      </c>
      <c r="G36" s="19">
        <v>0</v>
      </c>
      <c r="H36" s="18">
        <v>276</v>
      </c>
      <c r="I36" s="18">
        <v>123</v>
      </c>
      <c r="J36" s="18">
        <v>153</v>
      </c>
      <c r="K36" s="17">
        <v>275</v>
      </c>
      <c r="L36" s="51">
        <v>113</v>
      </c>
      <c r="M36" s="52">
        <v>162</v>
      </c>
    </row>
    <row r="37" spans="1:13">
      <c r="A37" s="20" t="s">
        <v>44</v>
      </c>
      <c r="B37" s="21">
        <v>-2</v>
      </c>
      <c r="C37" s="22">
        <v>3</v>
      </c>
      <c r="D37" s="22">
        <v>-5</v>
      </c>
      <c r="E37" s="21">
        <v>0</v>
      </c>
      <c r="F37" s="22">
        <v>0</v>
      </c>
      <c r="G37" s="23">
        <v>0</v>
      </c>
      <c r="H37" s="22">
        <v>69</v>
      </c>
      <c r="I37" s="22">
        <v>29</v>
      </c>
      <c r="J37" s="22">
        <v>40</v>
      </c>
      <c r="K37" s="21">
        <v>71</v>
      </c>
      <c r="L37" s="53">
        <v>26</v>
      </c>
      <c r="M37" s="54">
        <v>45</v>
      </c>
    </row>
    <row r="38" spans="1:13">
      <c r="A38" s="20" t="s">
        <v>45</v>
      </c>
      <c r="B38" s="21">
        <v>14</v>
      </c>
      <c r="C38" s="22">
        <v>6</v>
      </c>
      <c r="D38" s="22">
        <v>8</v>
      </c>
      <c r="E38" s="21">
        <v>0</v>
      </c>
      <c r="F38" s="22">
        <v>0</v>
      </c>
      <c r="G38" s="23">
        <v>0</v>
      </c>
      <c r="H38" s="22">
        <v>71</v>
      </c>
      <c r="I38" s="22">
        <v>32</v>
      </c>
      <c r="J38" s="22">
        <v>39</v>
      </c>
      <c r="K38" s="21">
        <v>57</v>
      </c>
      <c r="L38" s="53">
        <v>26</v>
      </c>
      <c r="M38" s="54">
        <v>31</v>
      </c>
    </row>
    <row r="39" spans="1:13">
      <c r="A39" s="20" t="s">
        <v>46</v>
      </c>
      <c r="B39" s="21">
        <v>-2</v>
      </c>
      <c r="C39" s="22">
        <v>5</v>
      </c>
      <c r="D39" s="22">
        <v>-7</v>
      </c>
      <c r="E39" s="21">
        <v>0</v>
      </c>
      <c r="F39" s="22">
        <v>0</v>
      </c>
      <c r="G39" s="23">
        <v>0</v>
      </c>
      <c r="H39" s="22">
        <v>46</v>
      </c>
      <c r="I39" s="22">
        <v>20</v>
      </c>
      <c r="J39" s="22">
        <v>26</v>
      </c>
      <c r="K39" s="21">
        <v>48</v>
      </c>
      <c r="L39" s="53">
        <v>15</v>
      </c>
      <c r="M39" s="54">
        <v>33</v>
      </c>
    </row>
    <row r="40" spans="1:13">
      <c r="A40" s="20" t="s">
        <v>47</v>
      </c>
      <c r="B40" s="21">
        <v>-1</v>
      </c>
      <c r="C40" s="22">
        <v>-1</v>
      </c>
      <c r="D40" s="22">
        <v>0</v>
      </c>
      <c r="E40" s="21">
        <v>0</v>
      </c>
      <c r="F40" s="22">
        <v>0</v>
      </c>
      <c r="G40" s="23">
        <v>0</v>
      </c>
      <c r="H40" s="22">
        <v>45</v>
      </c>
      <c r="I40" s="22">
        <v>20</v>
      </c>
      <c r="J40" s="22">
        <v>25</v>
      </c>
      <c r="K40" s="21">
        <v>46</v>
      </c>
      <c r="L40" s="53">
        <v>21</v>
      </c>
      <c r="M40" s="54">
        <v>25</v>
      </c>
    </row>
    <row r="41" spans="1:13">
      <c r="A41" s="20" t="s">
        <v>48</v>
      </c>
      <c r="B41" s="21">
        <v>-8</v>
      </c>
      <c r="C41" s="22">
        <v>-3</v>
      </c>
      <c r="D41" s="22">
        <v>-5</v>
      </c>
      <c r="E41" s="21">
        <v>0</v>
      </c>
      <c r="F41" s="22">
        <v>0</v>
      </c>
      <c r="G41" s="23">
        <v>0</v>
      </c>
      <c r="H41" s="22">
        <v>45</v>
      </c>
      <c r="I41" s="22">
        <v>22</v>
      </c>
      <c r="J41" s="22">
        <v>23</v>
      </c>
      <c r="K41" s="21">
        <v>53</v>
      </c>
      <c r="L41" s="53">
        <v>25</v>
      </c>
      <c r="M41" s="54">
        <v>28</v>
      </c>
    </row>
    <row r="42" spans="1:13" ht="20.100000000000001" customHeight="1">
      <c r="A42" s="16" t="s">
        <v>49</v>
      </c>
      <c r="B42" s="17">
        <v>-38</v>
      </c>
      <c r="C42" s="18">
        <v>-32</v>
      </c>
      <c r="D42" s="18">
        <v>-6</v>
      </c>
      <c r="E42" s="17">
        <v>0</v>
      </c>
      <c r="F42" s="18">
        <v>0</v>
      </c>
      <c r="G42" s="19">
        <v>0</v>
      </c>
      <c r="H42" s="18">
        <v>147</v>
      </c>
      <c r="I42" s="18">
        <v>65</v>
      </c>
      <c r="J42" s="18">
        <v>82</v>
      </c>
      <c r="K42" s="17">
        <v>185</v>
      </c>
      <c r="L42" s="51">
        <v>97</v>
      </c>
      <c r="M42" s="52">
        <v>88</v>
      </c>
    </row>
    <row r="43" spans="1:13">
      <c r="A43" s="20" t="s">
        <v>50</v>
      </c>
      <c r="B43" s="21">
        <v>-8</v>
      </c>
      <c r="C43" s="22">
        <v>-9</v>
      </c>
      <c r="D43" s="22">
        <v>1</v>
      </c>
      <c r="E43" s="21">
        <v>0</v>
      </c>
      <c r="F43" s="22">
        <v>0</v>
      </c>
      <c r="G43" s="23">
        <v>0</v>
      </c>
      <c r="H43" s="22">
        <v>44</v>
      </c>
      <c r="I43" s="22">
        <v>18</v>
      </c>
      <c r="J43" s="22">
        <v>26</v>
      </c>
      <c r="K43" s="21">
        <v>52</v>
      </c>
      <c r="L43" s="53">
        <v>27</v>
      </c>
      <c r="M43" s="54">
        <v>25</v>
      </c>
    </row>
    <row r="44" spans="1:13">
      <c r="A44" s="20" t="s">
        <v>51</v>
      </c>
      <c r="B44" s="21">
        <v>-12</v>
      </c>
      <c r="C44" s="22">
        <v>-3</v>
      </c>
      <c r="D44" s="22">
        <v>-9</v>
      </c>
      <c r="E44" s="21">
        <v>0</v>
      </c>
      <c r="F44" s="22">
        <v>0</v>
      </c>
      <c r="G44" s="23">
        <v>0</v>
      </c>
      <c r="H44" s="22">
        <v>29</v>
      </c>
      <c r="I44" s="22">
        <v>14</v>
      </c>
      <c r="J44" s="22">
        <v>15</v>
      </c>
      <c r="K44" s="21">
        <v>41</v>
      </c>
      <c r="L44" s="53">
        <v>17</v>
      </c>
      <c r="M44" s="54">
        <v>24</v>
      </c>
    </row>
    <row r="45" spans="1:13">
      <c r="A45" s="20" t="s">
        <v>52</v>
      </c>
      <c r="B45" s="21">
        <v>-8</v>
      </c>
      <c r="C45" s="22">
        <v>-9</v>
      </c>
      <c r="D45" s="22">
        <v>1</v>
      </c>
      <c r="E45" s="21">
        <v>0</v>
      </c>
      <c r="F45" s="22">
        <v>0</v>
      </c>
      <c r="G45" s="23">
        <v>0</v>
      </c>
      <c r="H45" s="22">
        <v>29</v>
      </c>
      <c r="I45" s="22">
        <v>14</v>
      </c>
      <c r="J45" s="22">
        <v>15</v>
      </c>
      <c r="K45" s="21">
        <v>37</v>
      </c>
      <c r="L45" s="53">
        <v>23</v>
      </c>
      <c r="M45" s="54">
        <v>14</v>
      </c>
    </row>
    <row r="46" spans="1:13">
      <c r="A46" s="20" t="s">
        <v>53</v>
      </c>
      <c r="B46" s="21">
        <v>-4</v>
      </c>
      <c r="C46" s="22">
        <v>-4</v>
      </c>
      <c r="D46" s="22">
        <v>0</v>
      </c>
      <c r="E46" s="21">
        <v>0</v>
      </c>
      <c r="F46" s="22">
        <v>0</v>
      </c>
      <c r="G46" s="23">
        <v>0</v>
      </c>
      <c r="H46" s="22">
        <v>25</v>
      </c>
      <c r="I46" s="22">
        <v>11</v>
      </c>
      <c r="J46" s="22">
        <v>14</v>
      </c>
      <c r="K46" s="21">
        <v>29</v>
      </c>
      <c r="L46" s="53">
        <v>15</v>
      </c>
      <c r="M46" s="54">
        <v>14</v>
      </c>
    </row>
    <row r="47" spans="1:13">
      <c r="A47" s="20" t="s">
        <v>54</v>
      </c>
      <c r="B47" s="21">
        <v>-6</v>
      </c>
      <c r="C47" s="22">
        <v>-7</v>
      </c>
      <c r="D47" s="22">
        <v>1</v>
      </c>
      <c r="E47" s="21">
        <v>0</v>
      </c>
      <c r="F47" s="22">
        <v>0</v>
      </c>
      <c r="G47" s="23">
        <v>0</v>
      </c>
      <c r="H47" s="22">
        <v>20</v>
      </c>
      <c r="I47" s="22">
        <v>8</v>
      </c>
      <c r="J47" s="22">
        <v>12</v>
      </c>
      <c r="K47" s="21">
        <v>26</v>
      </c>
      <c r="L47" s="53">
        <v>15</v>
      </c>
      <c r="M47" s="54">
        <v>11</v>
      </c>
    </row>
    <row r="48" spans="1:13" ht="20.100000000000001" customHeight="1">
      <c r="A48" s="16" t="s">
        <v>55</v>
      </c>
      <c r="B48" s="17">
        <v>-25</v>
      </c>
      <c r="C48" s="18">
        <v>-12</v>
      </c>
      <c r="D48" s="18">
        <v>-13</v>
      </c>
      <c r="E48" s="17">
        <v>0</v>
      </c>
      <c r="F48" s="18">
        <v>0</v>
      </c>
      <c r="G48" s="19">
        <v>0</v>
      </c>
      <c r="H48" s="18">
        <v>56</v>
      </c>
      <c r="I48" s="18">
        <v>28</v>
      </c>
      <c r="J48" s="18">
        <v>28</v>
      </c>
      <c r="K48" s="17">
        <v>81</v>
      </c>
      <c r="L48" s="51">
        <v>40</v>
      </c>
      <c r="M48" s="52">
        <v>41</v>
      </c>
    </row>
    <row r="49" spans="1:13">
      <c r="A49" s="20" t="s">
        <v>56</v>
      </c>
      <c r="B49" s="21">
        <v>-3</v>
      </c>
      <c r="C49" s="22">
        <v>-4</v>
      </c>
      <c r="D49" s="22">
        <v>1</v>
      </c>
      <c r="E49" s="21">
        <v>0</v>
      </c>
      <c r="F49" s="22">
        <v>0</v>
      </c>
      <c r="G49" s="23">
        <v>0</v>
      </c>
      <c r="H49" s="22">
        <v>15</v>
      </c>
      <c r="I49" s="22">
        <v>6</v>
      </c>
      <c r="J49" s="22">
        <v>9</v>
      </c>
      <c r="K49" s="21">
        <v>18</v>
      </c>
      <c r="L49" s="53">
        <v>10</v>
      </c>
      <c r="M49" s="54">
        <v>8</v>
      </c>
    </row>
    <row r="50" spans="1:13">
      <c r="A50" s="20" t="s">
        <v>57</v>
      </c>
      <c r="B50" s="21">
        <v>-8</v>
      </c>
      <c r="C50" s="22">
        <v>-2</v>
      </c>
      <c r="D50" s="22">
        <v>-6</v>
      </c>
      <c r="E50" s="21">
        <v>0</v>
      </c>
      <c r="F50" s="22">
        <v>0</v>
      </c>
      <c r="G50" s="23">
        <v>0</v>
      </c>
      <c r="H50" s="22">
        <v>14</v>
      </c>
      <c r="I50" s="22">
        <v>8</v>
      </c>
      <c r="J50" s="22">
        <v>6</v>
      </c>
      <c r="K50" s="21">
        <v>22</v>
      </c>
      <c r="L50" s="53">
        <v>10</v>
      </c>
      <c r="M50" s="54">
        <v>12</v>
      </c>
    </row>
    <row r="51" spans="1:13">
      <c r="A51" s="20" t="s">
        <v>58</v>
      </c>
      <c r="B51" s="21">
        <v>-2</v>
      </c>
      <c r="C51" s="22">
        <v>-3</v>
      </c>
      <c r="D51" s="22">
        <v>1</v>
      </c>
      <c r="E51" s="21">
        <v>0</v>
      </c>
      <c r="F51" s="22">
        <v>0</v>
      </c>
      <c r="G51" s="23">
        <v>0</v>
      </c>
      <c r="H51" s="22">
        <v>12</v>
      </c>
      <c r="I51" s="22">
        <v>5</v>
      </c>
      <c r="J51" s="22">
        <v>7</v>
      </c>
      <c r="K51" s="21">
        <v>14</v>
      </c>
      <c r="L51" s="53">
        <v>8</v>
      </c>
      <c r="M51" s="54">
        <v>6</v>
      </c>
    </row>
    <row r="52" spans="1:13">
      <c r="A52" s="20" t="s">
        <v>59</v>
      </c>
      <c r="B52" s="21">
        <v>-9</v>
      </c>
      <c r="C52" s="22">
        <v>-1</v>
      </c>
      <c r="D52" s="22">
        <v>-8</v>
      </c>
      <c r="E52" s="21">
        <v>0</v>
      </c>
      <c r="F52" s="22">
        <v>0</v>
      </c>
      <c r="G52" s="23">
        <v>0</v>
      </c>
      <c r="H52" s="22">
        <v>7</v>
      </c>
      <c r="I52" s="22">
        <v>5</v>
      </c>
      <c r="J52" s="22">
        <v>2</v>
      </c>
      <c r="K52" s="21">
        <v>16</v>
      </c>
      <c r="L52" s="53">
        <v>6</v>
      </c>
      <c r="M52" s="54">
        <v>10</v>
      </c>
    </row>
    <row r="53" spans="1:13">
      <c r="A53" s="20" t="s">
        <v>60</v>
      </c>
      <c r="B53" s="21">
        <v>-3</v>
      </c>
      <c r="C53" s="22">
        <v>-2</v>
      </c>
      <c r="D53" s="22">
        <v>-1</v>
      </c>
      <c r="E53" s="21">
        <v>0</v>
      </c>
      <c r="F53" s="22">
        <v>0</v>
      </c>
      <c r="G53" s="23">
        <v>0</v>
      </c>
      <c r="H53" s="22">
        <v>8</v>
      </c>
      <c r="I53" s="22">
        <v>4</v>
      </c>
      <c r="J53" s="22">
        <v>4</v>
      </c>
      <c r="K53" s="21">
        <v>11</v>
      </c>
      <c r="L53" s="53">
        <v>6</v>
      </c>
      <c r="M53" s="54">
        <v>5</v>
      </c>
    </row>
    <row r="54" spans="1:13" ht="20.100000000000001" customHeight="1">
      <c r="A54" s="16" t="s">
        <v>61</v>
      </c>
      <c r="B54" s="17">
        <v>-9</v>
      </c>
      <c r="C54" s="18">
        <v>-5</v>
      </c>
      <c r="D54" s="18">
        <v>-4</v>
      </c>
      <c r="E54" s="17">
        <v>0</v>
      </c>
      <c r="F54" s="18">
        <v>0</v>
      </c>
      <c r="G54" s="19">
        <v>0</v>
      </c>
      <c r="H54" s="18">
        <v>47</v>
      </c>
      <c r="I54" s="18">
        <v>29</v>
      </c>
      <c r="J54" s="18">
        <v>18</v>
      </c>
      <c r="K54" s="17">
        <v>56</v>
      </c>
      <c r="L54" s="51">
        <v>34</v>
      </c>
      <c r="M54" s="52">
        <v>22</v>
      </c>
    </row>
    <row r="55" spans="1:13">
      <c r="A55" s="20" t="s">
        <v>62</v>
      </c>
      <c r="B55" s="21">
        <v>-4</v>
      </c>
      <c r="C55" s="22">
        <v>-2</v>
      </c>
      <c r="D55" s="22">
        <v>-2</v>
      </c>
      <c r="E55" s="21">
        <v>0</v>
      </c>
      <c r="F55" s="22">
        <v>0</v>
      </c>
      <c r="G55" s="23">
        <v>0</v>
      </c>
      <c r="H55" s="22">
        <v>10</v>
      </c>
      <c r="I55" s="22">
        <v>7</v>
      </c>
      <c r="J55" s="22">
        <v>3</v>
      </c>
      <c r="K55" s="21">
        <v>14</v>
      </c>
      <c r="L55" s="53">
        <v>9</v>
      </c>
      <c r="M55" s="54">
        <v>5</v>
      </c>
    </row>
    <row r="56" spans="1:13">
      <c r="A56" s="20" t="s">
        <v>63</v>
      </c>
      <c r="B56" s="21">
        <v>2</v>
      </c>
      <c r="C56" s="22">
        <v>5</v>
      </c>
      <c r="D56" s="22">
        <v>-3</v>
      </c>
      <c r="E56" s="21">
        <v>0</v>
      </c>
      <c r="F56" s="22">
        <v>0</v>
      </c>
      <c r="G56" s="23">
        <v>0</v>
      </c>
      <c r="H56" s="22">
        <v>8</v>
      </c>
      <c r="I56" s="22">
        <v>7</v>
      </c>
      <c r="J56" s="22">
        <v>1</v>
      </c>
      <c r="K56" s="21">
        <v>6</v>
      </c>
      <c r="L56" s="53">
        <v>2</v>
      </c>
      <c r="M56" s="54">
        <v>4</v>
      </c>
    </row>
    <row r="57" spans="1:13">
      <c r="A57" s="20" t="s">
        <v>64</v>
      </c>
      <c r="B57" s="21">
        <v>-6</v>
      </c>
      <c r="C57" s="22">
        <v>-6</v>
      </c>
      <c r="D57" s="22">
        <v>0</v>
      </c>
      <c r="E57" s="21">
        <v>0</v>
      </c>
      <c r="F57" s="22">
        <v>0</v>
      </c>
      <c r="G57" s="23">
        <v>0</v>
      </c>
      <c r="H57" s="22">
        <v>10</v>
      </c>
      <c r="I57" s="22">
        <v>2</v>
      </c>
      <c r="J57" s="22">
        <v>8</v>
      </c>
      <c r="K57" s="21">
        <v>16</v>
      </c>
      <c r="L57" s="53">
        <v>8</v>
      </c>
      <c r="M57" s="54">
        <v>8</v>
      </c>
    </row>
    <row r="58" spans="1:13">
      <c r="A58" s="20" t="s">
        <v>65</v>
      </c>
      <c r="B58" s="21">
        <v>3</v>
      </c>
      <c r="C58" s="22">
        <v>3</v>
      </c>
      <c r="D58" s="22">
        <v>0</v>
      </c>
      <c r="E58" s="21">
        <v>0</v>
      </c>
      <c r="F58" s="22">
        <v>0</v>
      </c>
      <c r="G58" s="23">
        <v>0</v>
      </c>
      <c r="H58" s="22">
        <v>11</v>
      </c>
      <c r="I58" s="22">
        <v>8</v>
      </c>
      <c r="J58" s="22">
        <v>3</v>
      </c>
      <c r="K58" s="21">
        <v>8</v>
      </c>
      <c r="L58" s="53">
        <v>5</v>
      </c>
      <c r="M58" s="54">
        <v>3</v>
      </c>
    </row>
    <row r="59" spans="1:13">
      <c r="A59" s="20" t="s">
        <v>66</v>
      </c>
      <c r="B59" s="21">
        <v>-4</v>
      </c>
      <c r="C59" s="22">
        <v>-5</v>
      </c>
      <c r="D59" s="22">
        <v>1</v>
      </c>
      <c r="E59" s="21">
        <v>0</v>
      </c>
      <c r="F59" s="22">
        <v>0</v>
      </c>
      <c r="G59" s="23">
        <v>0</v>
      </c>
      <c r="H59" s="22">
        <v>8</v>
      </c>
      <c r="I59" s="22">
        <v>5</v>
      </c>
      <c r="J59" s="22">
        <v>3</v>
      </c>
      <c r="K59" s="21">
        <v>12</v>
      </c>
      <c r="L59" s="53">
        <v>10</v>
      </c>
      <c r="M59" s="54">
        <v>2</v>
      </c>
    </row>
    <row r="60" spans="1:13" ht="20.100000000000001" customHeight="1">
      <c r="A60" s="16" t="s">
        <v>67</v>
      </c>
      <c r="B60" s="17">
        <v>-13</v>
      </c>
      <c r="C60" s="18">
        <v>-9</v>
      </c>
      <c r="D60" s="18">
        <v>-4</v>
      </c>
      <c r="E60" s="17">
        <v>2</v>
      </c>
      <c r="F60" s="18">
        <v>2</v>
      </c>
      <c r="G60" s="19">
        <v>0</v>
      </c>
      <c r="H60" s="18">
        <v>54</v>
      </c>
      <c r="I60" s="18">
        <v>30</v>
      </c>
      <c r="J60" s="18">
        <v>24</v>
      </c>
      <c r="K60" s="17">
        <v>65</v>
      </c>
      <c r="L60" s="51">
        <v>37</v>
      </c>
      <c r="M60" s="52">
        <v>28</v>
      </c>
    </row>
    <row r="61" spans="1:13">
      <c r="A61" s="20" t="s">
        <v>68</v>
      </c>
      <c r="B61" s="21">
        <v>-1</v>
      </c>
      <c r="C61" s="22">
        <v>3</v>
      </c>
      <c r="D61" s="22">
        <v>-4</v>
      </c>
      <c r="E61" s="21">
        <v>0</v>
      </c>
      <c r="F61" s="22">
        <v>0</v>
      </c>
      <c r="G61" s="23">
        <v>0</v>
      </c>
      <c r="H61" s="22">
        <v>13</v>
      </c>
      <c r="I61" s="22">
        <v>7</v>
      </c>
      <c r="J61" s="22">
        <v>6</v>
      </c>
      <c r="K61" s="21">
        <v>14</v>
      </c>
      <c r="L61" s="53">
        <v>4</v>
      </c>
      <c r="M61" s="54">
        <v>10</v>
      </c>
    </row>
    <row r="62" spans="1:13">
      <c r="A62" s="20" t="s">
        <v>69</v>
      </c>
      <c r="B62" s="21">
        <v>-4</v>
      </c>
      <c r="C62" s="22">
        <v>-6</v>
      </c>
      <c r="D62" s="22">
        <v>2</v>
      </c>
      <c r="E62" s="21">
        <v>0</v>
      </c>
      <c r="F62" s="22">
        <v>0</v>
      </c>
      <c r="G62" s="23">
        <v>0</v>
      </c>
      <c r="H62" s="22">
        <v>6</v>
      </c>
      <c r="I62" s="22">
        <v>3</v>
      </c>
      <c r="J62" s="22">
        <v>3</v>
      </c>
      <c r="K62" s="21">
        <v>10</v>
      </c>
      <c r="L62" s="53">
        <v>9</v>
      </c>
      <c r="M62" s="54">
        <v>1</v>
      </c>
    </row>
    <row r="63" spans="1:13">
      <c r="A63" s="20" t="s">
        <v>70</v>
      </c>
      <c r="B63" s="21">
        <v>-1</v>
      </c>
      <c r="C63" s="22">
        <v>3</v>
      </c>
      <c r="D63" s="22">
        <v>-4</v>
      </c>
      <c r="E63" s="21">
        <v>0</v>
      </c>
      <c r="F63" s="22">
        <v>0</v>
      </c>
      <c r="G63" s="23">
        <v>0</v>
      </c>
      <c r="H63" s="22">
        <v>12</v>
      </c>
      <c r="I63" s="22">
        <v>9</v>
      </c>
      <c r="J63" s="22">
        <v>3</v>
      </c>
      <c r="K63" s="21">
        <v>13</v>
      </c>
      <c r="L63" s="53">
        <v>6</v>
      </c>
      <c r="M63" s="54">
        <v>7</v>
      </c>
    </row>
    <row r="64" spans="1:13">
      <c r="A64" s="20" t="s">
        <v>71</v>
      </c>
      <c r="B64" s="21">
        <v>-6</v>
      </c>
      <c r="C64" s="22">
        <v>-7</v>
      </c>
      <c r="D64" s="22">
        <v>1</v>
      </c>
      <c r="E64" s="21">
        <v>2</v>
      </c>
      <c r="F64" s="22">
        <v>2</v>
      </c>
      <c r="G64" s="23">
        <v>0</v>
      </c>
      <c r="H64" s="22">
        <v>12</v>
      </c>
      <c r="I64" s="22">
        <v>4</v>
      </c>
      <c r="J64" s="22">
        <v>8</v>
      </c>
      <c r="K64" s="21">
        <v>16</v>
      </c>
      <c r="L64" s="53">
        <v>9</v>
      </c>
      <c r="M64" s="54">
        <v>7</v>
      </c>
    </row>
    <row r="65" spans="1:13">
      <c r="A65" s="24" t="s">
        <v>72</v>
      </c>
      <c r="B65" s="25">
        <v>-1</v>
      </c>
      <c r="C65" s="26">
        <v>-2</v>
      </c>
      <c r="D65" s="26">
        <v>1</v>
      </c>
      <c r="E65" s="25">
        <v>0</v>
      </c>
      <c r="F65" s="26">
        <v>0</v>
      </c>
      <c r="G65" s="27">
        <v>0</v>
      </c>
      <c r="H65" s="26">
        <v>11</v>
      </c>
      <c r="I65" s="26">
        <v>7</v>
      </c>
      <c r="J65" s="26">
        <v>4</v>
      </c>
      <c r="K65" s="25">
        <v>12</v>
      </c>
      <c r="L65" s="55">
        <v>9</v>
      </c>
      <c r="M65" s="56">
        <v>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9</v>
      </c>
      <c r="C69" s="58">
        <v>27</v>
      </c>
      <c r="D69" s="59">
        <v>12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9</v>
      </c>
      <c r="C70" s="61">
        <v>27</v>
      </c>
      <c r="D70" s="62">
        <v>12</v>
      </c>
    </row>
    <row r="71" spans="1:13">
      <c r="A71" s="24" t="s">
        <v>14</v>
      </c>
      <c r="B71" s="63">
        <v>39</v>
      </c>
      <c r="C71" s="64">
        <v>27</v>
      </c>
      <c r="D71" s="65">
        <v>12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1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3</v>
      </c>
      <c r="C77" s="18">
        <v>-6</v>
      </c>
      <c r="D77" s="18">
        <v>3</v>
      </c>
      <c r="E77" s="17">
        <v>1</v>
      </c>
      <c r="F77" s="18">
        <v>0</v>
      </c>
      <c r="G77" s="19">
        <v>1</v>
      </c>
      <c r="H77" s="18">
        <v>56</v>
      </c>
      <c r="I77" s="18">
        <v>32</v>
      </c>
      <c r="J77" s="18">
        <v>24</v>
      </c>
      <c r="K77" s="17">
        <v>58</v>
      </c>
      <c r="L77" s="51">
        <v>38</v>
      </c>
      <c r="M77" s="52">
        <v>20</v>
      </c>
    </row>
    <row r="78" spans="1:13">
      <c r="A78" s="40" t="s">
        <v>81</v>
      </c>
      <c r="B78" s="21">
        <v>-1</v>
      </c>
      <c r="C78" s="22">
        <v>-1</v>
      </c>
      <c r="D78" s="22">
        <v>0</v>
      </c>
      <c r="E78" s="21">
        <v>1</v>
      </c>
      <c r="F78" s="22">
        <v>0</v>
      </c>
      <c r="G78" s="23">
        <v>1</v>
      </c>
      <c r="H78" s="22">
        <v>12</v>
      </c>
      <c r="I78" s="22">
        <v>8</v>
      </c>
      <c r="J78" s="22">
        <v>4</v>
      </c>
      <c r="K78" s="21">
        <v>12</v>
      </c>
      <c r="L78" s="53">
        <v>9</v>
      </c>
      <c r="M78" s="54">
        <v>3</v>
      </c>
    </row>
    <row r="79" spans="1:13">
      <c r="A79" s="40" t="s">
        <v>82</v>
      </c>
      <c r="B79" s="21">
        <v>-5</v>
      </c>
      <c r="C79" s="22">
        <v>-2</v>
      </c>
      <c r="D79" s="22">
        <v>-3</v>
      </c>
      <c r="E79" s="21">
        <v>0</v>
      </c>
      <c r="F79" s="22">
        <v>0</v>
      </c>
      <c r="G79" s="23">
        <v>0</v>
      </c>
      <c r="H79" s="22">
        <v>11</v>
      </c>
      <c r="I79" s="22">
        <v>7</v>
      </c>
      <c r="J79" s="22">
        <v>4</v>
      </c>
      <c r="K79" s="21">
        <v>16</v>
      </c>
      <c r="L79" s="53">
        <v>9</v>
      </c>
      <c r="M79" s="54">
        <v>7</v>
      </c>
    </row>
    <row r="80" spans="1:13">
      <c r="A80" s="40" t="s">
        <v>83</v>
      </c>
      <c r="B80" s="21">
        <v>0</v>
      </c>
      <c r="C80" s="22">
        <v>-2</v>
      </c>
      <c r="D80" s="22">
        <v>2</v>
      </c>
      <c r="E80" s="21">
        <v>0</v>
      </c>
      <c r="F80" s="22">
        <v>0</v>
      </c>
      <c r="G80" s="23">
        <v>0</v>
      </c>
      <c r="H80" s="22">
        <v>8</v>
      </c>
      <c r="I80" s="22">
        <v>4</v>
      </c>
      <c r="J80" s="22">
        <v>4</v>
      </c>
      <c r="K80" s="21">
        <v>8</v>
      </c>
      <c r="L80" s="53">
        <v>6</v>
      </c>
      <c r="M80" s="54">
        <v>2</v>
      </c>
    </row>
    <row r="81" spans="1:13">
      <c r="A81" s="40" t="s">
        <v>84</v>
      </c>
      <c r="B81" s="21">
        <v>2</v>
      </c>
      <c r="C81" s="22">
        <v>-1</v>
      </c>
      <c r="D81" s="22">
        <v>3</v>
      </c>
      <c r="E81" s="21">
        <v>0</v>
      </c>
      <c r="F81" s="22">
        <v>0</v>
      </c>
      <c r="G81" s="23">
        <v>0</v>
      </c>
      <c r="H81" s="22">
        <v>13</v>
      </c>
      <c r="I81" s="22">
        <v>7</v>
      </c>
      <c r="J81" s="22">
        <v>6</v>
      </c>
      <c r="K81" s="21">
        <v>11</v>
      </c>
      <c r="L81" s="53">
        <v>8</v>
      </c>
      <c r="M81" s="54">
        <v>3</v>
      </c>
    </row>
    <row r="82" spans="1:13">
      <c r="A82" s="40" t="s">
        <v>85</v>
      </c>
      <c r="B82" s="21">
        <v>1</v>
      </c>
      <c r="C82" s="22">
        <v>0</v>
      </c>
      <c r="D82" s="22">
        <v>1</v>
      </c>
      <c r="E82" s="21">
        <v>0</v>
      </c>
      <c r="F82" s="22">
        <v>0</v>
      </c>
      <c r="G82" s="23">
        <v>0</v>
      </c>
      <c r="H82" s="22">
        <v>12</v>
      </c>
      <c r="I82" s="22">
        <v>6</v>
      </c>
      <c r="J82" s="22">
        <v>6</v>
      </c>
      <c r="K82" s="21">
        <v>11</v>
      </c>
      <c r="L82" s="53">
        <v>6</v>
      </c>
      <c r="M82" s="54">
        <v>5</v>
      </c>
    </row>
    <row r="83" spans="1:13" ht="19.5" customHeight="1">
      <c r="A83" s="34" t="s">
        <v>86</v>
      </c>
      <c r="B83" s="17">
        <v>-3</v>
      </c>
      <c r="C83" s="18">
        <v>3</v>
      </c>
      <c r="D83" s="18">
        <v>-6</v>
      </c>
      <c r="E83" s="17">
        <v>5</v>
      </c>
      <c r="F83" s="18">
        <v>3</v>
      </c>
      <c r="G83" s="19">
        <v>2</v>
      </c>
      <c r="H83" s="18">
        <v>57</v>
      </c>
      <c r="I83" s="18">
        <v>32</v>
      </c>
      <c r="J83" s="18">
        <v>25</v>
      </c>
      <c r="K83" s="17">
        <v>55</v>
      </c>
      <c r="L83" s="51">
        <v>26</v>
      </c>
      <c r="M83" s="52">
        <v>29</v>
      </c>
    </row>
    <row r="84" spans="1:13">
      <c r="A84" s="40" t="s">
        <v>87</v>
      </c>
      <c r="B84" s="21">
        <v>3</v>
      </c>
      <c r="C84" s="22">
        <v>2</v>
      </c>
      <c r="D84" s="22">
        <v>1</v>
      </c>
      <c r="E84" s="21">
        <v>0</v>
      </c>
      <c r="F84" s="22">
        <v>0</v>
      </c>
      <c r="G84" s="23">
        <v>0</v>
      </c>
      <c r="H84" s="22">
        <v>16</v>
      </c>
      <c r="I84" s="22">
        <v>10</v>
      </c>
      <c r="J84" s="22">
        <v>6</v>
      </c>
      <c r="K84" s="21">
        <v>13</v>
      </c>
      <c r="L84" s="53">
        <v>8</v>
      </c>
      <c r="M84" s="54">
        <v>5</v>
      </c>
    </row>
    <row r="85" spans="1:13">
      <c r="A85" s="40" t="s">
        <v>88</v>
      </c>
      <c r="B85" s="21">
        <v>-5</v>
      </c>
      <c r="C85" s="22">
        <v>-2</v>
      </c>
      <c r="D85" s="22">
        <v>-3</v>
      </c>
      <c r="E85" s="21">
        <v>1</v>
      </c>
      <c r="F85" s="22">
        <v>1</v>
      </c>
      <c r="G85" s="23">
        <v>0</v>
      </c>
      <c r="H85" s="22">
        <v>9</v>
      </c>
      <c r="I85" s="22">
        <v>4</v>
      </c>
      <c r="J85" s="22">
        <v>5</v>
      </c>
      <c r="K85" s="21">
        <v>13</v>
      </c>
      <c r="L85" s="53">
        <v>5</v>
      </c>
      <c r="M85" s="54">
        <v>8</v>
      </c>
    </row>
    <row r="86" spans="1:13">
      <c r="A86" s="40" t="s">
        <v>89</v>
      </c>
      <c r="B86" s="21">
        <v>5</v>
      </c>
      <c r="C86" s="22">
        <v>4</v>
      </c>
      <c r="D86" s="22">
        <v>1</v>
      </c>
      <c r="E86" s="21">
        <v>0</v>
      </c>
      <c r="F86" s="22">
        <v>0</v>
      </c>
      <c r="G86" s="23">
        <v>0</v>
      </c>
      <c r="H86" s="22">
        <v>12</v>
      </c>
      <c r="I86" s="22">
        <v>6</v>
      </c>
      <c r="J86" s="22">
        <v>6</v>
      </c>
      <c r="K86" s="21">
        <v>7</v>
      </c>
      <c r="L86" s="53">
        <v>2</v>
      </c>
      <c r="M86" s="54">
        <v>5</v>
      </c>
    </row>
    <row r="87" spans="1:13">
      <c r="A87" s="40" t="s">
        <v>90</v>
      </c>
      <c r="B87" s="21">
        <v>2</v>
      </c>
      <c r="C87" s="22">
        <v>3</v>
      </c>
      <c r="D87" s="22">
        <v>-1</v>
      </c>
      <c r="E87" s="21">
        <v>0</v>
      </c>
      <c r="F87" s="22">
        <v>0</v>
      </c>
      <c r="G87" s="23">
        <v>0</v>
      </c>
      <c r="H87" s="22">
        <v>9</v>
      </c>
      <c r="I87" s="22">
        <v>5</v>
      </c>
      <c r="J87" s="22">
        <v>4</v>
      </c>
      <c r="K87" s="21">
        <v>7</v>
      </c>
      <c r="L87" s="53">
        <v>2</v>
      </c>
      <c r="M87" s="54">
        <v>5</v>
      </c>
    </row>
    <row r="88" spans="1:13">
      <c r="A88" s="40" t="s">
        <v>91</v>
      </c>
      <c r="B88" s="21">
        <v>-8</v>
      </c>
      <c r="C88" s="22">
        <v>-4</v>
      </c>
      <c r="D88" s="22">
        <v>-4</v>
      </c>
      <c r="E88" s="21">
        <v>4</v>
      </c>
      <c r="F88" s="22">
        <v>2</v>
      </c>
      <c r="G88" s="23">
        <v>2</v>
      </c>
      <c r="H88" s="22">
        <v>11</v>
      </c>
      <c r="I88" s="22">
        <v>7</v>
      </c>
      <c r="J88" s="22">
        <v>4</v>
      </c>
      <c r="K88" s="21">
        <v>15</v>
      </c>
      <c r="L88" s="53">
        <v>9</v>
      </c>
      <c r="M88" s="54">
        <v>6</v>
      </c>
    </row>
    <row r="89" spans="1:13" ht="19.5" customHeight="1">
      <c r="A89" s="34" t="s">
        <v>92</v>
      </c>
      <c r="B89" s="17">
        <v>-4</v>
      </c>
      <c r="C89" s="18">
        <v>-2</v>
      </c>
      <c r="D89" s="18">
        <v>-2</v>
      </c>
      <c r="E89" s="17">
        <v>6</v>
      </c>
      <c r="F89" s="18">
        <v>5</v>
      </c>
      <c r="G89" s="19">
        <v>1</v>
      </c>
      <c r="H89" s="18">
        <v>44</v>
      </c>
      <c r="I89" s="18">
        <v>33</v>
      </c>
      <c r="J89" s="18">
        <v>11</v>
      </c>
      <c r="K89" s="17">
        <v>42</v>
      </c>
      <c r="L89" s="51">
        <v>30</v>
      </c>
      <c r="M89" s="52">
        <v>12</v>
      </c>
    </row>
    <row r="90" spans="1:13">
      <c r="A90" s="40" t="s">
        <v>93</v>
      </c>
      <c r="B90" s="21">
        <v>-4</v>
      </c>
      <c r="C90" s="22">
        <v>-6</v>
      </c>
      <c r="D90" s="22">
        <v>2</v>
      </c>
      <c r="E90" s="21">
        <v>0</v>
      </c>
      <c r="F90" s="22">
        <v>0</v>
      </c>
      <c r="G90" s="23">
        <v>0</v>
      </c>
      <c r="H90" s="22">
        <v>9</v>
      </c>
      <c r="I90" s="22">
        <v>6</v>
      </c>
      <c r="J90" s="22">
        <v>3</v>
      </c>
      <c r="K90" s="21">
        <v>13</v>
      </c>
      <c r="L90" s="53">
        <v>12</v>
      </c>
      <c r="M90" s="54">
        <v>1</v>
      </c>
    </row>
    <row r="91" spans="1:13">
      <c r="A91" s="40" t="s">
        <v>94</v>
      </c>
      <c r="B91" s="21">
        <v>-4</v>
      </c>
      <c r="C91" s="22">
        <v>-2</v>
      </c>
      <c r="D91" s="22">
        <v>-2</v>
      </c>
      <c r="E91" s="21">
        <v>1</v>
      </c>
      <c r="F91" s="22">
        <v>0</v>
      </c>
      <c r="G91" s="23">
        <v>1</v>
      </c>
      <c r="H91" s="22">
        <v>5</v>
      </c>
      <c r="I91" s="22">
        <v>4</v>
      </c>
      <c r="J91" s="22">
        <v>1</v>
      </c>
      <c r="K91" s="21">
        <v>8</v>
      </c>
      <c r="L91" s="53">
        <v>6</v>
      </c>
      <c r="M91" s="54">
        <v>2</v>
      </c>
    </row>
    <row r="92" spans="1:13">
      <c r="A92" s="40" t="s">
        <v>95</v>
      </c>
      <c r="B92" s="21">
        <v>-2</v>
      </c>
      <c r="C92" s="22">
        <v>0</v>
      </c>
      <c r="D92" s="22">
        <v>-2</v>
      </c>
      <c r="E92" s="21">
        <v>1</v>
      </c>
      <c r="F92" s="22">
        <v>1</v>
      </c>
      <c r="G92" s="23">
        <v>0</v>
      </c>
      <c r="H92" s="22">
        <v>9</v>
      </c>
      <c r="I92" s="22">
        <v>7</v>
      </c>
      <c r="J92" s="22">
        <v>2</v>
      </c>
      <c r="K92" s="21">
        <v>10</v>
      </c>
      <c r="L92" s="53">
        <v>6</v>
      </c>
      <c r="M92" s="54">
        <v>4</v>
      </c>
    </row>
    <row r="93" spans="1:13">
      <c r="A93" s="40" t="s">
        <v>96</v>
      </c>
      <c r="B93" s="21">
        <v>1</v>
      </c>
      <c r="C93" s="22">
        <v>3</v>
      </c>
      <c r="D93" s="22">
        <v>-2</v>
      </c>
      <c r="E93" s="21">
        <v>2</v>
      </c>
      <c r="F93" s="22">
        <v>2</v>
      </c>
      <c r="G93" s="23">
        <v>0</v>
      </c>
      <c r="H93" s="22">
        <v>9</v>
      </c>
      <c r="I93" s="22">
        <v>8</v>
      </c>
      <c r="J93" s="22">
        <v>1</v>
      </c>
      <c r="K93" s="21">
        <v>6</v>
      </c>
      <c r="L93" s="53">
        <v>3</v>
      </c>
      <c r="M93" s="54">
        <v>3</v>
      </c>
    </row>
    <row r="94" spans="1:13">
      <c r="A94" s="40" t="s">
        <v>97</v>
      </c>
      <c r="B94" s="21">
        <v>5</v>
      </c>
      <c r="C94" s="22">
        <v>3</v>
      </c>
      <c r="D94" s="22">
        <v>2</v>
      </c>
      <c r="E94" s="21">
        <v>2</v>
      </c>
      <c r="F94" s="22">
        <v>2</v>
      </c>
      <c r="G94" s="23">
        <v>0</v>
      </c>
      <c r="H94" s="22">
        <v>12</v>
      </c>
      <c r="I94" s="22">
        <v>8</v>
      </c>
      <c r="J94" s="22">
        <v>4</v>
      </c>
      <c r="K94" s="21">
        <v>5</v>
      </c>
      <c r="L94" s="53">
        <v>3</v>
      </c>
      <c r="M94" s="54">
        <v>2</v>
      </c>
    </row>
    <row r="95" spans="1:13" ht="19.5" customHeight="1">
      <c r="A95" s="34" t="s">
        <v>98</v>
      </c>
      <c r="B95" s="17">
        <v>-12</v>
      </c>
      <c r="C95" s="18">
        <v>-2</v>
      </c>
      <c r="D95" s="18">
        <v>-10</v>
      </c>
      <c r="E95" s="17">
        <v>10</v>
      </c>
      <c r="F95" s="18">
        <v>7</v>
      </c>
      <c r="G95" s="19">
        <v>3</v>
      </c>
      <c r="H95" s="18">
        <v>38</v>
      </c>
      <c r="I95" s="18">
        <v>23</v>
      </c>
      <c r="J95" s="18">
        <v>15</v>
      </c>
      <c r="K95" s="17">
        <v>40</v>
      </c>
      <c r="L95" s="51">
        <v>18</v>
      </c>
      <c r="M95" s="52">
        <v>22</v>
      </c>
    </row>
    <row r="96" spans="1:13">
      <c r="A96" s="40" t="s">
        <v>99</v>
      </c>
      <c r="B96" s="21">
        <v>-3</v>
      </c>
      <c r="C96" s="22">
        <v>1</v>
      </c>
      <c r="D96" s="22">
        <v>-4</v>
      </c>
      <c r="E96" s="21">
        <v>3</v>
      </c>
      <c r="F96" s="22">
        <v>0</v>
      </c>
      <c r="G96" s="23">
        <v>3</v>
      </c>
      <c r="H96" s="22">
        <v>7</v>
      </c>
      <c r="I96" s="22">
        <v>6</v>
      </c>
      <c r="J96" s="22">
        <v>1</v>
      </c>
      <c r="K96" s="21">
        <v>7</v>
      </c>
      <c r="L96" s="53">
        <v>5</v>
      </c>
      <c r="M96" s="54">
        <v>2</v>
      </c>
    </row>
    <row r="97" spans="1:13">
      <c r="A97" s="40" t="s">
        <v>100</v>
      </c>
      <c r="B97" s="21">
        <v>2</v>
      </c>
      <c r="C97" s="22">
        <v>1</v>
      </c>
      <c r="D97" s="22">
        <v>1</v>
      </c>
      <c r="E97" s="21">
        <v>2</v>
      </c>
      <c r="F97" s="22">
        <v>2</v>
      </c>
      <c r="G97" s="23">
        <v>0</v>
      </c>
      <c r="H97" s="22">
        <v>6</v>
      </c>
      <c r="I97" s="22">
        <v>4</v>
      </c>
      <c r="J97" s="22">
        <v>2</v>
      </c>
      <c r="K97" s="21">
        <v>2</v>
      </c>
      <c r="L97" s="53">
        <v>1</v>
      </c>
      <c r="M97" s="54">
        <v>1</v>
      </c>
    </row>
    <row r="98" spans="1:13">
      <c r="A98" s="40" t="s">
        <v>101</v>
      </c>
      <c r="B98" s="21">
        <v>-5</v>
      </c>
      <c r="C98" s="22">
        <v>-1</v>
      </c>
      <c r="D98" s="22">
        <v>-4</v>
      </c>
      <c r="E98" s="21">
        <v>0</v>
      </c>
      <c r="F98" s="22">
        <v>0</v>
      </c>
      <c r="G98" s="23">
        <v>0</v>
      </c>
      <c r="H98" s="22">
        <v>7</v>
      </c>
      <c r="I98" s="22">
        <v>3</v>
      </c>
      <c r="J98" s="22">
        <v>4</v>
      </c>
      <c r="K98" s="21">
        <v>12</v>
      </c>
      <c r="L98" s="53">
        <v>4</v>
      </c>
      <c r="M98" s="54">
        <v>8</v>
      </c>
    </row>
    <row r="99" spans="1:13">
      <c r="A99" s="40" t="s">
        <v>102</v>
      </c>
      <c r="B99" s="21">
        <v>-2</v>
      </c>
      <c r="C99" s="22">
        <v>-2</v>
      </c>
      <c r="D99" s="22">
        <v>0</v>
      </c>
      <c r="E99" s="21">
        <v>2</v>
      </c>
      <c r="F99" s="22">
        <v>2</v>
      </c>
      <c r="G99" s="23">
        <v>0</v>
      </c>
      <c r="H99" s="22">
        <v>11</v>
      </c>
      <c r="I99" s="22">
        <v>5</v>
      </c>
      <c r="J99" s="22">
        <v>6</v>
      </c>
      <c r="K99" s="21">
        <v>11</v>
      </c>
      <c r="L99" s="53">
        <v>5</v>
      </c>
      <c r="M99" s="54">
        <v>6</v>
      </c>
    </row>
    <row r="100" spans="1:13">
      <c r="A100" s="40" t="s">
        <v>103</v>
      </c>
      <c r="B100" s="21">
        <v>-4</v>
      </c>
      <c r="C100" s="22">
        <v>-1</v>
      </c>
      <c r="D100" s="22">
        <v>-3</v>
      </c>
      <c r="E100" s="21">
        <v>3</v>
      </c>
      <c r="F100" s="22">
        <v>3</v>
      </c>
      <c r="G100" s="23">
        <v>0</v>
      </c>
      <c r="H100" s="22">
        <v>7</v>
      </c>
      <c r="I100" s="22">
        <v>5</v>
      </c>
      <c r="J100" s="22">
        <v>2</v>
      </c>
      <c r="K100" s="21">
        <v>8</v>
      </c>
      <c r="L100" s="53">
        <v>3</v>
      </c>
      <c r="M100" s="54">
        <v>5</v>
      </c>
    </row>
    <row r="101" spans="1:13" ht="19.5" customHeight="1">
      <c r="A101" s="34" t="s">
        <v>104</v>
      </c>
      <c r="B101" s="17">
        <v>-42</v>
      </c>
      <c r="C101" s="18">
        <v>-27</v>
      </c>
      <c r="D101" s="18">
        <v>-15</v>
      </c>
      <c r="E101" s="17">
        <v>22</v>
      </c>
      <c r="F101" s="18">
        <v>16</v>
      </c>
      <c r="G101" s="19">
        <v>6</v>
      </c>
      <c r="H101" s="18">
        <v>24</v>
      </c>
      <c r="I101" s="18">
        <v>13</v>
      </c>
      <c r="J101" s="18">
        <v>11</v>
      </c>
      <c r="K101" s="17">
        <v>44</v>
      </c>
      <c r="L101" s="51">
        <v>24</v>
      </c>
      <c r="M101" s="52">
        <v>20</v>
      </c>
    </row>
    <row r="102" spans="1:13">
      <c r="A102" s="40" t="s">
        <v>105</v>
      </c>
      <c r="B102" s="21">
        <v>-11</v>
      </c>
      <c r="C102" s="22">
        <v>-8</v>
      </c>
      <c r="D102" s="22">
        <v>-3</v>
      </c>
      <c r="E102" s="21">
        <v>5</v>
      </c>
      <c r="F102" s="22">
        <v>4</v>
      </c>
      <c r="G102" s="23">
        <v>1</v>
      </c>
      <c r="H102" s="22">
        <v>5</v>
      </c>
      <c r="I102" s="22">
        <v>0</v>
      </c>
      <c r="J102" s="22">
        <v>5</v>
      </c>
      <c r="K102" s="21">
        <v>11</v>
      </c>
      <c r="L102" s="53">
        <v>4</v>
      </c>
      <c r="M102" s="54">
        <v>7</v>
      </c>
    </row>
    <row r="103" spans="1:13">
      <c r="A103" s="40" t="s">
        <v>106</v>
      </c>
      <c r="B103" s="21">
        <v>-6</v>
      </c>
      <c r="C103" s="22">
        <v>-4</v>
      </c>
      <c r="D103" s="22">
        <v>-2</v>
      </c>
      <c r="E103" s="21">
        <v>4</v>
      </c>
      <c r="F103" s="22">
        <v>3</v>
      </c>
      <c r="G103" s="23">
        <v>1</v>
      </c>
      <c r="H103" s="22">
        <v>12</v>
      </c>
      <c r="I103" s="22">
        <v>9</v>
      </c>
      <c r="J103" s="22">
        <v>3</v>
      </c>
      <c r="K103" s="21">
        <v>14</v>
      </c>
      <c r="L103" s="53">
        <v>10</v>
      </c>
      <c r="M103" s="54">
        <v>4</v>
      </c>
    </row>
    <row r="104" spans="1:13">
      <c r="A104" s="40" t="s">
        <v>107</v>
      </c>
      <c r="B104" s="21">
        <v>-8</v>
      </c>
      <c r="C104" s="22">
        <v>-5</v>
      </c>
      <c r="D104" s="22">
        <v>-3</v>
      </c>
      <c r="E104" s="21">
        <v>6</v>
      </c>
      <c r="F104" s="22">
        <v>4</v>
      </c>
      <c r="G104" s="23">
        <v>2</v>
      </c>
      <c r="H104" s="22">
        <v>6</v>
      </c>
      <c r="I104" s="22">
        <v>3</v>
      </c>
      <c r="J104" s="22">
        <v>3</v>
      </c>
      <c r="K104" s="21">
        <v>8</v>
      </c>
      <c r="L104" s="53">
        <v>4</v>
      </c>
      <c r="M104" s="54">
        <v>4</v>
      </c>
    </row>
    <row r="105" spans="1:13">
      <c r="A105" s="40" t="s">
        <v>108</v>
      </c>
      <c r="B105" s="21">
        <v>-8</v>
      </c>
      <c r="C105" s="22">
        <v>-7</v>
      </c>
      <c r="D105" s="22">
        <v>-1</v>
      </c>
      <c r="E105" s="21">
        <v>4</v>
      </c>
      <c r="F105" s="22">
        <v>4</v>
      </c>
      <c r="G105" s="23">
        <v>0</v>
      </c>
      <c r="H105" s="22">
        <v>0</v>
      </c>
      <c r="I105" s="22">
        <v>0</v>
      </c>
      <c r="J105" s="22">
        <v>0</v>
      </c>
      <c r="K105" s="21">
        <v>4</v>
      </c>
      <c r="L105" s="53">
        <v>3</v>
      </c>
      <c r="M105" s="54">
        <v>1</v>
      </c>
    </row>
    <row r="106" spans="1:13">
      <c r="A106" s="40" t="s">
        <v>109</v>
      </c>
      <c r="B106" s="21">
        <v>-9</v>
      </c>
      <c r="C106" s="22">
        <v>-3</v>
      </c>
      <c r="D106" s="22">
        <v>-6</v>
      </c>
      <c r="E106" s="21">
        <v>3</v>
      </c>
      <c r="F106" s="22">
        <v>1</v>
      </c>
      <c r="G106" s="23">
        <v>2</v>
      </c>
      <c r="H106" s="22">
        <v>1</v>
      </c>
      <c r="I106" s="22">
        <v>1</v>
      </c>
      <c r="J106" s="22">
        <v>0</v>
      </c>
      <c r="K106" s="21">
        <v>7</v>
      </c>
      <c r="L106" s="53">
        <v>3</v>
      </c>
      <c r="M106" s="54">
        <v>4</v>
      </c>
    </row>
    <row r="107" spans="1:13" ht="19.5" customHeight="1">
      <c r="A107" s="34" t="s">
        <v>110</v>
      </c>
      <c r="B107" s="17">
        <v>-30</v>
      </c>
      <c r="C107" s="18">
        <v>-13</v>
      </c>
      <c r="D107" s="18">
        <v>-17</v>
      </c>
      <c r="E107" s="17">
        <v>23</v>
      </c>
      <c r="F107" s="18">
        <v>15</v>
      </c>
      <c r="G107" s="19">
        <v>8</v>
      </c>
      <c r="H107" s="18">
        <v>12</v>
      </c>
      <c r="I107" s="18">
        <v>9</v>
      </c>
      <c r="J107" s="18">
        <v>3</v>
      </c>
      <c r="K107" s="17">
        <v>19</v>
      </c>
      <c r="L107" s="51">
        <v>7</v>
      </c>
      <c r="M107" s="52">
        <v>12</v>
      </c>
    </row>
    <row r="108" spans="1:13">
      <c r="A108" s="40" t="s">
        <v>111</v>
      </c>
      <c r="B108" s="21">
        <v>-7</v>
      </c>
      <c r="C108" s="22">
        <v>-4</v>
      </c>
      <c r="D108" s="22">
        <v>-3</v>
      </c>
      <c r="E108" s="21">
        <v>3</v>
      </c>
      <c r="F108" s="22">
        <v>3</v>
      </c>
      <c r="G108" s="23">
        <v>0</v>
      </c>
      <c r="H108" s="22">
        <v>1</v>
      </c>
      <c r="I108" s="22">
        <v>1</v>
      </c>
      <c r="J108" s="22">
        <v>0</v>
      </c>
      <c r="K108" s="21">
        <v>5</v>
      </c>
      <c r="L108" s="53">
        <v>2</v>
      </c>
      <c r="M108" s="54">
        <v>3</v>
      </c>
    </row>
    <row r="109" spans="1:13">
      <c r="A109" s="40" t="s">
        <v>112</v>
      </c>
      <c r="B109" s="21">
        <v>-5</v>
      </c>
      <c r="C109" s="22">
        <v>-3</v>
      </c>
      <c r="D109" s="22">
        <v>-2</v>
      </c>
      <c r="E109" s="21">
        <v>4</v>
      </c>
      <c r="F109" s="22">
        <v>2</v>
      </c>
      <c r="G109" s="23">
        <v>2</v>
      </c>
      <c r="H109" s="22">
        <v>4</v>
      </c>
      <c r="I109" s="22">
        <v>1</v>
      </c>
      <c r="J109" s="22">
        <v>3</v>
      </c>
      <c r="K109" s="21">
        <v>5</v>
      </c>
      <c r="L109" s="53">
        <v>2</v>
      </c>
      <c r="M109" s="54">
        <v>3</v>
      </c>
    </row>
    <row r="110" spans="1:13">
      <c r="A110" s="40" t="s">
        <v>113</v>
      </c>
      <c r="B110" s="21">
        <v>-9</v>
      </c>
      <c r="C110" s="22">
        <v>-6</v>
      </c>
      <c r="D110" s="22">
        <v>-3</v>
      </c>
      <c r="E110" s="21">
        <v>8</v>
      </c>
      <c r="F110" s="22">
        <v>8</v>
      </c>
      <c r="G110" s="23">
        <v>0</v>
      </c>
      <c r="H110" s="22">
        <v>3</v>
      </c>
      <c r="I110" s="22">
        <v>3</v>
      </c>
      <c r="J110" s="22">
        <v>0</v>
      </c>
      <c r="K110" s="21">
        <v>4</v>
      </c>
      <c r="L110" s="53">
        <v>1</v>
      </c>
      <c r="M110" s="54">
        <v>3</v>
      </c>
    </row>
    <row r="111" spans="1:13">
      <c r="A111" s="40" t="s">
        <v>114</v>
      </c>
      <c r="B111" s="21">
        <v>-1</v>
      </c>
      <c r="C111" s="22">
        <v>2</v>
      </c>
      <c r="D111" s="22">
        <v>-3</v>
      </c>
      <c r="E111" s="21">
        <v>4</v>
      </c>
      <c r="F111" s="22">
        <v>1</v>
      </c>
      <c r="G111" s="23">
        <v>3</v>
      </c>
      <c r="H111" s="22">
        <v>3</v>
      </c>
      <c r="I111" s="22">
        <v>3</v>
      </c>
      <c r="J111" s="22">
        <v>0</v>
      </c>
      <c r="K111" s="21">
        <v>0</v>
      </c>
      <c r="L111" s="53">
        <v>0</v>
      </c>
      <c r="M111" s="54">
        <v>0</v>
      </c>
    </row>
    <row r="112" spans="1:13">
      <c r="A112" s="40" t="s">
        <v>115</v>
      </c>
      <c r="B112" s="21">
        <v>-8</v>
      </c>
      <c r="C112" s="22">
        <v>-2</v>
      </c>
      <c r="D112" s="22">
        <v>-6</v>
      </c>
      <c r="E112" s="21">
        <v>4</v>
      </c>
      <c r="F112" s="22">
        <v>1</v>
      </c>
      <c r="G112" s="23">
        <v>3</v>
      </c>
      <c r="H112" s="22">
        <v>1</v>
      </c>
      <c r="I112" s="22">
        <v>1</v>
      </c>
      <c r="J112" s="22">
        <v>0</v>
      </c>
      <c r="K112" s="21">
        <v>5</v>
      </c>
      <c r="L112" s="53">
        <v>2</v>
      </c>
      <c r="M112" s="54">
        <v>3</v>
      </c>
    </row>
    <row r="113" spans="1:13" ht="19.5" customHeight="1">
      <c r="A113" s="34" t="s">
        <v>116</v>
      </c>
      <c r="B113" s="17">
        <v>-35</v>
      </c>
      <c r="C113" s="18">
        <v>-21</v>
      </c>
      <c r="D113" s="18">
        <v>-14</v>
      </c>
      <c r="E113" s="17">
        <v>37</v>
      </c>
      <c r="F113" s="18">
        <v>21</v>
      </c>
      <c r="G113" s="19">
        <v>16</v>
      </c>
      <c r="H113" s="18">
        <v>14</v>
      </c>
      <c r="I113" s="18">
        <v>5</v>
      </c>
      <c r="J113" s="18">
        <v>9</v>
      </c>
      <c r="K113" s="17">
        <v>12</v>
      </c>
      <c r="L113" s="51">
        <v>5</v>
      </c>
      <c r="M113" s="52">
        <v>7</v>
      </c>
    </row>
    <row r="114" spans="1:13">
      <c r="A114" s="40" t="s">
        <v>117</v>
      </c>
      <c r="B114" s="21">
        <v>-2</v>
      </c>
      <c r="C114" s="22">
        <v>-1</v>
      </c>
      <c r="D114" s="22">
        <v>-1</v>
      </c>
      <c r="E114" s="21">
        <v>6</v>
      </c>
      <c r="F114" s="22">
        <v>3</v>
      </c>
      <c r="G114" s="23">
        <v>3</v>
      </c>
      <c r="H114" s="22">
        <v>5</v>
      </c>
      <c r="I114" s="22">
        <v>2</v>
      </c>
      <c r="J114" s="22">
        <v>3</v>
      </c>
      <c r="K114" s="21">
        <v>1</v>
      </c>
      <c r="L114" s="53">
        <v>0</v>
      </c>
      <c r="M114" s="54">
        <v>1</v>
      </c>
    </row>
    <row r="115" spans="1:13">
      <c r="A115" s="40" t="s">
        <v>118</v>
      </c>
      <c r="B115" s="21">
        <v>-9</v>
      </c>
      <c r="C115" s="22">
        <v>-5</v>
      </c>
      <c r="D115" s="22">
        <v>-4</v>
      </c>
      <c r="E115" s="21">
        <v>7</v>
      </c>
      <c r="F115" s="22">
        <v>4</v>
      </c>
      <c r="G115" s="23">
        <v>3</v>
      </c>
      <c r="H115" s="22">
        <v>2</v>
      </c>
      <c r="I115" s="22">
        <v>2</v>
      </c>
      <c r="J115" s="22">
        <v>0</v>
      </c>
      <c r="K115" s="21">
        <v>4</v>
      </c>
      <c r="L115" s="53">
        <v>3</v>
      </c>
      <c r="M115" s="54">
        <v>1</v>
      </c>
    </row>
    <row r="116" spans="1:13">
      <c r="A116" s="40" t="s">
        <v>119</v>
      </c>
      <c r="B116" s="21">
        <v>-7</v>
      </c>
      <c r="C116" s="22">
        <v>-5</v>
      </c>
      <c r="D116" s="22">
        <v>-2</v>
      </c>
      <c r="E116" s="21">
        <v>7</v>
      </c>
      <c r="F116" s="22">
        <v>4</v>
      </c>
      <c r="G116" s="23">
        <v>3</v>
      </c>
      <c r="H116" s="22">
        <v>2</v>
      </c>
      <c r="I116" s="22">
        <v>0</v>
      </c>
      <c r="J116" s="22">
        <v>2</v>
      </c>
      <c r="K116" s="21">
        <v>2</v>
      </c>
      <c r="L116" s="53">
        <v>1</v>
      </c>
      <c r="M116" s="54">
        <v>1</v>
      </c>
    </row>
    <row r="117" spans="1:13">
      <c r="A117" s="40" t="s">
        <v>120</v>
      </c>
      <c r="B117" s="21">
        <v>-10</v>
      </c>
      <c r="C117" s="22">
        <v>-5</v>
      </c>
      <c r="D117" s="22">
        <v>-5</v>
      </c>
      <c r="E117" s="21">
        <v>9</v>
      </c>
      <c r="F117" s="22">
        <v>5</v>
      </c>
      <c r="G117" s="23">
        <v>4</v>
      </c>
      <c r="H117" s="22">
        <v>1</v>
      </c>
      <c r="I117" s="22">
        <v>0</v>
      </c>
      <c r="J117" s="22">
        <v>1</v>
      </c>
      <c r="K117" s="21">
        <v>2</v>
      </c>
      <c r="L117" s="53">
        <v>0</v>
      </c>
      <c r="M117" s="54">
        <v>2</v>
      </c>
    </row>
    <row r="118" spans="1:13">
      <c r="A118" s="40" t="s">
        <v>121</v>
      </c>
      <c r="B118" s="21">
        <v>-7</v>
      </c>
      <c r="C118" s="22">
        <v>-5</v>
      </c>
      <c r="D118" s="22">
        <v>-2</v>
      </c>
      <c r="E118" s="21">
        <v>8</v>
      </c>
      <c r="F118" s="22">
        <v>5</v>
      </c>
      <c r="G118" s="23">
        <v>3</v>
      </c>
      <c r="H118" s="22">
        <v>4</v>
      </c>
      <c r="I118" s="22">
        <v>1</v>
      </c>
      <c r="J118" s="22">
        <v>3</v>
      </c>
      <c r="K118" s="21">
        <v>3</v>
      </c>
      <c r="L118" s="53">
        <v>1</v>
      </c>
      <c r="M118" s="54">
        <v>2</v>
      </c>
    </row>
    <row r="119" spans="1:13" ht="19.5" customHeight="1">
      <c r="A119" s="34" t="s">
        <v>122</v>
      </c>
      <c r="B119" s="17">
        <v>-40</v>
      </c>
      <c r="C119" s="18">
        <v>-21</v>
      </c>
      <c r="D119" s="18">
        <v>-19</v>
      </c>
      <c r="E119" s="17">
        <v>45</v>
      </c>
      <c r="F119" s="18">
        <v>25</v>
      </c>
      <c r="G119" s="19">
        <v>20</v>
      </c>
      <c r="H119" s="18">
        <v>8</v>
      </c>
      <c r="I119" s="18">
        <v>5</v>
      </c>
      <c r="J119" s="18">
        <v>3</v>
      </c>
      <c r="K119" s="17">
        <v>3</v>
      </c>
      <c r="L119" s="51">
        <v>1</v>
      </c>
      <c r="M119" s="52">
        <v>2</v>
      </c>
    </row>
    <row r="120" spans="1:13">
      <c r="A120" s="40" t="s">
        <v>123</v>
      </c>
      <c r="B120" s="21">
        <v>-7</v>
      </c>
      <c r="C120" s="22">
        <v>-4</v>
      </c>
      <c r="D120" s="22">
        <v>-3</v>
      </c>
      <c r="E120" s="21">
        <v>10</v>
      </c>
      <c r="F120" s="22">
        <v>6</v>
      </c>
      <c r="G120" s="23">
        <v>4</v>
      </c>
      <c r="H120" s="22">
        <v>3</v>
      </c>
      <c r="I120" s="22">
        <v>2</v>
      </c>
      <c r="J120" s="22">
        <v>1</v>
      </c>
      <c r="K120" s="21">
        <v>0</v>
      </c>
      <c r="L120" s="53">
        <v>0</v>
      </c>
      <c r="M120" s="54">
        <v>0</v>
      </c>
    </row>
    <row r="121" spans="1:13">
      <c r="A121" s="40" t="s">
        <v>124</v>
      </c>
      <c r="B121" s="21">
        <v>-5</v>
      </c>
      <c r="C121" s="22">
        <v>-2</v>
      </c>
      <c r="D121" s="22">
        <v>-3</v>
      </c>
      <c r="E121" s="21">
        <v>7</v>
      </c>
      <c r="F121" s="22">
        <v>4</v>
      </c>
      <c r="G121" s="23">
        <v>3</v>
      </c>
      <c r="H121" s="22">
        <v>3</v>
      </c>
      <c r="I121" s="22">
        <v>2</v>
      </c>
      <c r="J121" s="22">
        <v>1</v>
      </c>
      <c r="K121" s="21">
        <v>1</v>
      </c>
      <c r="L121" s="53">
        <v>0</v>
      </c>
      <c r="M121" s="54">
        <v>1</v>
      </c>
    </row>
    <row r="122" spans="1:13">
      <c r="A122" s="40" t="s">
        <v>125</v>
      </c>
      <c r="B122" s="21">
        <v>-16</v>
      </c>
      <c r="C122" s="22">
        <v>-8</v>
      </c>
      <c r="D122" s="22">
        <v>-8</v>
      </c>
      <c r="E122" s="21">
        <v>15</v>
      </c>
      <c r="F122" s="22">
        <v>8</v>
      </c>
      <c r="G122" s="23">
        <v>7</v>
      </c>
      <c r="H122" s="22">
        <v>0</v>
      </c>
      <c r="I122" s="22">
        <v>0</v>
      </c>
      <c r="J122" s="22">
        <v>0</v>
      </c>
      <c r="K122" s="21">
        <v>1</v>
      </c>
      <c r="L122" s="53">
        <v>0</v>
      </c>
      <c r="M122" s="54">
        <v>1</v>
      </c>
    </row>
    <row r="123" spans="1:13">
      <c r="A123" s="40" t="s">
        <v>126</v>
      </c>
      <c r="B123" s="21">
        <v>-10</v>
      </c>
      <c r="C123" s="22">
        <v>-6</v>
      </c>
      <c r="D123" s="22">
        <v>-4</v>
      </c>
      <c r="E123" s="21">
        <v>11</v>
      </c>
      <c r="F123" s="22">
        <v>6</v>
      </c>
      <c r="G123" s="23">
        <v>5</v>
      </c>
      <c r="H123" s="22">
        <v>2</v>
      </c>
      <c r="I123" s="22">
        <v>1</v>
      </c>
      <c r="J123" s="22">
        <v>1</v>
      </c>
      <c r="K123" s="21">
        <v>1</v>
      </c>
      <c r="L123" s="53">
        <v>1</v>
      </c>
      <c r="M123" s="54">
        <v>0</v>
      </c>
    </row>
    <row r="124" spans="1:13">
      <c r="A124" s="40" t="s">
        <v>127</v>
      </c>
      <c r="B124" s="21">
        <v>-2</v>
      </c>
      <c r="C124" s="22">
        <v>-1</v>
      </c>
      <c r="D124" s="22">
        <v>-1</v>
      </c>
      <c r="E124" s="21">
        <v>2</v>
      </c>
      <c r="F124" s="22">
        <v>1</v>
      </c>
      <c r="G124" s="23">
        <v>1</v>
      </c>
      <c r="H124" s="22">
        <v>0</v>
      </c>
      <c r="I124" s="22">
        <v>0</v>
      </c>
      <c r="J124" s="22">
        <v>0</v>
      </c>
      <c r="K124" s="21">
        <v>0</v>
      </c>
      <c r="L124" s="53">
        <v>0</v>
      </c>
      <c r="M124" s="54">
        <v>0</v>
      </c>
    </row>
    <row r="125" spans="1:13" ht="19.5" customHeight="1">
      <c r="A125" s="34" t="s">
        <v>128</v>
      </c>
      <c r="B125" s="17">
        <v>-27</v>
      </c>
      <c r="C125" s="18">
        <v>-5</v>
      </c>
      <c r="D125" s="18">
        <v>-22</v>
      </c>
      <c r="E125" s="17">
        <v>27</v>
      </c>
      <c r="F125" s="18">
        <v>7</v>
      </c>
      <c r="G125" s="19">
        <v>20</v>
      </c>
      <c r="H125" s="18">
        <v>6</v>
      </c>
      <c r="I125" s="18">
        <v>3</v>
      </c>
      <c r="J125" s="18">
        <v>3</v>
      </c>
      <c r="K125" s="17">
        <v>6</v>
      </c>
      <c r="L125" s="51">
        <v>1</v>
      </c>
      <c r="M125" s="52">
        <v>5</v>
      </c>
    </row>
    <row r="126" spans="1:13">
      <c r="A126" s="40" t="s">
        <v>129</v>
      </c>
      <c r="B126" s="21">
        <v>-8</v>
      </c>
      <c r="C126" s="22">
        <v>-3</v>
      </c>
      <c r="D126" s="22">
        <v>-5</v>
      </c>
      <c r="E126" s="21">
        <v>9</v>
      </c>
      <c r="F126" s="22">
        <v>3</v>
      </c>
      <c r="G126" s="23">
        <v>6</v>
      </c>
      <c r="H126" s="22">
        <v>1</v>
      </c>
      <c r="I126" s="22">
        <v>0</v>
      </c>
      <c r="J126" s="22">
        <v>1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5</v>
      </c>
      <c r="C127" s="22">
        <v>0</v>
      </c>
      <c r="D127" s="22">
        <v>-5</v>
      </c>
      <c r="E127" s="21">
        <v>5</v>
      </c>
      <c r="F127" s="22">
        <v>0</v>
      </c>
      <c r="G127" s="23">
        <v>5</v>
      </c>
      <c r="H127" s="22">
        <v>1</v>
      </c>
      <c r="I127" s="22">
        <v>0</v>
      </c>
      <c r="J127" s="22">
        <v>1</v>
      </c>
      <c r="K127" s="21">
        <v>1</v>
      </c>
      <c r="L127" s="53">
        <v>0</v>
      </c>
      <c r="M127" s="54">
        <v>1</v>
      </c>
    </row>
    <row r="128" spans="1:13">
      <c r="A128" s="40" t="s">
        <v>131</v>
      </c>
      <c r="B128" s="21">
        <v>-7</v>
      </c>
      <c r="C128" s="22">
        <v>-2</v>
      </c>
      <c r="D128" s="22">
        <v>-5</v>
      </c>
      <c r="E128" s="21">
        <v>7</v>
      </c>
      <c r="F128" s="22">
        <v>3</v>
      </c>
      <c r="G128" s="23">
        <v>4</v>
      </c>
      <c r="H128" s="22">
        <v>3</v>
      </c>
      <c r="I128" s="22">
        <v>2</v>
      </c>
      <c r="J128" s="22">
        <v>1</v>
      </c>
      <c r="K128" s="21">
        <v>3</v>
      </c>
      <c r="L128" s="53">
        <v>1</v>
      </c>
      <c r="M128" s="54">
        <v>2</v>
      </c>
    </row>
    <row r="129" spans="1:13">
      <c r="A129" s="40" t="s">
        <v>132</v>
      </c>
      <c r="B129" s="21">
        <v>-5</v>
      </c>
      <c r="C129" s="22">
        <v>0</v>
      </c>
      <c r="D129" s="22">
        <v>-5</v>
      </c>
      <c r="E129" s="21">
        <v>4</v>
      </c>
      <c r="F129" s="22">
        <v>1</v>
      </c>
      <c r="G129" s="23">
        <v>3</v>
      </c>
      <c r="H129" s="22">
        <v>1</v>
      </c>
      <c r="I129" s="22">
        <v>1</v>
      </c>
      <c r="J129" s="22">
        <v>0</v>
      </c>
      <c r="K129" s="21">
        <v>2</v>
      </c>
      <c r="L129" s="53">
        <v>0</v>
      </c>
      <c r="M129" s="54">
        <v>2</v>
      </c>
    </row>
    <row r="130" spans="1:13">
      <c r="A130" s="40" t="s">
        <v>133</v>
      </c>
      <c r="B130" s="21">
        <v>-2</v>
      </c>
      <c r="C130" s="22">
        <v>0</v>
      </c>
      <c r="D130" s="22">
        <v>-2</v>
      </c>
      <c r="E130" s="21">
        <v>2</v>
      </c>
      <c r="F130" s="22">
        <v>0</v>
      </c>
      <c r="G130" s="23">
        <v>2</v>
      </c>
      <c r="H130" s="22">
        <v>0</v>
      </c>
      <c r="I130" s="22">
        <v>0</v>
      </c>
      <c r="J130" s="22">
        <v>0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14</v>
      </c>
      <c r="C131" s="18">
        <v>-7</v>
      </c>
      <c r="D131" s="18">
        <v>-7</v>
      </c>
      <c r="E131" s="17">
        <v>14</v>
      </c>
      <c r="F131" s="18">
        <v>7</v>
      </c>
      <c r="G131" s="19">
        <v>7</v>
      </c>
      <c r="H131" s="18">
        <v>1</v>
      </c>
      <c r="I131" s="18">
        <v>1</v>
      </c>
      <c r="J131" s="18">
        <v>0</v>
      </c>
      <c r="K131" s="17">
        <v>1</v>
      </c>
      <c r="L131" s="51">
        <v>1</v>
      </c>
      <c r="M131" s="52">
        <v>0</v>
      </c>
    </row>
    <row r="132" spans="1:13">
      <c r="A132" s="40" t="s">
        <v>135</v>
      </c>
      <c r="B132" s="21">
        <v>-5</v>
      </c>
      <c r="C132" s="22">
        <v>-2</v>
      </c>
      <c r="D132" s="22">
        <v>-3</v>
      </c>
      <c r="E132" s="21">
        <v>5</v>
      </c>
      <c r="F132" s="22">
        <v>2</v>
      </c>
      <c r="G132" s="23">
        <v>3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3</v>
      </c>
      <c r="C133" s="22">
        <v>-2</v>
      </c>
      <c r="D133" s="22">
        <v>-1</v>
      </c>
      <c r="E133" s="21">
        <v>4</v>
      </c>
      <c r="F133" s="22">
        <v>3</v>
      </c>
      <c r="G133" s="23">
        <v>1</v>
      </c>
      <c r="H133" s="22">
        <v>1</v>
      </c>
      <c r="I133" s="22">
        <v>1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5</v>
      </c>
      <c r="C134" s="22">
        <v>-2</v>
      </c>
      <c r="D134" s="22">
        <v>-3</v>
      </c>
      <c r="E134" s="21">
        <v>4</v>
      </c>
      <c r="F134" s="22">
        <v>1</v>
      </c>
      <c r="G134" s="23">
        <v>3</v>
      </c>
      <c r="H134" s="22">
        <v>0</v>
      </c>
      <c r="I134" s="22">
        <v>0</v>
      </c>
      <c r="J134" s="22">
        <v>0</v>
      </c>
      <c r="K134" s="21">
        <v>1</v>
      </c>
      <c r="L134" s="53">
        <v>1</v>
      </c>
      <c r="M134" s="54">
        <v>0</v>
      </c>
    </row>
    <row r="135" spans="1:13">
      <c r="A135" s="40" t="s">
        <v>138</v>
      </c>
      <c r="B135" s="21">
        <v>-1</v>
      </c>
      <c r="C135" s="22">
        <v>-1</v>
      </c>
      <c r="D135" s="22">
        <v>0</v>
      </c>
      <c r="E135" s="21">
        <v>1</v>
      </c>
      <c r="F135" s="22">
        <v>1</v>
      </c>
      <c r="G135" s="23">
        <v>0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0</v>
      </c>
      <c r="C136" s="22">
        <v>0</v>
      </c>
      <c r="D136" s="22">
        <v>0</v>
      </c>
      <c r="E136" s="21">
        <v>0</v>
      </c>
      <c r="F136" s="22">
        <v>0</v>
      </c>
      <c r="G136" s="23">
        <v>0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4</v>
      </c>
      <c r="C137" s="43">
        <v>0</v>
      </c>
      <c r="D137" s="43">
        <v>-4</v>
      </c>
      <c r="E137" s="42">
        <v>4</v>
      </c>
      <c r="F137" s="43">
        <v>0</v>
      </c>
      <c r="G137" s="44">
        <v>4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5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1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130</v>
      </c>
      <c r="C5" s="14">
        <v>-64</v>
      </c>
      <c r="D5" s="14">
        <v>-66</v>
      </c>
      <c r="E5" s="13">
        <v>131</v>
      </c>
      <c r="F5" s="14">
        <v>70</v>
      </c>
      <c r="G5" s="15">
        <v>61</v>
      </c>
      <c r="H5" s="14">
        <v>218</v>
      </c>
      <c r="I5" s="14">
        <v>110</v>
      </c>
      <c r="J5" s="14">
        <v>108</v>
      </c>
      <c r="K5" s="13">
        <v>233</v>
      </c>
      <c r="L5" s="49">
        <v>110</v>
      </c>
      <c r="M5" s="50">
        <v>123</v>
      </c>
    </row>
    <row r="6" spans="1:13" ht="19.5" customHeight="1">
      <c r="A6" s="16" t="s">
        <v>13</v>
      </c>
      <c r="B6" s="17">
        <v>15</v>
      </c>
      <c r="C6" s="18">
        <v>6</v>
      </c>
      <c r="D6" s="18">
        <v>9</v>
      </c>
      <c r="E6" s="17">
        <v>0</v>
      </c>
      <c r="F6" s="18">
        <v>0</v>
      </c>
      <c r="G6" s="19">
        <v>0</v>
      </c>
      <c r="H6" s="18">
        <v>8</v>
      </c>
      <c r="I6" s="18">
        <v>4</v>
      </c>
      <c r="J6" s="18">
        <v>4</v>
      </c>
      <c r="K6" s="17">
        <v>9</v>
      </c>
      <c r="L6" s="51">
        <v>4</v>
      </c>
      <c r="M6" s="52">
        <v>5</v>
      </c>
    </row>
    <row r="7" spans="1:13">
      <c r="A7" s="20" t="s">
        <v>14</v>
      </c>
      <c r="B7" s="21">
        <v>16</v>
      </c>
      <c r="C7" s="22">
        <v>6</v>
      </c>
      <c r="D7" s="22">
        <v>10</v>
      </c>
      <c r="E7" s="21">
        <v>0</v>
      </c>
      <c r="F7" s="22">
        <v>0</v>
      </c>
      <c r="G7" s="23">
        <v>0</v>
      </c>
      <c r="H7" s="22">
        <v>0</v>
      </c>
      <c r="I7" s="22">
        <v>0</v>
      </c>
      <c r="J7" s="22">
        <v>0</v>
      </c>
      <c r="K7" s="21">
        <v>0</v>
      </c>
      <c r="L7" s="53">
        <v>0</v>
      </c>
      <c r="M7" s="54">
        <v>0</v>
      </c>
    </row>
    <row r="8" spans="1:13">
      <c r="A8" s="20" t="s">
        <v>15</v>
      </c>
      <c r="B8" s="21">
        <v>-1</v>
      </c>
      <c r="C8" s="22">
        <v>1</v>
      </c>
      <c r="D8" s="22">
        <v>-2</v>
      </c>
      <c r="E8" s="21">
        <v>0</v>
      </c>
      <c r="F8" s="22">
        <v>0</v>
      </c>
      <c r="G8" s="23">
        <v>0</v>
      </c>
      <c r="H8" s="22">
        <v>2</v>
      </c>
      <c r="I8" s="22">
        <v>2</v>
      </c>
      <c r="J8" s="22">
        <v>0</v>
      </c>
      <c r="K8" s="21">
        <v>3</v>
      </c>
      <c r="L8" s="53">
        <v>1</v>
      </c>
      <c r="M8" s="54">
        <v>2</v>
      </c>
    </row>
    <row r="9" spans="1:13">
      <c r="A9" s="20" t="s">
        <v>16</v>
      </c>
      <c r="B9" s="21">
        <v>0</v>
      </c>
      <c r="C9" s="22">
        <v>0</v>
      </c>
      <c r="D9" s="22">
        <v>0</v>
      </c>
      <c r="E9" s="21">
        <v>0</v>
      </c>
      <c r="F9" s="22">
        <v>0</v>
      </c>
      <c r="G9" s="23">
        <v>0</v>
      </c>
      <c r="H9" s="22">
        <v>2</v>
      </c>
      <c r="I9" s="22">
        <v>1</v>
      </c>
      <c r="J9" s="22">
        <v>1</v>
      </c>
      <c r="K9" s="21">
        <v>2</v>
      </c>
      <c r="L9" s="53">
        <v>1</v>
      </c>
      <c r="M9" s="54">
        <v>1</v>
      </c>
    </row>
    <row r="10" spans="1:13">
      <c r="A10" s="20" t="s">
        <v>17</v>
      </c>
      <c r="B10" s="21">
        <v>1</v>
      </c>
      <c r="C10" s="22">
        <v>1</v>
      </c>
      <c r="D10" s="22">
        <v>0</v>
      </c>
      <c r="E10" s="21">
        <v>0</v>
      </c>
      <c r="F10" s="22">
        <v>0</v>
      </c>
      <c r="G10" s="23">
        <v>0</v>
      </c>
      <c r="H10" s="22">
        <v>2</v>
      </c>
      <c r="I10" s="22">
        <v>1</v>
      </c>
      <c r="J10" s="22">
        <v>1</v>
      </c>
      <c r="K10" s="21">
        <v>1</v>
      </c>
      <c r="L10" s="53">
        <v>0</v>
      </c>
      <c r="M10" s="54">
        <v>1</v>
      </c>
    </row>
    <row r="11" spans="1:13">
      <c r="A11" s="20" t="s">
        <v>18</v>
      </c>
      <c r="B11" s="21">
        <v>-1</v>
      </c>
      <c r="C11" s="22">
        <v>-2</v>
      </c>
      <c r="D11" s="22">
        <v>1</v>
      </c>
      <c r="E11" s="21">
        <v>0</v>
      </c>
      <c r="F11" s="22">
        <v>0</v>
      </c>
      <c r="G11" s="23">
        <v>0</v>
      </c>
      <c r="H11" s="22">
        <v>2</v>
      </c>
      <c r="I11" s="22">
        <v>0</v>
      </c>
      <c r="J11" s="22">
        <v>2</v>
      </c>
      <c r="K11" s="21">
        <v>3</v>
      </c>
      <c r="L11" s="53">
        <v>2</v>
      </c>
      <c r="M11" s="54">
        <v>1</v>
      </c>
    </row>
    <row r="12" spans="1:13" ht="20.100000000000001" customHeight="1">
      <c r="A12" s="16" t="s">
        <v>19</v>
      </c>
      <c r="B12" s="17">
        <v>-4</v>
      </c>
      <c r="C12" s="18">
        <v>-2</v>
      </c>
      <c r="D12" s="18">
        <v>-2</v>
      </c>
      <c r="E12" s="17">
        <v>1</v>
      </c>
      <c r="F12" s="18">
        <v>1</v>
      </c>
      <c r="G12" s="19">
        <v>0</v>
      </c>
      <c r="H12" s="18">
        <v>13</v>
      </c>
      <c r="I12" s="18">
        <v>7</v>
      </c>
      <c r="J12" s="18">
        <v>6</v>
      </c>
      <c r="K12" s="17">
        <v>16</v>
      </c>
      <c r="L12" s="51">
        <v>8</v>
      </c>
      <c r="M12" s="52">
        <v>8</v>
      </c>
    </row>
    <row r="13" spans="1:13">
      <c r="A13" s="20" t="s">
        <v>20</v>
      </c>
      <c r="B13" s="21">
        <v>0</v>
      </c>
      <c r="C13" s="22">
        <v>0</v>
      </c>
      <c r="D13" s="22">
        <v>0</v>
      </c>
      <c r="E13" s="21">
        <v>0</v>
      </c>
      <c r="F13" s="22">
        <v>0</v>
      </c>
      <c r="G13" s="23">
        <v>0</v>
      </c>
      <c r="H13" s="22">
        <v>2</v>
      </c>
      <c r="I13" s="22">
        <v>0</v>
      </c>
      <c r="J13" s="22">
        <v>2</v>
      </c>
      <c r="K13" s="21">
        <v>2</v>
      </c>
      <c r="L13" s="53">
        <v>0</v>
      </c>
      <c r="M13" s="54">
        <v>2</v>
      </c>
    </row>
    <row r="14" spans="1:13">
      <c r="A14" s="20" t="s">
        <v>21</v>
      </c>
      <c r="B14" s="21">
        <v>-2</v>
      </c>
      <c r="C14" s="22">
        <v>-1</v>
      </c>
      <c r="D14" s="22">
        <v>-1</v>
      </c>
      <c r="E14" s="21">
        <v>1</v>
      </c>
      <c r="F14" s="22">
        <v>1</v>
      </c>
      <c r="G14" s="23">
        <v>0</v>
      </c>
      <c r="H14" s="22">
        <v>3</v>
      </c>
      <c r="I14" s="22">
        <v>3</v>
      </c>
      <c r="J14" s="22">
        <v>0</v>
      </c>
      <c r="K14" s="21">
        <v>4</v>
      </c>
      <c r="L14" s="53">
        <v>3</v>
      </c>
      <c r="M14" s="54">
        <v>1</v>
      </c>
    </row>
    <row r="15" spans="1:13">
      <c r="A15" s="20" t="s">
        <v>22</v>
      </c>
      <c r="B15" s="21">
        <v>-2</v>
      </c>
      <c r="C15" s="22">
        <v>-1</v>
      </c>
      <c r="D15" s="22">
        <v>-1</v>
      </c>
      <c r="E15" s="21">
        <v>0</v>
      </c>
      <c r="F15" s="22">
        <v>0</v>
      </c>
      <c r="G15" s="23">
        <v>0</v>
      </c>
      <c r="H15" s="22">
        <v>3</v>
      </c>
      <c r="I15" s="22">
        <v>1</v>
      </c>
      <c r="J15" s="22">
        <v>2</v>
      </c>
      <c r="K15" s="21">
        <v>5</v>
      </c>
      <c r="L15" s="53">
        <v>2</v>
      </c>
      <c r="M15" s="54">
        <v>3</v>
      </c>
    </row>
    <row r="16" spans="1:13">
      <c r="A16" s="20" t="s">
        <v>23</v>
      </c>
      <c r="B16" s="21">
        <v>-1</v>
      </c>
      <c r="C16" s="22">
        <v>-1</v>
      </c>
      <c r="D16" s="22">
        <v>0</v>
      </c>
      <c r="E16" s="21">
        <v>0</v>
      </c>
      <c r="F16" s="22">
        <v>0</v>
      </c>
      <c r="G16" s="23">
        <v>0</v>
      </c>
      <c r="H16" s="22">
        <v>1</v>
      </c>
      <c r="I16" s="22">
        <v>0</v>
      </c>
      <c r="J16" s="22">
        <v>1</v>
      </c>
      <c r="K16" s="21">
        <v>2</v>
      </c>
      <c r="L16" s="53">
        <v>1</v>
      </c>
      <c r="M16" s="54">
        <v>1</v>
      </c>
    </row>
    <row r="17" spans="1:13">
      <c r="A17" s="20" t="s">
        <v>24</v>
      </c>
      <c r="B17" s="21">
        <v>1</v>
      </c>
      <c r="C17" s="22">
        <v>1</v>
      </c>
      <c r="D17" s="22">
        <v>0</v>
      </c>
      <c r="E17" s="21">
        <v>0</v>
      </c>
      <c r="F17" s="22">
        <v>0</v>
      </c>
      <c r="G17" s="23">
        <v>0</v>
      </c>
      <c r="H17" s="22">
        <v>4</v>
      </c>
      <c r="I17" s="22">
        <v>3</v>
      </c>
      <c r="J17" s="22">
        <v>1</v>
      </c>
      <c r="K17" s="21">
        <v>3</v>
      </c>
      <c r="L17" s="53">
        <v>2</v>
      </c>
      <c r="M17" s="54">
        <v>1</v>
      </c>
    </row>
    <row r="18" spans="1:13" ht="20.100000000000001" customHeight="1">
      <c r="A18" s="16" t="s">
        <v>25</v>
      </c>
      <c r="B18" s="17">
        <v>0</v>
      </c>
      <c r="C18" s="18">
        <v>-2</v>
      </c>
      <c r="D18" s="18">
        <v>2</v>
      </c>
      <c r="E18" s="17">
        <v>0</v>
      </c>
      <c r="F18" s="18">
        <v>0</v>
      </c>
      <c r="G18" s="19">
        <v>0</v>
      </c>
      <c r="H18" s="18">
        <v>4</v>
      </c>
      <c r="I18" s="18">
        <v>0</v>
      </c>
      <c r="J18" s="18">
        <v>4</v>
      </c>
      <c r="K18" s="17">
        <v>4</v>
      </c>
      <c r="L18" s="51">
        <v>2</v>
      </c>
      <c r="M18" s="52">
        <v>2</v>
      </c>
    </row>
    <row r="19" spans="1:13">
      <c r="A19" s="20" t="s">
        <v>26</v>
      </c>
      <c r="B19" s="21">
        <v>0</v>
      </c>
      <c r="C19" s="22">
        <v>0</v>
      </c>
      <c r="D19" s="22">
        <v>0</v>
      </c>
      <c r="E19" s="21">
        <v>0</v>
      </c>
      <c r="F19" s="22">
        <v>0</v>
      </c>
      <c r="G19" s="23">
        <v>0</v>
      </c>
      <c r="H19" s="22">
        <v>0</v>
      </c>
      <c r="I19" s="22">
        <v>0</v>
      </c>
      <c r="J19" s="22">
        <v>0</v>
      </c>
      <c r="K19" s="21">
        <v>0</v>
      </c>
      <c r="L19" s="53">
        <v>0</v>
      </c>
      <c r="M19" s="54">
        <v>0</v>
      </c>
    </row>
    <row r="20" spans="1:13">
      <c r="A20" s="20" t="s">
        <v>27</v>
      </c>
      <c r="B20" s="21">
        <v>1</v>
      </c>
      <c r="C20" s="22">
        <v>0</v>
      </c>
      <c r="D20" s="22">
        <v>1</v>
      </c>
      <c r="E20" s="21">
        <v>0</v>
      </c>
      <c r="F20" s="22">
        <v>0</v>
      </c>
      <c r="G20" s="23">
        <v>0</v>
      </c>
      <c r="H20" s="22">
        <v>2</v>
      </c>
      <c r="I20" s="22">
        <v>0</v>
      </c>
      <c r="J20" s="22">
        <v>2</v>
      </c>
      <c r="K20" s="21">
        <v>1</v>
      </c>
      <c r="L20" s="53">
        <v>0</v>
      </c>
      <c r="M20" s="54">
        <v>1</v>
      </c>
    </row>
    <row r="21" spans="1:13">
      <c r="A21" s="20" t="s">
        <v>28</v>
      </c>
      <c r="B21" s="21">
        <v>0</v>
      </c>
      <c r="C21" s="22">
        <v>-1</v>
      </c>
      <c r="D21" s="22">
        <v>1</v>
      </c>
      <c r="E21" s="21">
        <v>0</v>
      </c>
      <c r="F21" s="22">
        <v>0</v>
      </c>
      <c r="G21" s="23">
        <v>0</v>
      </c>
      <c r="H21" s="22">
        <v>1</v>
      </c>
      <c r="I21" s="22">
        <v>0</v>
      </c>
      <c r="J21" s="22">
        <v>1</v>
      </c>
      <c r="K21" s="21">
        <v>1</v>
      </c>
      <c r="L21" s="53">
        <v>1</v>
      </c>
      <c r="M21" s="54">
        <v>0</v>
      </c>
    </row>
    <row r="22" spans="1:13">
      <c r="A22" s="20" t="s">
        <v>29</v>
      </c>
      <c r="B22" s="21">
        <v>-2</v>
      </c>
      <c r="C22" s="22">
        <v>-1</v>
      </c>
      <c r="D22" s="22">
        <v>-1</v>
      </c>
      <c r="E22" s="21">
        <v>0</v>
      </c>
      <c r="F22" s="22">
        <v>0</v>
      </c>
      <c r="G22" s="23">
        <v>0</v>
      </c>
      <c r="H22" s="22">
        <v>0</v>
      </c>
      <c r="I22" s="22">
        <v>0</v>
      </c>
      <c r="J22" s="22">
        <v>0</v>
      </c>
      <c r="K22" s="21">
        <v>2</v>
      </c>
      <c r="L22" s="53">
        <v>1</v>
      </c>
      <c r="M22" s="54">
        <v>1</v>
      </c>
    </row>
    <row r="23" spans="1:13">
      <c r="A23" s="20" t="s">
        <v>30</v>
      </c>
      <c r="B23" s="21">
        <v>1</v>
      </c>
      <c r="C23" s="22">
        <v>0</v>
      </c>
      <c r="D23" s="22">
        <v>1</v>
      </c>
      <c r="E23" s="21">
        <v>0</v>
      </c>
      <c r="F23" s="22">
        <v>0</v>
      </c>
      <c r="G23" s="23">
        <v>0</v>
      </c>
      <c r="H23" s="22">
        <v>1</v>
      </c>
      <c r="I23" s="22">
        <v>0</v>
      </c>
      <c r="J23" s="22">
        <v>1</v>
      </c>
      <c r="K23" s="21">
        <v>0</v>
      </c>
      <c r="L23" s="53">
        <v>0</v>
      </c>
      <c r="M23" s="54">
        <v>0</v>
      </c>
    </row>
    <row r="24" spans="1:13" ht="20.100000000000001" customHeight="1">
      <c r="A24" s="16" t="s">
        <v>31</v>
      </c>
      <c r="B24" s="17">
        <v>0</v>
      </c>
      <c r="C24" s="18">
        <v>1</v>
      </c>
      <c r="D24" s="18">
        <v>-1</v>
      </c>
      <c r="E24" s="17">
        <v>0</v>
      </c>
      <c r="F24" s="18">
        <v>0</v>
      </c>
      <c r="G24" s="19">
        <v>0</v>
      </c>
      <c r="H24" s="18">
        <v>6</v>
      </c>
      <c r="I24" s="18">
        <v>5</v>
      </c>
      <c r="J24" s="18">
        <v>1</v>
      </c>
      <c r="K24" s="17">
        <v>6</v>
      </c>
      <c r="L24" s="51">
        <v>4</v>
      </c>
      <c r="M24" s="52">
        <v>2</v>
      </c>
    </row>
    <row r="25" spans="1:13">
      <c r="A25" s="20" t="s">
        <v>32</v>
      </c>
      <c r="B25" s="21">
        <v>1</v>
      </c>
      <c r="C25" s="22">
        <v>0</v>
      </c>
      <c r="D25" s="22">
        <v>1</v>
      </c>
      <c r="E25" s="21">
        <v>0</v>
      </c>
      <c r="F25" s="22">
        <v>0</v>
      </c>
      <c r="G25" s="23">
        <v>0</v>
      </c>
      <c r="H25" s="22">
        <v>1</v>
      </c>
      <c r="I25" s="22">
        <v>0</v>
      </c>
      <c r="J25" s="22">
        <v>1</v>
      </c>
      <c r="K25" s="21">
        <v>0</v>
      </c>
      <c r="L25" s="53">
        <v>0</v>
      </c>
      <c r="M25" s="54">
        <v>0</v>
      </c>
    </row>
    <row r="26" spans="1:13">
      <c r="A26" s="20" t="s">
        <v>33</v>
      </c>
      <c r="B26" s="21">
        <v>1</v>
      </c>
      <c r="C26" s="22">
        <v>2</v>
      </c>
      <c r="D26" s="22">
        <v>-1</v>
      </c>
      <c r="E26" s="21">
        <v>0</v>
      </c>
      <c r="F26" s="22">
        <v>0</v>
      </c>
      <c r="G26" s="23">
        <v>0</v>
      </c>
      <c r="H26" s="22">
        <v>2</v>
      </c>
      <c r="I26" s="22">
        <v>2</v>
      </c>
      <c r="J26" s="22">
        <v>0</v>
      </c>
      <c r="K26" s="21">
        <v>1</v>
      </c>
      <c r="L26" s="53">
        <v>0</v>
      </c>
      <c r="M26" s="54">
        <v>1</v>
      </c>
    </row>
    <row r="27" spans="1:13">
      <c r="A27" s="20" t="s">
        <v>34</v>
      </c>
      <c r="B27" s="21">
        <v>-1</v>
      </c>
      <c r="C27" s="22">
        <v>-1</v>
      </c>
      <c r="D27" s="22">
        <v>0</v>
      </c>
      <c r="E27" s="21">
        <v>0</v>
      </c>
      <c r="F27" s="22">
        <v>0</v>
      </c>
      <c r="G27" s="23">
        <v>0</v>
      </c>
      <c r="H27" s="22">
        <v>0</v>
      </c>
      <c r="I27" s="22">
        <v>0</v>
      </c>
      <c r="J27" s="22">
        <v>0</v>
      </c>
      <c r="K27" s="21">
        <v>1</v>
      </c>
      <c r="L27" s="53">
        <v>1</v>
      </c>
      <c r="M27" s="54">
        <v>0</v>
      </c>
    </row>
    <row r="28" spans="1:13">
      <c r="A28" s="20" t="s">
        <v>35</v>
      </c>
      <c r="B28" s="21">
        <v>-1</v>
      </c>
      <c r="C28" s="22">
        <v>-1</v>
      </c>
      <c r="D28" s="22">
        <v>0</v>
      </c>
      <c r="E28" s="21">
        <v>0</v>
      </c>
      <c r="F28" s="22">
        <v>0</v>
      </c>
      <c r="G28" s="23">
        <v>0</v>
      </c>
      <c r="H28" s="22">
        <v>1</v>
      </c>
      <c r="I28" s="22">
        <v>1</v>
      </c>
      <c r="J28" s="22">
        <v>0</v>
      </c>
      <c r="K28" s="21">
        <v>2</v>
      </c>
      <c r="L28" s="53">
        <v>2</v>
      </c>
      <c r="M28" s="54">
        <v>0</v>
      </c>
    </row>
    <row r="29" spans="1:13">
      <c r="A29" s="20" t="s">
        <v>36</v>
      </c>
      <c r="B29" s="21">
        <v>0</v>
      </c>
      <c r="C29" s="22">
        <v>1</v>
      </c>
      <c r="D29" s="22">
        <v>-1</v>
      </c>
      <c r="E29" s="21">
        <v>0</v>
      </c>
      <c r="F29" s="22">
        <v>0</v>
      </c>
      <c r="G29" s="23">
        <v>0</v>
      </c>
      <c r="H29" s="22">
        <v>2</v>
      </c>
      <c r="I29" s="22">
        <v>2</v>
      </c>
      <c r="J29" s="22">
        <v>0</v>
      </c>
      <c r="K29" s="21">
        <v>2</v>
      </c>
      <c r="L29" s="53">
        <v>1</v>
      </c>
      <c r="M29" s="54">
        <v>1</v>
      </c>
    </row>
    <row r="30" spans="1:13" ht="20.100000000000001" customHeight="1">
      <c r="A30" s="16" t="s">
        <v>37</v>
      </c>
      <c r="B30" s="17">
        <v>-19</v>
      </c>
      <c r="C30" s="18">
        <v>-4</v>
      </c>
      <c r="D30" s="18">
        <v>-15</v>
      </c>
      <c r="E30" s="17">
        <v>0</v>
      </c>
      <c r="F30" s="18">
        <v>0</v>
      </c>
      <c r="G30" s="19">
        <v>0</v>
      </c>
      <c r="H30" s="18">
        <v>18</v>
      </c>
      <c r="I30" s="18">
        <v>9</v>
      </c>
      <c r="J30" s="18">
        <v>9</v>
      </c>
      <c r="K30" s="17">
        <v>37</v>
      </c>
      <c r="L30" s="51">
        <v>13</v>
      </c>
      <c r="M30" s="52">
        <v>24</v>
      </c>
    </row>
    <row r="31" spans="1:13">
      <c r="A31" s="20" t="s">
        <v>38</v>
      </c>
      <c r="B31" s="21">
        <v>-5</v>
      </c>
      <c r="C31" s="22">
        <v>-3</v>
      </c>
      <c r="D31" s="22">
        <v>-2</v>
      </c>
      <c r="E31" s="21">
        <v>0</v>
      </c>
      <c r="F31" s="22">
        <v>0</v>
      </c>
      <c r="G31" s="23">
        <v>0</v>
      </c>
      <c r="H31" s="22">
        <v>1</v>
      </c>
      <c r="I31" s="22">
        <v>0</v>
      </c>
      <c r="J31" s="22">
        <v>1</v>
      </c>
      <c r="K31" s="21">
        <v>6</v>
      </c>
      <c r="L31" s="53">
        <v>3</v>
      </c>
      <c r="M31" s="54">
        <v>3</v>
      </c>
    </row>
    <row r="32" spans="1:13">
      <c r="A32" s="20" t="s">
        <v>39</v>
      </c>
      <c r="B32" s="21">
        <v>2</v>
      </c>
      <c r="C32" s="22">
        <v>1</v>
      </c>
      <c r="D32" s="22">
        <v>1</v>
      </c>
      <c r="E32" s="21">
        <v>0</v>
      </c>
      <c r="F32" s="22">
        <v>0</v>
      </c>
      <c r="G32" s="23">
        <v>0</v>
      </c>
      <c r="H32" s="22">
        <v>5</v>
      </c>
      <c r="I32" s="22">
        <v>3</v>
      </c>
      <c r="J32" s="22">
        <v>2</v>
      </c>
      <c r="K32" s="21">
        <v>3</v>
      </c>
      <c r="L32" s="53">
        <v>2</v>
      </c>
      <c r="M32" s="54">
        <v>1</v>
      </c>
    </row>
    <row r="33" spans="1:13">
      <c r="A33" s="20" t="s">
        <v>40</v>
      </c>
      <c r="B33" s="21">
        <v>-1</v>
      </c>
      <c r="C33" s="22">
        <v>1</v>
      </c>
      <c r="D33" s="22">
        <v>-2</v>
      </c>
      <c r="E33" s="21">
        <v>0</v>
      </c>
      <c r="F33" s="22">
        <v>0</v>
      </c>
      <c r="G33" s="23">
        <v>0</v>
      </c>
      <c r="H33" s="22">
        <v>4</v>
      </c>
      <c r="I33" s="22">
        <v>2</v>
      </c>
      <c r="J33" s="22">
        <v>2</v>
      </c>
      <c r="K33" s="21">
        <v>5</v>
      </c>
      <c r="L33" s="53">
        <v>1</v>
      </c>
      <c r="M33" s="54">
        <v>4</v>
      </c>
    </row>
    <row r="34" spans="1:13">
      <c r="A34" s="20" t="s">
        <v>41</v>
      </c>
      <c r="B34" s="21">
        <v>-10</v>
      </c>
      <c r="C34" s="22">
        <v>-2</v>
      </c>
      <c r="D34" s="22">
        <v>-8</v>
      </c>
      <c r="E34" s="21">
        <v>0</v>
      </c>
      <c r="F34" s="22">
        <v>0</v>
      </c>
      <c r="G34" s="23">
        <v>0</v>
      </c>
      <c r="H34" s="22">
        <v>6</v>
      </c>
      <c r="I34" s="22">
        <v>3</v>
      </c>
      <c r="J34" s="22">
        <v>3</v>
      </c>
      <c r="K34" s="21">
        <v>16</v>
      </c>
      <c r="L34" s="53">
        <v>5</v>
      </c>
      <c r="M34" s="54">
        <v>11</v>
      </c>
    </row>
    <row r="35" spans="1:13">
      <c r="A35" s="20" t="s">
        <v>42</v>
      </c>
      <c r="B35" s="21">
        <v>-5</v>
      </c>
      <c r="C35" s="22">
        <v>-1</v>
      </c>
      <c r="D35" s="22">
        <v>-4</v>
      </c>
      <c r="E35" s="21">
        <v>0</v>
      </c>
      <c r="F35" s="22">
        <v>0</v>
      </c>
      <c r="G35" s="23">
        <v>0</v>
      </c>
      <c r="H35" s="22">
        <v>2</v>
      </c>
      <c r="I35" s="22">
        <v>1</v>
      </c>
      <c r="J35" s="22">
        <v>1</v>
      </c>
      <c r="K35" s="21">
        <v>7</v>
      </c>
      <c r="L35" s="53">
        <v>2</v>
      </c>
      <c r="M35" s="54">
        <v>5</v>
      </c>
    </row>
    <row r="36" spans="1:13" ht="20.100000000000001" customHeight="1">
      <c r="A36" s="16" t="s">
        <v>43</v>
      </c>
      <c r="B36" s="17">
        <v>-15</v>
      </c>
      <c r="C36" s="18">
        <v>-8</v>
      </c>
      <c r="D36" s="18">
        <v>-7</v>
      </c>
      <c r="E36" s="17">
        <v>1</v>
      </c>
      <c r="F36" s="18">
        <v>0</v>
      </c>
      <c r="G36" s="19">
        <v>1</v>
      </c>
      <c r="H36" s="18">
        <v>23</v>
      </c>
      <c r="I36" s="18">
        <v>13</v>
      </c>
      <c r="J36" s="18">
        <v>10</v>
      </c>
      <c r="K36" s="17">
        <v>37</v>
      </c>
      <c r="L36" s="51">
        <v>21</v>
      </c>
      <c r="M36" s="52">
        <v>16</v>
      </c>
    </row>
    <row r="37" spans="1:13">
      <c r="A37" s="20" t="s">
        <v>44</v>
      </c>
      <c r="B37" s="21">
        <v>-6</v>
      </c>
      <c r="C37" s="22">
        <v>-2</v>
      </c>
      <c r="D37" s="22">
        <v>-4</v>
      </c>
      <c r="E37" s="21">
        <v>0</v>
      </c>
      <c r="F37" s="22">
        <v>0</v>
      </c>
      <c r="G37" s="23">
        <v>0</v>
      </c>
      <c r="H37" s="22">
        <v>2</v>
      </c>
      <c r="I37" s="22">
        <v>0</v>
      </c>
      <c r="J37" s="22">
        <v>2</v>
      </c>
      <c r="K37" s="21">
        <v>8</v>
      </c>
      <c r="L37" s="53">
        <v>2</v>
      </c>
      <c r="M37" s="54">
        <v>6</v>
      </c>
    </row>
    <row r="38" spans="1:13">
      <c r="A38" s="20" t="s">
        <v>45</v>
      </c>
      <c r="B38" s="21">
        <v>-3</v>
      </c>
      <c r="C38" s="22">
        <v>-1</v>
      </c>
      <c r="D38" s="22">
        <v>-2</v>
      </c>
      <c r="E38" s="21">
        <v>0</v>
      </c>
      <c r="F38" s="22">
        <v>0</v>
      </c>
      <c r="G38" s="23">
        <v>0</v>
      </c>
      <c r="H38" s="22">
        <v>4</v>
      </c>
      <c r="I38" s="22">
        <v>3</v>
      </c>
      <c r="J38" s="22">
        <v>1</v>
      </c>
      <c r="K38" s="21">
        <v>7</v>
      </c>
      <c r="L38" s="53">
        <v>4</v>
      </c>
      <c r="M38" s="54">
        <v>3</v>
      </c>
    </row>
    <row r="39" spans="1:13">
      <c r="A39" s="20" t="s">
        <v>46</v>
      </c>
      <c r="B39" s="21">
        <v>1</v>
      </c>
      <c r="C39" s="22">
        <v>-1</v>
      </c>
      <c r="D39" s="22">
        <v>2</v>
      </c>
      <c r="E39" s="21">
        <v>0</v>
      </c>
      <c r="F39" s="22">
        <v>0</v>
      </c>
      <c r="G39" s="23">
        <v>0</v>
      </c>
      <c r="H39" s="22">
        <v>5</v>
      </c>
      <c r="I39" s="22">
        <v>2</v>
      </c>
      <c r="J39" s="22">
        <v>3</v>
      </c>
      <c r="K39" s="21">
        <v>4</v>
      </c>
      <c r="L39" s="53">
        <v>3</v>
      </c>
      <c r="M39" s="54">
        <v>1</v>
      </c>
    </row>
    <row r="40" spans="1:13">
      <c r="A40" s="20" t="s">
        <v>47</v>
      </c>
      <c r="B40" s="21">
        <v>-2</v>
      </c>
      <c r="C40" s="22">
        <v>-2</v>
      </c>
      <c r="D40" s="22">
        <v>0</v>
      </c>
      <c r="E40" s="21">
        <v>1</v>
      </c>
      <c r="F40" s="22">
        <v>0</v>
      </c>
      <c r="G40" s="23">
        <v>1</v>
      </c>
      <c r="H40" s="22">
        <v>8</v>
      </c>
      <c r="I40" s="22">
        <v>5</v>
      </c>
      <c r="J40" s="22">
        <v>3</v>
      </c>
      <c r="K40" s="21">
        <v>9</v>
      </c>
      <c r="L40" s="53">
        <v>7</v>
      </c>
      <c r="M40" s="54">
        <v>2</v>
      </c>
    </row>
    <row r="41" spans="1:13">
      <c r="A41" s="20" t="s">
        <v>48</v>
      </c>
      <c r="B41" s="21">
        <v>-5</v>
      </c>
      <c r="C41" s="22">
        <v>-2</v>
      </c>
      <c r="D41" s="22">
        <v>-3</v>
      </c>
      <c r="E41" s="21">
        <v>0</v>
      </c>
      <c r="F41" s="22">
        <v>0</v>
      </c>
      <c r="G41" s="23">
        <v>0</v>
      </c>
      <c r="H41" s="22">
        <v>4</v>
      </c>
      <c r="I41" s="22">
        <v>3</v>
      </c>
      <c r="J41" s="22">
        <v>1</v>
      </c>
      <c r="K41" s="21">
        <v>9</v>
      </c>
      <c r="L41" s="53">
        <v>5</v>
      </c>
      <c r="M41" s="54">
        <v>4</v>
      </c>
    </row>
    <row r="42" spans="1:13" ht="20.100000000000001" customHeight="1">
      <c r="A42" s="16" t="s">
        <v>49</v>
      </c>
      <c r="B42" s="17">
        <v>-8</v>
      </c>
      <c r="C42" s="18">
        <v>-7</v>
      </c>
      <c r="D42" s="18">
        <v>-1</v>
      </c>
      <c r="E42" s="17">
        <v>0</v>
      </c>
      <c r="F42" s="18">
        <v>0</v>
      </c>
      <c r="G42" s="19">
        <v>0</v>
      </c>
      <c r="H42" s="18">
        <v>10</v>
      </c>
      <c r="I42" s="18">
        <v>1</v>
      </c>
      <c r="J42" s="18">
        <v>9</v>
      </c>
      <c r="K42" s="17">
        <v>18</v>
      </c>
      <c r="L42" s="51">
        <v>8</v>
      </c>
      <c r="M42" s="52">
        <v>10</v>
      </c>
    </row>
    <row r="43" spans="1:13">
      <c r="A43" s="20" t="s">
        <v>50</v>
      </c>
      <c r="B43" s="21">
        <v>-2</v>
      </c>
      <c r="C43" s="22">
        <v>-2</v>
      </c>
      <c r="D43" s="22">
        <v>0</v>
      </c>
      <c r="E43" s="21">
        <v>0</v>
      </c>
      <c r="F43" s="22">
        <v>0</v>
      </c>
      <c r="G43" s="23">
        <v>0</v>
      </c>
      <c r="H43" s="22">
        <v>3</v>
      </c>
      <c r="I43" s="22">
        <v>0</v>
      </c>
      <c r="J43" s="22">
        <v>3</v>
      </c>
      <c r="K43" s="21">
        <v>5</v>
      </c>
      <c r="L43" s="53">
        <v>2</v>
      </c>
      <c r="M43" s="54">
        <v>3</v>
      </c>
    </row>
    <row r="44" spans="1:13">
      <c r="A44" s="20" t="s">
        <v>51</v>
      </c>
      <c r="B44" s="21">
        <v>-6</v>
      </c>
      <c r="C44" s="22">
        <v>-4</v>
      </c>
      <c r="D44" s="22">
        <v>-2</v>
      </c>
      <c r="E44" s="21">
        <v>0</v>
      </c>
      <c r="F44" s="22">
        <v>0</v>
      </c>
      <c r="G44" s="23">
        <v>0</v>
      </c>
      <c r="H44" s="22">
        <v>2</v>
      </c>
      <c r="I44" s="22">
        <v>0</v>
      </c>
      <c r="J44" s="22">
        <v>2</v>
      </c>
      <c r="K44" s="21">
        <v>8</v>
      </c>
      <c r="L44" s="53">
        <v>4</v>
      </c>
      <c r="M44" s="54">
        <v>4</v>
      </c>
    </row>
    <row r="45" spans="1:13">
      <c r="A45" s="20" t="s">
        <v>52</v>
      </c>
      <c r="B45" s="21">
        <v>2</v>
      </c>
      <c r="C45" s="22">
        <v>0</v>
      </c>
      <c r="D45" s="22">
        <v>2</v>
      </c>
      <c r="E45" s="21">
        <v>0</v>
      </c>
      <c r="F45" s="22">
        <v>0</v>
      </c>
      <c r="G45" s="23">
        <v>0</v>
      </c>
      <c r="H45" s="22">
        <v>4</v>
      </c>
      <c r="I45" s="22">
        <v>1</v>
      </c>
      <c r="J45" s="22">
        <v>3</v>
      </c>
      <c r="K45" s="21">
        <v>2</v>
      </c>
      <c r="L45" s="53">
        <v>1</v>
      </c>
      <c r="M45" s="54">
        <v>1</v>
      </c>
    </row>
    <row r="46" spans="1:13">
      <c r="A46" s="20" t="s">
        <v>53</v>
      </c>
      <c r="B46" s="21">
        <v>-2</v>
      </c>
      <c r="C46" s="22">
        <v>-1</v>
      </c>
      <c r="D46" s="22">
        <v>-1</v>
      </c>
      <c r="E46" s="21">
        <v>0</v>
      </c>
      <c r="F46" s="22">
        <v>0</v>
      </c>
      <c r="G46" s="23">
        <v>0</v>
      </c>
      <c r="H46" s="22">
        <v>1</v>
      </c>
      <c r="I46" s="22">
        <v>0</v>
      </c>
      <c r="J46" s="22">
        <v>1</v>
      </c>
      <c r="K46" s="21">
        <v>3</v>
      </c>
      <c r="L46" s="53">
        <v>1</v>
      </c>
      <c r="M46" s="54">
        <v>2</v>
      </c>
    </row>
    <row r="47" spans="1:13">
      <c r="A47" s="20" t="s">
        <v>54</v>
      </c>
      <c r="B47" s="21">
        <v>0</v>
      </c>
      <c r="C47" s="22">
        <v>0</v>
      </c>
      <c r="D47" s="22">
        <v>0</v>
      </c>
      <c r="E47" s="21">
        <v>0</v>
      </c>
      <c r="F47" s="22">
        <v>0</v>
      </c>
      <c r="G47" s="23">
        <v>0</v>
      </c>
      <c r="H47" s="22">
        <v>0</v>
      </c>
      <c r="I47" s="22">
        <v>0</v>
      </c>
      <c r="J47" s="22">
        <v>0</v>
      </c>
      <c r="K47" s="21">
        <v>0</v>
      </c>
      <c r="L47" s="53">
        <v>0</v>
      </c>
      <c r="M47" s="54">
        <v>0</v>
      </c>
    </row>
    <row r="48" spans="1:13" ht="20.100000000000001" customHeight="1">
      <c r="A48" s="16" t="s">
        <v>55</v>
      </c>
      <c r="B48" s="17">
        <v>-10</v>
      </c>
      <c r="C48" s="18">
        <v>-5</v>
      </c>
      <c r="D48" s="18">
        <v>-5</v>
      </c>
      <c r="E48" s="17">
        <v>0</v>
      </c>
      <c r="F48" s="18">
        <v>0</v>
      </c>
      <c r="G48" s="19">
        <v>0</v>
      </c>
      <c r="H48" s="18">
        <v>12</v>
      </c>
      <c r="I48" s="18">
        <v>8</v>
      </c>
      <c r="J48" s="18">
        <v>4</v>
      </c>
      <c r="K48" s="17">
        <v>22</v>
      </c>
      <c r="L48" s="51">
        <v>13</v>
      </c>
      <c r="M48" s="52">
        <v>9</v>
      </c>
    </row>
    <row r="49" spans="1:13">
      <c r="A49" s="20" t="s">
        <v>56</v>
      </c>
      <c r="B49" s="21">
        <v>-7</v>
      </c>
      <c r="C49" s="22">
        <v>-4</v>
      </c>
      <c r="D49" s="22">
        <v>-3</v>
      </c>
      <c r="E49" s="21">
        <v>0</v>
      </c>
      <c r="F49" s="22">
        <v>0</v>
      </c>
      <c r="G49" s="23">
        <v>0</v>
      </c>
      <c r="H49" s="22">
        <v>1</v>
      </c>
      <c r="I49" s="22">
        <v>1</v>
      </c>
      <c r="J49" s="22">
        <v>0</v>
      </c>
      <c r="K49" s="21">
        <v>8</v>
      </c>
      <c r="L49" s="53">
        <v>5</v>
      </c>
      <c r="M49" s="54">
        <v>3</v>
      </c>
    </row>
    <row r="50" spans="1:13">
      <c r="A50" s="20" t="s">
        <v>57</v>
      </c>
      <c r="B50" s="21">
        <v>-1</v>
      </c>
      <c r="C50" s="22">
        <v>-1</v>
      </c>
      <c r="D50" s="22">
        <v>0</v>
      </c>
      <c r="E50" s="21">
        <v>0</v>
      </c>
      <c r="F50" s="22">
        <v>0</v>
      </c>
      <c r="G50" s="23">
        <v>0</v>
      </c>
      <c r="H50" s="22">
        <v>2</v>
      </c>
      <c r="I50" s="22">
        <v>2</v>
      </c>
      <c r="J50" s="22">
        <v>0</v>
      </c>
      <c r="K50" s="21">
        <v>3</v>
      </c>
      <c r="L50" s="53">
        <v>3</v>
      </c>
      <c r="M50" s="54">
        <v>0</v>
      </c>
    </row>
    <row r="51" spans="1:13">
      <c r="A51" s="20" t="s">
        <v>58</v>
      </c>
      <c r="B51" s="21">
        <v>1</v>
      </c>
      <c r="C51" s="22">
        <v>1</v>
      </c>
      <c r="D51" s="22">
        <v>0</v>
      </c>
      <c r="E51" s="21">
        <v>0</v>
      </c>
      <c r="F51" s="22">
        <v>0</v>
      </c>
      <c r="G51" s="23">
        <v>0</v>
      </c>
      <c r="H51" s="22">
        <v>4</v>
      </c>
      <c r="I51" s="22">
        <v>3</v>
      </c>
      <c r="J51" s="22">
        <v>1</v>
      </c>
      <c r="K51" s="21">
        <v>3</v>
      </c>
      <c r="L51" s="53">
        <v>2</v>
      </c>
      <c r="M51" s="54">
        <v>1</v>
      </c>
    </row>
    <row r="52" spans="1:13">
      <c r="A52" s="20" t="s">
        <v>59</v>
      </c>
      <c r="B52" s="21">
        <v>-3</v>
      </c>
      <c r="C52" s="22">
        <v>-2</v>
      </c>
      <c r="D52" s="22">
        <v>-1</v>
      </c>
      <c r="E52" s="21">
        <v>0</v>
      </c>
      <c r="F52" s="22">
        <v>0</v>
      </c>
      <c r="G52" s="23">
        <v>0</v>
      </c>
      <c r="H52" s="22">
        <v>1</v>
      </c>
      <c r="I52" s="22">
        <v>0</v>
      </c>
      <c r="J52" s="22">
        <v>1</v>
      </c>
      <c r="K52" s="21">
        <v>4</v>
      </c>
      <c r="L52" s="53">
        <v>2</v>
      </c>
      <c r="M52" s="54">
        <v>2</v>
      </c>
    </row>
    <row r="53" spans="1:13">
      <c r="A53" s="20" t="s">
        <v>60</v>
      </c>
      <c r="B53" s="21">
        <v>0</v>
      </c>
      <c r="C53" s="22">
        <v>1</v>
      </c>
      <c r="D53" s="22">
        <v>-1</v>
      </c>
      <c r="E53" s="21">
        <v>0</v>
      </c>
      <c r="F53" s="22">
        <v>0</v>
      </c>
      <c r="G53" s="23">
        <v>0</v>
      </c>
      <c r="H53" s="22">
        <v>4</v>
      </c>
      <c r="I53" s="22">
        <v>2</v>
      </c>
      <c r="J53" s="22">
        <v>2</v>
      </c>
      <c r="K53" s="21">
        <v>4</v>
      </c>
      <c r="L53" s="53">
        <v>1</v>
      </c>
      <c r="M53" s="54">
        <v>3</v>
      </c>
    </row>
    <row r="54" spans="1:13" ht="20.100000000000001" customHeight="1">
      <c r="A54" s="16" t="s">
        <v>61</v>
      </c>
      <c r="B54" s="17">
        <v>2</v>
      </c>
      <c r="C54" s="18">
        <v>1</v>
      </c>
      <c r="D54" s="18">
        <v>1</v>
      </c>
      <c r="E54" s="17">
        <v>0</v>
      </c>
      <c r="F54" s="18">
        <v>0</v>
      </c>
      <c r="G54" s="19">
        <v>0</v>
      </c>
      <c r="H54" s="18">
        <v>15</v>
      </c>
      <c r="I54" s="18">
        <v>8</v>
      </c>
      <c r="J54" s="18">
        <v>7</v>
      </c>
      <c r="K54" s="17">
        <v>13</v>
      </c>
      <c r="L54" s="51">
        <v>7</v>
      </c>
      <c r="M54" s="52">
        <v>6</v>
      </c>
    </row>
    <row r="55" spans="1:13">
      <c r="A55" s="20" t="s">
        <v>62</v>
      </c>
      <c r="B55" s="21">
        <v>1</v>
      </c>
      <c r="C55" s="22">
        <v>0</v>
      </c>
      <c r="D55" s="22">
        <v>1</v>
      </c>
      <c r="E55" s="21">
        <v>0</v>
      </c>
      <c r="F55" s="22">
        <v>0</v>
      </c>
      <c r="G55" s="23">
        <v>0</v>
      </c>
      <c r="H55" s="22">
        <v>5</v>
      </c>
      <c r="I55" s="22">
        <v>2</v>
      </c>
      <c r="J55" s="22">
        <v>3</v>
      </c>
      <c r="K55" s="21">
        <v>4</v>
      </c>
      <c r="L55" s="53">
        <v>2</v>
      </c>
      <c r="M55" s="54">
        <v>2</v>
      </c>
    </row>
    <row r="56" spans="1:13">
      <c r="A56" s="20" t="s">
        <v>63</v>
      </c>
      <c r="B56" s="21">
        <v>2</v>
      </c>
      <c r="C56" s="22">
        <v>2</v>
      </c>
      <c r="D56" s="22">
        <v>0</v>
      </c>
      <c r="E56" s="21">
        <v>0</v>
      </c>
      <c r="F56" s="22">
        <v>0</v>
      </c>
      <c r="G56" s="23">
        <v>0</v>
      </c>
      <c r="H56" s="22">
        <v>4</v>
      </c>
      <c r="I56" s="22">
        <v>3</v>
      </c>
      <c r="J56" s="22">
        <v>1</v>
      </c>
      <c r="K56" s="21">
        <v>2</v>
      </c>
      <c r="L56" s="53">
        <v>1</v>
      </c>
      <c r="M56" s="54">
        <v>1</v>
      </c>
    </row>
    <row r="57" spans="1:13">
      <c r="A57" s="20" t="s">
        <v>64</v>
      </c>
      <c r="B57" s="21">
        <v>0</v>
      </c>
      <c r="C57" s="22">
        <v>0</v>
      </c>
      <c r="D57" s="22">
        <v>0</v>
      </c>
      <c r="E57" s="21">
        <v>0</v>
      </c>
      <c r="F57" s="22">
        <v>0</v>
      </c>
      <c r="G57" s="23">
        <v>0</v>
      </c>
      <c r="H57" s="22">
        <v>5</v>
      </c>
      <c r="I57" s="22">
        <v>2</v>
      </c>
      <c r="J57" s="22">
        <v>3</v>
      </c>
      <c r="K57" s="21">
        <v>5</v>
      </c>
      <c r="L57" s="53">
        <v>2</v>
      </c>
      <c r="M57" s="54">
        <v>3</v>
      </c>
    </row>
    <row r="58" spans="1:13">
      <c r="A58" s="20" t="s">
        <v>65</v>
      </c>
      <c r="B58" s="21">
        <v>-1</v>
      </c>
      <c r="C58" s="22">
        <v>-1</v>
      </c>
      <c r="D58" s="22">
        <v>0</v>
      </c>
      <c r="E58" s="21">
        <v>0</v>
      </c>
      <c r="F58" s="22">
        <v>0</v>
      </c>
      <c r="G58" s="23">
        <v>0</v>
      </c>
      <c r="H58" s="22">
        <v>1</v>
      </c>
      <c r="I58" s="22">
        <v>1</v>
      </c>
      <c r="J58" s="22">
        <v>0</v>
      </c>
      <c r="K58" s="21">
        <v>2</v>
      </c>
      <c r="L58" s="53">
        <v>2</v>
      </c>
      <c r="M58" s="54">
        <v>0</v>
      </c>
    </row>
    <row r="59" spans="1:13">
      <c r="A59" s="20" t="s">
        <v>66</v>
      </c>
      <c r="B59" s="21">
        <v>0</v>
      </c>
      <c r="C59" s="22">
        <v>0</v>
      </c>
      <c r="D59" s="22">
        <v>0</v>
      </c>
      <c r="E59" s="21">
        <v>0</v>
      </c>
      <c r="F59" s="22">
        <v>0</v>
      </c>
      <c r="G59" s="23">
        <v>0</v>
      </c>
      <c r="H59" s="22">
        <v>0</v>
      </c>
      <c r="I59" s="22">
        <v>0</v>
      </c>
      <c r="J59" s="22">
        <v>0</v>
      </c>
      <c r="K59" s="21">
        <v>0</v>
      </c>
      <c r="L59" s="53">
        <v>0</v>
      </c>
      <c r="M59" s="54">
        <v>0</v>
      </c>
    </row>
    <row r="60" spans="1:13" ht="20.100000000000001" customHeight="1">
      <c r="A60" s="16" t="s">
        <v>67</v>
      </c>
      <c r="B60" s="17">
        <v>5</v>
      </c>
      <c r="C60" s="18">
        <v>4</v>
      </c>
      <c r="D60" s="18">
        <v>1</v>
      </c>
      <c r="E60" s="17">
        <v>0</v>
      </c>
      <c r="F60" s="18">
        <v>0</v>
      </c>
      <c r="G60" s="19">
        <v>0</v>
      </c>
      <c r="H60" s="18">
        <v>14</v>
      </c>
      <c r="I60" s="18">
        <v>8</v>
      </c>
      <c r="J60" s="18">
        <v>6</v>
      </c>
      <c r="K60" s="17">
        <v>9</v>
      </c>
      <c r="L60" s="51">
        <v>4</v>
      </c>
      <c r="M60" s="52">
        <v>5</v>
      </c>
    </row>
    <row r="61" spans="1:13">
      <c r="A61" s="20" t="s">
        <v>68</v>
      </c>
      <c r="B61" s="21">
        <v>0</v>
      </c>
      <c r="C61" s="22">
        <v>1</v>
      </c>
      <c r="D61" s="22">
        <v>-1</v>
      </c>
      <c r="E61" s="21">
        <v>0</v>
      </c>
      <c r="F61" s="22">
        <v>0</v>
      </c>
      <c r="G61" s="23">
        <v>0</v>
      </c>
      <c r="H61" s="22">
        <v>2</v>
      </c>
      <c r="I61" s="22">
        <v>1</v>
      </c>
      <c r="J61" s="22">
        <v>1</v>
      </c>
      <c r="K61" s="21">
        <v>2</v>
      </c>
      <c r="L61" s="53">
        <v>0</v>
      </c>
      <c r="M61" s="54">
        <v>2</v>
      </c>
    </row>
    <row r="62" spans="1:13">
      <c r="A62" s="20" t="s">
        <v>69</v>
      </c>
      <c r="B62" s="21">
        <v>-1</v>
      </c>
      <c r="C62" s="22">
        <v>1</v>
      </c>
      <c r="D62" s="22">
        <v>-2</v>
      </c>
      <c r="E62" s="21">
        <v>0</v>
      </c>
      <c r="F62" s="22">
        <v>0</v>
      </c>
      <c r="G62" s="23">
        <v>0</v>
      </c>
      <c r="H62" s="22">
        <v>4</v>
      </c>
      <c r="I62" s="22">
        <v>3</v>
      </c>
      <c r="J62" s="22">
        <v>1</v>
      </c>
      <c r="K62" s="21">
        <v>5</v>
      </c>
      <c r="L62" s="53">
        <v>2</v>
      </c>
      <c r="M62" s="54">
        <v>3</v>
      </c>
    </row>
    <row r="63" spans="1:13">
      <c r="A63" s="20" t="s">
        <v>70</v>
      </c>
      <c r="B63" s="21">
        <v>1</v>
      </c>
      <c r="C63" s="22">
        <v>0</v>
      </c>
      <c r="D63" s="22">
        <v>1</v>
      </c>
      <c r="E63" s="21">
        <v>0</v>
      </c>
      <c r="F63" s="22">
        <v>0</v>
      </c>
      <c r="G63" s="23">
        <v>0</v>
      </c>
      <c r="H63" s="22">
        <v>1</v>
      </c>
      <c r="I63" s="22">
        <v>0</v>
      </c>
      <c r="J63" s="22">
        <v>1</v>
      </c>
      <c r="K63" s="21">
        <v>0</v>
      </c>
      <c r="L63" s="53">
        <v>0</v>
      </c>
      <c r="M63" s="54">
        <v>0</v>
      </c>
    </row>
    <row r="64" spans="1:13">
      <c r="A64" s="20" t="s">
        <v>71</v>
      </c>
      <c r="B64" s="21">
        <v>2</v>
      </c>
      <c r="C64" s="22">
        <v>1</v>
      </c>
      <c r="D64" s="22">
        <v>1</v>
      </c>
      <c r="E64" s="21">
        <v>0</v>
      </c>
      <c r="F64" s="22">
        <v>0</v>
      </c>
      <c r="G64" s="23">
        <v>0</v>
      </c>
      <c r="H64" s="22">
        <v>3</v>
      </c>
      <c r="I64" s="22">
        <v>2</v>
      </c>
      <c r="J64" s="22">
        <v>1</v>
      </c>
      <c r="K64" s="21">
        <v>1</v>
      </c>
      <c r="L64" s="53">
        <v>1</v>
      </c>
      <c r="M64" s="54">
        <v>0</v>
      </c>
    </row>
    <row r="65" spans="1:13">
      <c r="A65" s="24" t="s">
        <v>72</v>
      </c>
      <c r="B65" s="25">
        <v>3</v>
      </c>
      <c r="C65" s="26">
        <v>1</v>
      </c>
      <c r="D65" s="26">
        <v>2</v>
      </c>
      <c r="E65" s="25">
        <v>0</v>
      </c>
      <c r="F65" s="26">
        <v>0</v>
      </c>
      <c r="G65" s="27">
        <v>0</v>
      </c>
      <c r="H65" s="26">
        <v>4</v>
      </c>
      <c r="I65" s="26">
        <v>2</v>
      </c>
      <c r="J65" s="26">
        <v>2</v>
      </c>
      <c r="K65" s="25">
        <v>1</v>
      </c>
      <c r="L65" s="55">
        <v>1</v>
      </c>
      <c r="M65" s="56">
        <v>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6</v>
      </c>
      <c r="C69" s="58">
        <v>6</v>
      </c>
      <c r="D69" s="59">
        <v>1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6</v>
      </c>
      <c r="C70" s="61">
        <v>6</v>
      </c>
      <c r="D70" s="62">
        <v>10</v>
      </c>
    </row>
    <row r="71" spans="1:13">
      <c r="A71" s="24" t="s">
        <v>14</v>
      </c>
      <c r="B71" s="63">
        <v>16</v>
      </c>
      <c r="C71" s="64">
        <v>6</v>
      </c>
      <c r="D71" s="65">
        <v>10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7" t="s">
        <v>21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9</v>
      </c>
      <c r="C77" s="18">
        <v>4</v>
      </c>
      <c r="D77" s="18">
        <v>5</v>
      </c>
      <c r="E77" s="17">
        <v>0</v>
      </c>
      <c r="F77" s="18">
        <v>0</v>
      </c>
      <c r="G77" s="19">
        <v>0</v>
      </c>
      <c r="H77" s="18">
        <v>16</v>
      </c>
      <c r="I77" s="18">
        <v>7</v>
      </c>
      <c r="J77" s="18">
        <v>9</v>
      </c>
      <c r="K77" s="17">
        <v>7</v>
      </c>
      <c r="L77" s="51">
        <v>3</v>
      </c>
      <c r="M77" s="52">
        <v>4</v>
      </c>
    </row>
    <row r="78" spans="1:13">
      <c r="A78" s="40" t="s">
        <v>81</v>
      </c>
      <c r="B78" s="21">
        <v>0</v>
      </c>
      <c r="C78" s="22">
        <v>0</v>
      </c>
      <c r="D78" s="22">
        <v>0</v>
      </c>
      <c r="E78" s="21">
        <v>0</v>
      </c>
      <c r="F78" s="22">
        <v>0</v>
      </c>
      <c r="G78" s="23">
        <v>0</v>
      </c>
      <c r="H78" s="22">
        <v>1</v>
      </c>
      <c r="I78" s="22">
        <v>0</v>
      </c>
      <c r="J78" s="22">
        <v>1</v>
      </c>
      <c r="K78" s="21">
        <v>1</v>
      </c>
      <c r="L78" s="53">
        <v>0</v>
      </c>
      <c r="M78" s="54">
        <v>1</v>
      </c>
    </row>
    <row r="79" spans="1:13">
      <c r="A79" s="40" t="s">
        <v>82</v>
      </c>
      <c r="B79" s="21">
        <v>4</v>
      </c>
      <c r="C79" s="22">
        <v>2</v>
      </c>
      <c r="D79" s="22">
        <v>2</v>
      </c>
      <c r="E79" s="21">
        <v>0</v>
      </c>
      <c r="F79" s="22">
        <v>0</v>
      </c>
      <c r="G79" s="23">
        <v>0</v>
      </c>
      <c r="H79" s="22">
        <v>5</v>
      </c>
      <c r="I79" s="22">
        <v>2</v>
      </c>
      <c r="J79" s="22">
        <v>3</v>
      </c>
      <c r="K79" s="21">
        <v>1</v>
      </c>
      <c r="L79" s="53">
        <v>0</v>
      </c>
      <c r="M79" s="54">
        <v>1</v>
      </c>
    </row>
    <row r="80" spans="1:13">
      <c r="A80" s="40" t="s">
        <v>83</v>
      </c>
      <c r="B80" s="21">
        <v>4</v>
      </c>
      <c r="C80" s="22">
        <v>2</v>
      </c>
      <c r="D80" s="22">
        <v>2</v>
      </c>
      <c r="E80" s="21">
        <v>0</v>
      </c>
      <c r="F80" s="22">
        <v>0</v>
      </c>
      <c r="G80" s="23">
        <v>0</v>
      </c>
      <c r="H80" s="22">
        <v>4</v>
      </c>
      <c r="I80" s="22">
        <v>2</v>
      </c>
      <c r="J80" s="22">
        <v>2</v>
      </c>
      <c r="K80" s="21">
        <v>0</v>
      </c>
      <c r="L80" s="53">
        <v>0</v>
      </c>
      <c r="M80" s="54">
        <v>0</v>
      </c>
    </row>
    <row r="81" spans="1:13">
      <c r="A81" s="40" t="s">
        <v>84</v>
      </c>
      <c r="B81" s="21">
        <v>2</v>
      </c>
      <c r="C81" s="22">
        <v>0</v>
      </c>
      <c r="D81" s="22">
        <v>2</v>
      </c>
      <c r="E81" s="21">
        <v>0</v>
      </c>
      <c r="F81" s="22">
        <v>0</v>
      </c>
      <c r="G81" s="23">
        <v>0</v>
      </c>
      <c r="H81" s="22">
        <v>3</v>
      </c>
      <c r="I81" s="22">
        <v>1</v>
      </c>
      <c r="J81" s="22">
        <v>2</v>
      </c>
      <c r="K81" s="21">
        <v>1</v>
      </c>
      <c r="L81" s="53">
        <v>1</v>
      </c>
      <c r="M81" s="54">
        <v>0</v>
      </c>
    </row>
    <row r="82" spans="1:13">
      <c r="A82" s="40" t="s">
        <v>85</v>
      </c>
      <c r="B82" s="21">
        <v>-1</v>
      </c>
      <c r="C82" s="22">
        <v>0</v>
      </c>
      <c r="D82" s="22">
        <v>-1</v>
      </c>
      <c r="E82" s="21">
        <v>0</v>
      </c>
      <c r="F82" s="22">
        <v>0</v>
      </c>
      <c r="G82" s="23">
        <v>0</v>
      </c>
      <c r="H82" s="22">
        <v>3</v>
      </c>
      <c r="I82" s="22">
        <v>2</v>
      </c>
      <c r="J82" s="22">
        <v>1</v>
      </c>
      <c r="K82" s="21">
        <v>4</v>
      </c>
      <c r="L82" s="53">
        <v>2</v>
      </c>
      <c r="M82" s="54">
        <v>2</v>
      </c>
    </row>
    <row r="83" spans="1:13" ht="19.5" customHeight="1">
      <c r="A83" s="34" t="s">
        <v>86</v>
      </c>
      <c r="B83" s="17">
        <v>5</v>
      </c>
      <c r="C83" s="18">
        <v>2</v>
      </c>
      <c r="D83" s="18">
        <v>3</v>
      </c>
      <c r="E83" s="17">
        <v>3</v>
      </c>
      <c r="F83" s="18">
        <v>3</v>
      </c>
      <c r="G83" s="19">
        <v>0</v>
      </c>
      <c r="H83" s="18">
        <v>19</v>
      </c>
      <c r="I83" s="18">
        <v>10</v>
      </c>
      <c r="J83" s="18">
        <v>9</v>
      </c>
      <c r="K83" s="17">
        <v>11</v>
      </c>
      <c r="L83" s="51">
        <v>5</v>
      </c>
      <c r="M83" s="52">
        <v>6</v>
      </c>
    </row>
    <row r="84" spans="1:13">
      <c r="A84" s="40" t="s">
        <v>87</v>
      </c>
      <c r="B84" s="21">
        <v>2</v>
      </c>
      <c r="C84" s="22">
        <v>0</v>
      </c>
      <c r="D84" s="22">
        <v>2</v>
      </c>
      <c r="E84" s="21">
        <v>0</v>
      </c>
      <c r="F84" s="22">
        <v>0</v>
      </c>
      <c r="G84" s="23">
        <v>0</v>
      </c>
      <c r="H84" s="22">
        <v>4</v>
      </c>
      <c r="I84" s="22">
        <v>1</v>
      </c>
      <c r="J84" s="22">
        <v>3</v>
      </c>
      <c r="K84" s="21">
        <v>2</v>
      </c>
      <c r="L84" s="53">
        <v>1</v>
      </c>
      <c r="M84" s="54">
        <v>1</v>
      </c>
    </row>
    <row r="85" spans="1:13">
      <c r="A85" s="40" t="s">
        <v>88</v>
      </c>
      <c r="B85" s="21">
        <v>1</v>
      </c>
      <c r="C85" s="22">
        <v>2</v>
      </c>
      <c r="D85" s="22">
        <v>-1</v>
      </c>
      <c r="E85" s="21">
        <v>0</v>
      </c>
      <c r="F85" s="22">
        <v>0</v>
      </c>
      <c r="G85" s="23">
        <v>0</v>
      </c>
      <c r="H85" s="22">
        <v>2</v>
      </c>
      <c r="I85" s="22">
        <v>2</v>
      </c>
      <c r="J85" s="22">
        <v>0</v>
      </c>
      <c r="K85" s="21">
        <v>1</v>
      </c>
      <c r="L85" s="53">
        <v>0</v>
      </c>
      <c r="M85" s="54">
        <v>1</v>
      </c>
    </row>
    <row r="86" spans="1:13">
      <c r="A86" s="40" t="s">
        <v>89</v>
      </c>
      <c r="B86" s="21">
        <v>1</v>
      </c>
      <c r="C86" s="22">
        <v>-1</v>
      </c>
      <c r="D86" s="22">
        <v>2</v>
      </c>
      <c r="E86" s="21">
        <v>0</v>
      </c>
      <c r="F86" s="22">
        <v>0</v>
      </c>
      <c r="G86" s="23">
        <v>0</v>
      </c>
      <c r="H86" s="22">
        <v>5</v>
      </c>
      <c r="I86" s="22">
        <v>2</v>
      </c>
      <c r="J86" s="22">
        <v>3</v>
      </c>
      <c r="K86" s="21">
        <v>4</v>
      </c>
      <c r="L86" s="53">
        <v>3</v>
      </c>
      <c r="M86" s="54">
        <v>1</v>
      </c>
    </row>
    <row r="87" spans="1:13">
      <c r="A87" s="40" t="s">
        <v>90</v>
      </c>
      <c r="B87" s="21">
        <v>0</v>
      </c>
      <c r="C87" s="22">
        <v>-1</v>
      </c>
      <c r="D87" s="22">
        <v>1</v>
      </c>
      <c r="E87" s="21">
        <v>3</v>
      </c>
      <c r="F87" s="22">
        <v>3</v>
      </c>
      <c r="G87" s="23">
        <v>0</v>
      </c>
      <c r="H87" s="22">
        <v>5</v>
      </c>
      <c r="I87" s="22">
        <v>3</v>
      </c>
      <c r="J87" s="22">
        <v>2</v>
      </c>
      <c r="K87" s="21">
        <v>2</v>
      </c>
      <c r="L87" s="53">
        <v>1</v>
      </c>
      <c r="M87" s="54">
        <v>1</v>
      </c>
    </row>
    <row r="88" spans="1:13">
      <c r="A88" s="40" t="s">
        <v>91</v>
      </c>
      <c r="B88" s="21">
        <v>1</v>
      </c>
      <c r="C88" s="22">
        <v>2</v>
      </c>
      <c r="D88" s="22">
        <v>-1</v>
      </c>
      <c r="E88" s="21">
        <v>0</v>
      </c>
      <c r="F88" s="22">
        <v>0</v>
      </c>
      <c r="G88" s="23">
        <v>0</v>
      </c>
      <c r="H88" s="22">
        <v>3</v>
      </c>
      <c r="I88" s="22">
        <v>2</v>
      </c>
      <c r="J88" s="22">
        <v>1</v>
      </c>
      <c r="K88" s="21">
        <v>2</v>
      </c>
      <c r="L88" s="53">
        <v>0</v>
      </c>
      <c r="M88" s="54">
        <v>2</v>
      </c>
    </row>
    <row r="89" spans="1:13" ht="19.5" customHeight="1">
      <c r="A89" s="34" t="s">
        <v>92</v>
      </c>
      <c r="B89" s="17">
        <v>4</v>
      </c>
      <c r="C89" s="18">
        <v>1</v>
      </c>
      <c r="D89" s="18">
        <v>3</v>
      </c>
      <c r="E89" s="17">
        <v>6</v>
      </c>
      <c r="F89" s="18">
        <v>4</v>
      </c>
      <c r="G89" s="19">
        <v>2</v>
      </c>
      <c r="H89" s="18">
        <v>17</v>
      </c>
      <c r="I89" s="18">
        <v>10</v>
      </c>
      <c r="J89" s="18">
        <v>7</v>
      </c>
      <c r="K89" s="17">
        <v>7</v>
      </c>
      <c r="L89" s="51">
        <v>5</v>
      </c>
      <c r="M89" s="52">
        <v>2</v>
      </c>
    </row>
    <row r="90" spans="1:13">
      <c r="A90" s="40" t="s">
        <v>93</v>
      </c>
      <c r="B90" s="21">
        <v>-1</v>
      </c>
      <c r="C90" s="22">
        <v>-2</v>
      </c>
      <c r="D90" s="22">
        <v>1</v>
      </c>
      <c r="E90" s="21">
        <v>1</v>
      </c>
      <c r="F90" s="22">
        <v>1</v>
      </c>
      <c r="G90" s="23">
        <v>0</v>
      </c>
      <c r="H90" s="22">
        <v>3</v>
      </c>
      <c r="I90" s="22">
        <v>1</v>
      </c>
      <c r="J90" s="22">
        <v>2</v>
      </c>
      <c r="K90" s="21">
        <v>3</v>
      </c>
      <c r="L90" s="53">
        <v>2</v>
      </c>
      <c r="M90" s="54">
        <v>1</v>
      </c>
    </row>
    <row r="91" spans="1:13">
      <c r="A91" s="40" t="s">
        <v>94</v>
      </c>
      <c r="B91" s="21">
        <v>3</v>
      </c>
      <c r="C91" s="22">
        <v>2</v>
      </c>
      <c r="D91" s="22">
        <v>1</v>
      </c>
      <c r="E91" s="21">
        <v>0</v>
      </c>
      <c r="F91" s="22">
        <v>0</v>
      </c>
      <c r="G91" s="23">
        <v>0</v>
      </c>
      <c r="H91" s="22">
        <v>4</v>
      </c>
      <c r="I91" s="22">
        <v>2</v>
      </c>
      <c r="J91" s="22">
        <v>2</v>
      </c>
      <c r="K91" s="21">
        <v>1</v>
      </c>
      <c r="L91" s="53">
        <v>0</v>
      </c>
      <c r="M91" s="54">
        <v>1</v>
      </c>
    </row>
    <row r="92" spans="1:13">
      <c r="A92" s="40" t="s">
        <v>95</v>
      </c>
      <c r="B92" s="21">
        <v>3</v>
      </c>
      <c r="C92" s="22">
        <v>4</v>
      </c>
      <c r="D92" s="22">
        <v>-1</v>
      </c>
      <c r="E92" s="21">
        <v>2</v>
      </c>
      <c r="F92" s="22">
        <v>0</v>
      </c>
      <c r="G92" s="23">
        <v>2</v>
      </c>
      <c r="H92" s="22">
        <v>5</v>
      </c>
      <c r="I92" s="22">
        <v>4</v>
      </c>
      <c r="J92" s="22">
        <v>1</v>
      </c>
      <c r="K92" s="21">
        <v>0</v>
      </c>
      <c r="L92" s="53">
        <v>0</v>
      </c>
      <c r="M92" s="54">
        <v>0</v>
      </c>
    </row>
    <row r="93" spans="1:13">
      <c r="A93" s="40" t="s">
        <v>96</v>
      </c>
      <c r="B93" s="21">
        <v>1</v>
      </c>
      <c r="C93" s="22">
        <v>-1</v>
      </c>
      <c r="D93" s="22">
        <v>2</v>
      </c>
      <c r="E93" s="21">
        <v>2</v>
      </c>
      <c r="F93" s="22">
        <v>2</v>
      </c>
      <c r="G93" s="23">
        <v>0</v>
      </c>
      <c r="H93" s="22">
        <v>4</v>
      </c>
      <c r="I93" s="22">
        <v>2</v>
      </c>
      <c r="J93" s="22">
        <v>2</v>
      </c>
      <c r="K93" s="21">
        <v>1</v>
      </c>
      <c r="L93" s="53">
        <v>1</v>
      </c>
      <c r="M93" s="54">
        <v>0</v>
      </c>
    </row>
    <row r="94" spans="1:13">
      <c r="A94" s="40" t="s">
        <v>97</v>
      </c>
      <c r="B94" s="21">
        <v>-2</v>
      </c>
      <c r="C94" s="22">
        <v>-2</v>
      </c>
      <c r="D94" s="22">
        <v>0</v>
      </c>
      <c r="E94" s="21">
        <v>1</v>
      </c>
      <c r="F94" s="22">
        <v>1</v>
      </c>
      <c r="G94" s="23">
        <v>0</v>
      </c>
      <c r="H94" s="22">
        <v>1</v>
      </c>
      <c r="I94" s="22">
        <v>1</v>
      </c>
      <c r="J94" s="22">
        <v>0</v>
      </c>
      <c r="K94" s="21">
        <v>2</v>
      </c>
      <c r="L94" s="53">
        <v>2</v>
      </c>
      <c r="M94" s="54">
        <v>0</v>
      </c>
    </row>
    <row r="95" spans="1:13" ht="19.5" customHeight="1">
      <c r="A95" s="34" t="s">
        <v>98</v>
      </c>
      <c r="B95" s="17">
        <v>-8</v>
      </c>
      <c r="C95" s="18">
        <v>-6</v>
      </c>
      <c r="D95" s="18">
        <v>-2</v>
      </c>
      <c r="E95" s="17">
        <v>5</v>
      </c>
      <c r="F95" s="18">
        <v>5</v>
      </c>
      <c r="G95" s="19">
        <v>0</v>
      </c>
      <c r="H95" s="18">
        <v>5</v>
      </c>
      <c r="I95" s="18">
        <v>3</v>
      </c>
      <c r="J95" s="18">
        <v>2</v>
      </c>
      <c r="K95" s="17">
        <v>8</v>
      </c>
      <c r="L95" s="51">
        <v>4</v>
      </c>
      <c r="M95" s="52">
        <v>4</v>
      </c>
    </row>
    <row r="96" spans="1:13">
      <c r="A96" s="40" t="s">
        <v>99</v>
      </c>
      <c r="B96" s="21">
        <v>2</v>
      </c>
      <c r="C96" s="22">
        <v>2</v>
      </c>
      <c r="D96" s="22">
        <v>0</v>
      </c>
      <c r="E96" s="21">
        <v>0</v>
      </c>
      <c r="F96" s="22">
        <v>0</v>
      </c>
      <c r="G96" s="23">
        <v>0</v>
      </c>
      <c r="H96" s="22">
        <v>3</v>
      </c>
      <c r="I96" s="22">
        <v>2</v>
      </c>
      <c r="J96" s="22">
        <v>1</v>
      </c>
      <c r="K96" s="21">
        <v>1</v>
      </c>
      <c r="L96" s="53">
        <v>0</v>
      </c>
      <c r="M96" s="54">
        <v>1</v>
      </c>
    </row>
    <row r="97" spans="1:13">
      <c r="A97" s="40" t="s">
        <v>100</v>
      </c>
      <c r="B97" s="21">
        <v>-1</v>
      </c>
      <c r="C97" s="22">
        <v>0</v>
      </c>
      <c r="D97" s="22">
        <v>-1</v>
      </c>
      <c r="E97" s="21">
        <v>0</v>
      </c>
      <c r="F97" s="22">
        <v>0</v>
      </c>
      <c r="G97" s="23">
        <v>0</v>
      </c>
      <c r="H97" s="22">
        <v>1</v>
      </c>
      <c r="I97" s="22">
        <v>1</v>
      </c>
      <c r="J97" s="22">
        <v>0</v>
      </c>
      <c r="K97" s="21">
        <v>2</v>
      </c>
      <c r="L97" s="53">
        <v>1</v>
      </c>
      <c r="M97" s="54">
        <v>1</v>
      </c>
    </row>
    <row r="98" spans="1:13">
      <c r="A98" s="40" t="s">
        <v>101</v>
      </c>
      <c r="B98" s="21">
        <v>-4</v>
      </c>
      <c r="C98" s="22">
        <v>-3</v>
      </c>
      <c r="D98" s="22">
        <v>-1</v>
      </c>
      <c r="E98" s="21">
        <v>2</v>
      </c>
      <c r="F98" s="22">
        <v>2</v>
      </c>
      <c r="G98" s="23">
        <v>0</v>
      </c>
      <c r="H98" s="22">
        <v>0</v>
      </c>
      <c r="I98" s="22">
        <v>0</v>
      </c>
      <c r="J98" s="22">
        <v>0</v>
      </c>
      <c r="K98" s="21">
        <v>2</v>
      </c>
      <c r="L98" s="53">
        <v>1</v>
      </c>
      <c r="M98" s="54">
        <v>1</v>
      </c>
    </row>
    <row r="99" spans="1:13">
      <c r="A99" s="40" t="s">
        <v>102</v>
      </c>
      <c r="B99" s="21">
        <v>-2</v>
      </c>
      <c r="C99" s="22">
        <v>-3</v>
      </c>
      <c r="D99" s="22">
        <v>1</v>
      </c>
      <c r="E99" s="21">
        <v>2</v>
      </c>
      <c r="F99" s="22">
        <v>2</v>
      </c>
      <c r="G99" s="23">
        <v>0</v>
      </c>
      <c r="H99" s="22">
        <v>1</v>
      </c>
      <c r="I99" s="22">
        <v>0</v>
      </c>
      <c r="J99" s="22">
        <v>1</v>
      </c>
      <c r="K99" s="21">
        <v>1</v>
      </c>
      <c r="L99" s="53">
        <v>1</v>
      </c>
      <c r="M99" s="54">
        <v>0</v>
      </c>
    </row>
    <row r="100" spans="1:13">
      <c r="A100" s="40" t="s">
        <v>103</v>
      </c>
      <c r="B100" s="21">
        <v>-3</v>
      </c>
      <c r="C100" s="22">
        <v>-2</v>
      </c>
      <c r="D100" s="22">
        <v>-1</v>
      </c>
      <c r="E100" s="21">
        <v>1</v>
      </c>
      <c r="F100" s="22">
        <v>1</v>
      </c>
      <c r="G100" s="23">
        <v>0</v>
      </c>
      <c r="H100" s="22">
        <v>0</v>
      </c>
      <c r="I100" s="22">
        <v>0</v>
      </c>
      <c r="J100" s="22">
        <v>0</v>
      </c>
      <c r="K100" s="21">
        <v>2</v>
      </c>
      <c r="L100" s="53">
        <v>1</v>
      </c>
      <c r="M100" s="54">
        <v>1</v>
      </c>
    </row>
    <row r="101" spans="1:13" ht="19.5" customHeight="1">
      <c r="A101" s="34" t="s">
        <v>104</v>
      </c>
      <c r="B101" s="17">
        <v>-7</v>
      </c>
      <c r="C101" s="18">
        <v>-6</v>
      </c>
      <c r="D101" s="18">
        <v>-1</v>
      </c>
      <c r="E101" s="17">
        <v>15</v>
      </c>
      <c r="F101" s="18">
        <v>9</v>
      </c>
      <c r="G101" s="19">
        <v>6</v>
      </c>
      <c r="H101" s="18">
        <v>14</v>
      </c>
      <c r="I101" s="18">
        <v>6</v>
      </c>
      <c r="J101" s="18">
        <v>8</v>
      </c>
      <c r="K101" s="17">
        <v>6</v>
      </c>
      <c r="L101" s="51">
        <v>3</v>
      </c>
      <c r="M101" s="52">
        <v>3</v>
      </c>
    </row>
    <row r="102" spans="1:13">
      <c r="A102" s="40" t="s">
        <v>105</v>
      </c>
      <c r="B102" s="21">
        <v>1</v>
      </c>
      <c r="C102" s="22">
        <v>-3</v>
      </c>
      <c r="D102" s="22">
        <v>4</v>
      </c>
      <c r="E102" s="21">
        <v>3</v>
      </c>
      <c r="F102" s="22">
        <v>3</v>
      </c>
      <c r="G102" s="23">
        <v>0</v>
      </c>
      <c r="H102" s="22">
        <v>4</v>
      </c>
      <c r="I102" s="22">
        <v>0</v>
      </c>
      <c r="J102" s="22">
        <v>4</v>
      </c>
      <c r="K102" s="21">
        <v>0</v>
      </c>
      <c r="L102" s="53">
        <v>0</v>
      </c>
      <c r="M102" s="54">
        <v>0</v>
      </c>
    </row>
    <row r="103" spans="1:13">
      <c r="A103" s="40" t="s">
        <v>106</v>
      </c>
      <c r="B103" s="21">
        <v>1</v>
      </c>
      <c r="C103" s="22">
        <v>1</v>
      </c>
      <c r="D103" s="22">
        <v>0</v>
      </c>
      <c r="E103" s="21">
        <v>2</v>
      </c>
      <c r="F103" s="22">
        <v>1</v>
      </c>
      <c r="G103" s="23">
        <v>1</v>
      </c>
      <c r="H103" s="22">
        <v>4</v>
      </c>
      <c r="I103" s="22">
        <v>2</v>
      </c>
      <c r="J103" s="22">
        <v>2</v>
      </c>
      <c r="K103" s="21">
        <v>1</v>
      </c>
      <c r="L103" s="53">
        <v>0</v>
      </c>
      <c r="M103" s="54">
        <v>1</v>
      </c>
    </row>
    <row r="104" spans="1:13">
      <c r="A104" s="40" t="s">
        <v>107</v>
      </c>
      <c r="B104" s="21">
        <v>-1</v>
      </c>
      <c r="C104" s="22">
        <v>0</v>
      </c>
      <c r="D104" s="22">
        <v>-1</v>
      </c>
      <c r="E104" s="21">
        <v>4</v>
      </c>
      <c r="F104" s="22">
        <v>2</v>
      </c>
      <c r="G104" s="23">
        <v>2</v>
      </c>
      <c r="H104" s="22">
        <v>4</v>
      </c>
      <c r="I104" s="22">
        <v>3</v>
      </c>
      <c r="J104" s="22">
        <v>1</v>
      </c>
      <c r="K104" s="21">
        <v>1</v>
      </c>
      <c r="L104" s="53">
        <v>1</v>
      </c>
      <c r="M104" s="54">
        <v>0</v>
      </c>
    </row>
    <row r="105" spans="1:13">
      <c r="A105" s="40" t="s">
        <v>108</v>
      </c>
      <c r="B105" s="21">
        <v>-4</v>
      </c>
      <c r="C105" s="22">
        <v>-3</v>
      </c>
      <c r="D105" s="22">
        <v>-1</v>
      </c>
      <c r="E105" s="21">
        <v>2</v>
      </c>
      <c r="F105" s="22">
        <v>2</v>
      </c>
      <c r="G105" s="23">
        <v>0</v>
      </c>
      <c r="H105" s="22">
        <v>0</v>
      </c>
      <c r="I105" s="22">
        <v>0</v>
      </c>
      <c r="J105" s="22">
        <v>0</v>
      </c>
      <c r="K105" s="21">
        <v>2</v>
      </c>
      <c r="L105" s="53">
        <v>1</v>
      </c>
      <c r="M105" s="54">
        <v>1</v>
      </c>
    </row>
    <row r="106" spans="1:13">
      <c r="A106" s="40" t="s">
        <v>109</v>
      </c>
      <c r="B106" s="21">
        <v>-4</v>
      </c>
      <c r="C106" s="22">
        <v>-1</v>
      </c>
      <c r="D106" s="22">
        <v>-3</v>
      </c>
      <c r="E106" s="21">
        <v>4</v>
      </c>
      <c r="F106" s="22">
        <v>1</v>
      </c>
      <c r="G106" s="23">
        <v>3</v>
      </c>
      <c r="H106" s="22">
        <v>2</v>
      </c>
      <c r="I106" s="22">
        <v>1</v>
      </c>
      <c r="J106" s="22">
        <v>1</v>
      </c>
      <c r="K106" s="21">
        <v>2</v>
      </c>
      <c r="L106" s="53">
        <v>1</v>
      </c>
      <c r="M106" s="54">
        <v>1</v>
      </c>
    </row>
    <row r="107" spans="1:13" ht="19.5" customHeight="1">
      <c r="A107" s="34" t="s">
        <v>110</v>
      </c>
      <c r="B107" s="17">
        <v>-16</v>
      </c>
      <c r="C107" s="18">
        <v>-6</v>
      </c>
      <c r="D107" s="18">
        <v>-10</v>
      </c>
      <c r="E107" s="17">
        <v>18</v>
      </c>
      <c r="F107" s="18">
        <v>10</v>
      </c>
      <c r="G107" s="19">
        <v>8</v>
      </c>
      <c r="H107" s="18">
        <v>9</v>
      </c>
      <c r="I107" s="18">
        <v>6</v>
      </c>
      <c r="J107" s="18">
        <v>3</v>
      </c>
      <c r="K107" s="17">
        <v>7</v>
      </c>
      <c r="L107" s="51">
        <v>2</v>
      </c>
      <c r="M107" s="52">
        <v>5</v>
      </c>
    </row>
    <row r="108" spans="1:13">
      <c r="A108" s="40" t="s">
        <v>111</v>
      </c>
      <c r="B108" s="21">
        <v>-4</v>
      </c>
      <c r="C108" s="22">
        <v>-3</v>
      </c>
      <c r="D108" s="22">
        <v>-1</v>
      </c>
      <c r="E108" s="21">
        <v>2</v>
      </c>
      <c r="F108" s="22">
        <v>2</v>
      </c>
      <c r="G108" s="23">
        <v>0</v>
      </c>
      <c r="H108" s="22">
        <v>0</v>
      </c>
      <c r="I108" s="22">
        <v>0</v>
      </c>
      <c r="J108" s="22">
        <v>0</v>
      </c>
      <c r="K108" s="21">
        <v>2</v>
      </c>
      <c r="L108" s="53">
        <v>1</v>
      </c>
      <c r="M108" s="54">
        <v>1</v>
      </c>
    </row>
    <row r="109" spans="1:13">
      <c r="A109" s="40" t="s">
        <v>112</v>
      </c>
      <c r="B109" s="21">
        <v>0</v>
      </c>
      <c r="C109" s="22">
        <v>2</v>
      </c>
      <c r="D109" s="22">
        <v>-2</v>
      </c>
      <c r="E109" s="21">
        <v>3</v>
      </c>
      <c r="F109" s="22">
        <v>1</v>
      </c>
      <c r="G109" s="23">
        <v>2</v>
      </c>
      <c r="H109" s="22">
        <v>4</v>
      </c>
      <c r="I109" s="22">
        <v>3</v>
      </c>
      <c r="J109" s="22">
        <v>1</v>
      </c>
      <c r="K109" s="21">
        <v>1</v>
      </c>
      <c r="L109" s="53">
        <v>0</v>
      </c>
      <c r="M109" s="54">
        <v>1</v>
      </c>
    </row>
    <row r="110" spans="1:13">
      <c r="A110" s="40" t="s">
        <v>113</v>
      </c>
      <c r="B110" s="21">
        <v>-9</v>
      </c>
      <c r="C110" s="22">
        <v>-3</v>
      </c>
      <c r="D110" s="22">
        <v>-6</v>
      </c>
      <c r="E110" s="21">
        <v>8</v>
      </c>
      <c r="F110" s="22">
        <v>3</v>
      </c>
      <c r="G110" s="23">
        <v>5</v>
      </c>
      <c r="H110" s="22">
        <v>1</v>
      </c>
      <c r="I110" s="22">
        <v>0</v>
      </c>
      <c r="J110" s="22">
        <v>1</v>
      </c>
      <c r="K110" s="21">
        <v>2</v>
      </c>
      <c r="L110" s="53">
        <v>0</v>
      </c>
      <c r="M110" s="54">
        <v>2</v>
      </c>
    </row>
    <row r="111" spans="1:13">
      <c r="A111" s="40" t="s">
        <v>114</v>
      </c>
      <c r="B111" s="21">
        <v>-1</v>
      </c>
      <c r="C111" s="22">
        <v>-1</v>
      </c>
      <c r="D111" s="22">
        <v>0</v>
      </c>
      <c r="E111" s="21">
        <v>2</v>
      </c>
      <c r="F111" s="22">
        <v>1</v>
      </c>
      <c r="G111" s="23">
        <v>1</v>
      </c>
      <c r="H111" s="22">
        <v>1</v>
      </c>
      <c r="I111" s="22">
        <v>0</v>
      </c>
      <c r="J111" s="22">
        <v>1</v>
      </c>
      <c r="K111" s="21">
        <v>0</v>
      </c>
      <c r="L111" s="53">
        <v>0</v>
      </c>
      <c r="M111" s="54">
        <v>0</v>
      </c>
    </row>
    <row r="112" spans="1:13">
      <c r="A112" s="40" t="s">
        <v>115</v>
      </c>
      <c r="B112" s="21">
        <v>-2</v>
      </c>
      <c r="C112" s="22">
        <v>-1</v>
      </c>
      <c r="D112" s="22">
        <v>-1</v>
      </c>
      <c r="E112" s="21">
        <v>3</v>
      </c>
      <c r="F112" s="22">
        <v>3</v>
      </c>
      <c r="G112" s="23">
        <v>0</v>
      </c>
      <c r="H112" s="22">
        <v>3</v>
      </c>
      <c r="I112" s="22">
        <v>3</v>
      </c>
      <c r="J112" s="22">
        <v>0</v>
      </c>
      <c r="K112" s="21">
        <v>2</v>
      </c>
      <c r="L112" s="53">
        <v>1</v>
      </c>
      <c r="M112" s="54">
        <v>1</v>
      </c>
    </row>
    <row r="113" spans="1:13" ht="19.5" customHeight="1">
      <c r="A113" s="34" t="s">
        <v>116</v>
      </c>
      <c r="B113" s="17">
        <v>-25</v>
      </c>
      <c r="C113" s="18">
        <v>-15</v>
      </c>
      <c r="D113" s="18">
        <v>-10</v>
      </c>
      <c r="E113" s="17">
        <v>23</v>
      </c>
      <c r="F113" s="18">
        <v>15</v>
      </c>
      <c r="G113" s="19">
        <v>8</v>
      </c>
      <c r="H113" s="18">
        <v>5</v>
      </c>
      <c r="I113" s="18">
        <v>3</v>
      </c>
      <c r="J113" s="18">
        <v>2</v>
      </c>
      <c r="K113" s="17">
        <v>7</v>
      </c>
      <c r="L113" s="51">
        <v>3</v>
      </c>
      <c r="M113" s="52">
        <v>4</v>
      </c>
    </row>
    <row r="114" spans="1:13">
      <c r="A114" s="40" t="s">
        <v>117</v>
      </c>
      <c r="B114" s="21">
        <v>-8</v>
      </c>
      <c r="C114" s="22">
        <v>-7</v>
      </c>
      <c r="D114" s="22">
        <v>-1</v>
      </c>
      <c r="E114" s="21">
        <v>6</v>
      </c>
      <c r="F114" s="22">
        <v>5</v>
      </c>
      <c r="G114" s="23">
        <v>1</v>
      </c>
      <c r="H114" s="22">
        <v>1</v>
      </c>
      <c r="I114" s="22">
        <v>1</v>
      </c>
      <c r="J114" s="22">
        <v>0</v>
      </c>
      <c r="K114" s="21">
        <v>3</v>
      </c>
      <c r="L114" s="53">
        <v>3</v>
      </c>
      <c r="M114" s="54">
        <v>0</v>
      </c>
    </row>
    <row r="115" spans="1:13">
      <c r="A115" s="40" t="s">
        <v>118</v>
      </c>
      <c r="B115" s="21">
        <v>-5</v>
      </c>
      <c r="C115" s="22">
        <v>-4</v>
      </c>
      <c r="D115" s="22">
        <v>-1</v>
      </c>
      <c r="E115" s="21">
        <v>4</v>
      </c>
      <c r="F115" s="22">
        <v>4</v>
      </c>
      <c r="G115" s="23">
        <v>0</v>
      </c>
      <c r="H115" s="22">
        <v>0</v>
      </c>
      <c r="I115" s="22">
        <v>0</v>
      </c>
      <c r="J115" s="22">
        <v>0</v>
      </c>
      <c r="K115" s="21">
        <v>1</v>
      </c>
      <c r="L115" s="53">
        <v>0</v>
      </c>
      <c r="M115" s="54">
        <v>1</v>
      </c>
    </row>
    <row r="116" spans="1:13">
      <c r="A116" s="40" t="s">
        <v>119</v>
      </c>
      <c r="B116" s="21">
        <v>-6</v>
      </c>
      <c r="C116" s="22">
        <v>-2</v>
      </c>
      <c r="D116" s="22">
        <v>-4</v>
      </c>
      <c r="E116" s="21">
        <v>5</v>
      </c>
      <c r="F116" s="22">
        <v>3</v>
      </c>
      <c r="G116" s="23">
        <v>2</v>
      </c>
      <c r="H116" s="22">
        <v>1</v>
      </c>
      <c r="I116" s="22">
        <v>1</v>
      </c>
      <c r="J116" s="22">
        <v>0</v>
      </c>
      <c r="K116" s="21">
        <v>2</v>
      </c>
      <c r="L116" s="53">
        <v>0</v>
      </c>
      <c r="M116" s="54">
        <v>2</v>
      </c>
    </row>
    <row r="117" spans="1:13">
      <c r="A117" s="40" t="s">
        <v>120</v>
      </c>
      <c r="B117" s="21">
        <v>-1</v>
      </c>
      <c r="C117" s="22">
        <v>0</v>
      </c>
      <c r="D117" s="22">
        <v>-1</v>
      </c>
      <c r="E117" s="21">
        <v>3</v>
      </c>
      <c r="F117" s="22">
        <v>1</v>
      </c>
      <c r="G117" s="23">
        <v>2</v>
      </c>
      <c r="H117" s="22">
        <v>2</v>
      </c>
      <c r="I117" s="22">
        <v>1</v>
      </c>
      <c r="J117" s="22">
        <v>1</v>
      </c>
      <c r="K117" s="21">
        <v>0</v>
      </c>
      <c r="L117" s="53">
        <v>0</v>
      </c>
      <c r="M117" s="54">
        <v>0</v>
      </c>
    </row>
    <row r="118" spans="1:13">
      <c r="A118" s="40" t="s">
        <v>121</v>
      </c>
      <c r="B118" s="21">
        <v>-5</v>
      </c>
      <c r="C118" s="22">
        <v>-2</v>
      </c>
      <c r="D118" s="22">
        <v>-3</v>
      </c>
      <c r="E118" s="21">
        <v>5</v>
      </c>
      <c r="F118" s="22">
        <v>2</v>
      </c>
      <c r="G118" s="23">
        <v>3</v>
      </c>
      <c r="H118" s="22">
        <v>1</v>
      </c>
      <c r="I118" s="22">
        <v>0</v>
      </c>
      <c r="J118" s="22">
        <v>1</v>
      </c>
      <c r="K118" s="21">
        <v>1</v>
      </c>
      <c r="L118" s="53">
        <v>0</v>
      </c>
      <c r="M118" s="54">
        <v>1</v>
      </c>
    </row>
    <row r="119" spans="1:13" ht="19.5" customHeight="1">
      <c r="A119" s="34" t="s">
        <v>122</v>
      </c>
      <c r="B119" s="17">
        <v>-28</v>
      </c>
      <c r="C119" s="18">
        <v>-12</v>
      </c>
      <c r="D119" s="18">
        <v>-16</v>
      </c>
      <c r="E119" s="17">
        <v>28</v>
      </c>
      <c r="F119" s="18">
        <v>12</v>
      </c>
      <c r="G119" s="19">
        <v>16</v>
      </c>
      <c r="H119" s="18">
        <v>6</v>
      </c>
      <c r="I119" s="18">
        <v>1</v>
      </c>
      <c r="J119" s="18">
        <v>5</v>
      </c>
      <c r="K119" s="17">
        <v>6</v>
      </c>
      <c r="L119" s="51">
        <v>1</v>
      </c>
      <c r="M119" s="52">
        <v>5</v>
      </c>
    </row>
    <row r="120" spans="1:13">
      <c r="A120" s="40" t="s">
        <v>123</v>
      </c>
      <c r="B120" s="21">
        <v>-5</v>
      </c>
      <c r="C120" s="22">
        <v>-3</v>
      </c>
      <c r="D120" s="22">
        <v>-2</v>
      </c>
      <c r="E120" s="21">
        <v>4</v>
      </c>
      <c r="F120" s="22">
        <v>3</v>
      </c>
      <c r="G120" s="23">
        <v>1</v>
      </c>
      <c r="H120" s="22">
        <v>2</v>
      </c>
      <c r="I120" s="22">
        <v>1</v>
      </c>
      <c r="J120" s="22">
        <v>1</v>
      </c>
      <c r="K120" s="21">
        <v>3</v>
      </c>
      <c r="L120" s="53">
        <v>1</v>
      </c>
      <c r="M120" s="54">
        <v>2</v>
      </c>
    </row>
    <row r="121" spans="1:13">
      <c r="A121" s="40" t="s">
        <v>124</v>
      </c>
      <c r="B121" s="21">
        <v>-3</v>
      </c>
      <c r="C121" s="22">
        <v>-1</v>
      </c>
      <c r="D121" s="22">
        <v>-2</v>
      </c>
      <c r="E121" s="21">
        <v>4</v>
      </c>
      <c r="F121" s="22">
        <v>1</v>
      </c>
      <c r="G121" s="23">
        <v>3</v>
      </c>
      <c r="H121" s="22">
        <v>1</v>
      </c>
      <c r="I121" s="22">
        <v>0</v>
      </c>
      <c r="J121" s="22">
        <v>1</v>
      </c>
      <c r="K121" s="21">
        <v>0</v>
      </c>
      <c r="L121" s="53">
        <v>0</v>
      </c>
      <c r="M121" s="54">
        <v>0</v>
      </c>
    </row>
    <row r="122" spans="1:13">
      <c r="A122" s="40" t="s">
        <v>125</v>
      </c>
      <c r="B122" s="21">
        <v>-6</v>
      </c>
      <c r="C122" s="22">
        <v>-1</v>
      </c>
      <c r="D122" s="22">
        <v>-5</v>
      </c>
      <c r="E122" s="21">
        <v>7</v>
      </c>
      <c r="F122" s="22">
        <v>1</v>
      </c>
      <c r="G122" s="23">
        <v>6</v>
      </c>
      <c r="H122" s="22">
        <v>1</v>
      </c>
      <c r="I122" s="22">
        <v>0</v>
      </c>
      <c r="J122" s="22">
        <v>1</v>
      </c>
      <c r="K122" s="21">
        <v>0</v>
      </c>
      <c r="L122" s="53">
        <v>0</v>
      </c>
      <c r="M122" s="54">
        <v>0</v>
      </c>
    </row>
    <row r="123" spans="1:13">
      <c r="A123" s="40" t="s">
        <v>126</v>
      </c>
      <c r="B123" s="21">
        <v>-6</v>
      </c>
      <c r="C123" s="22">
        <v>-3</v>
      </c>
      <c r="D123" s="22">
        <v>-3</v>
      </c>
      <c r="E123" s="21">
        <v>6</v>
      </c>
      <c r="F123" s="22">
        <v>3</v>
      </c>
      <c r="G123" s="23">
        <v>3</v>
      </c>
      <c r="H123" s="22">
        <v>2</v>
      </c>
      <c r="I123" s="22">
        <v>0</v>
      </c>
      <c r="J123" s="22">
        <v>2</v>
      </c>
      <c r="K123" s="21">
        <v>2</v>
      </c>
      <c r="L123" s="53">
        <v>0</v>
      </c>
      <c r="M123" s="54">
        <v>2</v>
      </c>
    </row>
    <row r="124" spans="1:13">
      <c r="A124" s="40" t="s">
        <v>127</v>
      </c>
      <c r="B124" s="21">
        <v>-8</v>
      </c>
      <c r="C124" s="22">
        <v>-4</v>
      </c>
      <c r="D124" s="22">
        <v>-4</v>
      </c>
      <c r="E124" s="21">
        <v>7</v>
      </c>
      <c r="F124" s="22">
        <v>4</v>
      </c>
      <c r="G124" s="23">
        <v>3</v>
      </c>
      <c r="H124" s="22">
        <v>0</v>
      </c>
      <c r="I124" s="22">
        <v>0</v>
      </c>
      <c r="J124" s="22">
        <v>0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22</v>
      </c>
      <c r="C125" s="18">
        <v>-6</v>
      </c>
      <c r="D125" s="18">
        <v>-16</v>
      </c>
      <c r="E125" s="17">
        <v>22</v>
      </c>
      <c r="F125" s="18">
        <v>7</v>
      </c>
      <c r="G125" s="19">
        <v>15</v>
      </c>
      <c r="H125" s="18">
        <v>2</v>
      </c>
      <c r="I125" s="18">
        <v>1</v>
      </c>
      <c r="J125" s="18">
        <v>1</v>
      </c>
      <c r="K125" s="17">
        <v>2</v>
      </c>
      <c r="L125" s="51">
        <v>0</v>
      </c>
      <c r="M125" s="52">
        <v>2</v>
      </c>
    </row>
    <row r="126" spans="1:13">
      <c r="A126" s="40" t="s">
        <v>129</v>
      </c>
      <c r="B126" s="21">
        <v>-8</v>
      </c>
      <c r="C126" s="22">
        <v>-2</v>
      </c>
      <c r="D126" s="22">
        <v>-6</v>
      </c>
      <c r="E126" s="21">
        <v>9</v>
      </c>
      <c r="F126" s="22">
        <v>3</v>
      </c>
      <c r="G126" s="23">
        <v>6</v>
      </c>
      <c r="H126" s="22">
        <v>2</v>
      </c>
      <c r="I126" s="22">
        <v>1</v>
      </c>
      <c r="J126" s="22">
        <v>1</v>
      </c>
      <c r="K126" s="21">
        <v>1</v>
      </c>
      <c r="L126" s="53">
        <v>0</v>
      </c>
      <c r="M126" s="54">
        <v>1</v>
      </c>
    </row>
    <row r="127" spans="1:13">
      <c r="A127" s="40" t="s">
        <v>130</v>
      </c>
      <c r="B127" s="21">
        <v>-5</v>
      </c>
      <c r="C127" s="22">
        <v>0</v>
      </c>
      <c r="D127" s="22">
        <v>-5</v>
      </c>
      <c r="E127" s="21">
        <v>4</v>
      </c>
      <c r="F127" s="22">
        <v>0</v>
      </c>
      <c r="G127" s="23">
        <v>4</v>
      </c>
      <c r="H127" s="22">
        <v>0</v>
      </c>
      <c r="I127" s="22">
        <v>0</v>
      </c>
      <c r="J127" s="22">
        <v>0</v>
      </c>
      <c r="K127" s="21">
        <v>1</v>
      </c>
      <c r="L127" s="53">
        <v>0</v>
      </c>
      <c r="M127" s="54">
        <v>1</v>
      </c>
    </row>
    <row r="128" spans="1:13">
      <c r="A128" s="40" t="s">
        <v>131</v>
      </c>
      <c r="B128" s="21">
        <v>-2</v>
      </c>
      <c r="C128" s="22">
        <v>0</v>
      </c>
      <c r="D128" s="22">
        <v>-2</v>
      </c>
      <c r="E128" s="21">
        <v>2</v>
      </c>
      <c r="F128" s="22">
        <v>0</v>
      </c>
      <c r="G128" s="23">
        <v>2</v>
      </c>
      <c r="H128" s="22">
        <v>0</v>
      </c>
      <c r="I128" s="22">
        <v>0</v>
      </c>
      <c r="J128" s="22">
        <v>0</v>
      </c>
      <c r="K128" s="21">
        <v>0</v>
      </c>
      <c r="L128" s="53">
        <v>0</v>
      </c>
      <c r="M128" s="54">
        <v>0</v>
      </c>
    </row>
    <row r="129" spans="1:13">
      <c r="A129" s="40" t="s">
        <v>132</v>
      </c>
      <c r="B129" s="21">
        <v>-4</v>
      </c>
      <c r="C129" s="22">
        <v>-3</v>
      </c>
      <c r="D129" s="22">
        <v>-1</v>
      </c>
      <c r="E129" s="21">
        <v>4</v>
      </c>
      <c r="F129" s="22">
        <v>3</v>
      </c>
      <c r="G129" s="23">
        <v>1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3</v>
      </c>
      <c r="C130" s="22">
        <v>-1</v>
      </c>
      <c r="D130" s="22">
        <v>-2</v>
      </c>
      <c r="E130" s="21">
        <v>3</v>
      </c>
      <c r="F130" s="22">
        <v>1</v>
      </c>
      <c r="G130" s="23">
        <v>2</v>
      </c>
      <c r="H130" s="22">
        <v>0</v>
      </c>
      <c r="I130" s="22">
        <v>0</v>
      </c>
      <c r="J130" s="22">
        <v>0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8</v>
      </c>
      <c r="C131" s="18">
        <v>-4</v>
      </c>
      <c r="D131" s="18">
        <v>-4</v>
      </c>
      <c r="E131" s="17">
        <v>8</v>
      </c>
      <c r="F131" s="18">
        <v>4</v>
      </c>
      <c r="G131" s="19">
        <v>4</v>
      </c>
      <c r="H131" s="18">
        <v>1</v>
      </c>
      <c r="I131" s="18">
        <v>0</v>
      </c>
      <c r="J131" s="18">
        <v>1</v>
      </c>
      <c r="K131" s="17">
        <v>1</v>
      </c>
      <c r="L131" s="51">
        <v>0</v>
      </c>
      <c r="M131" s="52">
        <v>1</v>
      </c>
    </row>
    <row r="132" spans="1:13">
      <c r="A132" s="40" t="s">
        <v>135</v>
      </c>
      <c r="B132" s="21">
        <v>-3</v>
      </c>
      <c r="C132" s="22">
        <v>-1</v>
      </c>
      <c r="D132" s="22">
        <v>-2</v>
      </c>
      <c r="E132" s="21">
        <v>4</v>
      </c>
      <c r="F132" s="22">
        <v>1</v>
      </c>
      <c r="G132" s="23">
        <v>3</v>
      </c>
      <c r="H132" s="22">
        <v>1</v>
      </c>
      <c r="I132" s="22">
        <v>0</v>
      </c>
      <c r="J132" s="22">
        <v>1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4</v>
      </c>
      <c r="C133" s="22">
        <v>-3</v>
      </c>
      <c r="D133" s="22">
        <v>-1</v>
      </c>
      <c r="E133" s="21">
        <v>4</v>
      </c>
      <c r="F133" s="22">
        <v>3</v>
      </c>
      <c r="G133" s="23">
        <v>1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0</v>
      </c>
      <c r="C134" s="22">
        <v>0</v>
      </c>
      <c r="D134" s="22">
        <v>0</v>
      </c>
      <c r="E134" s="21">
        <v>0</v>
      </c>
      <c r="F134" s="22">
        <v>0</v>
      </c>
      <c r="G134" s="23">
        <v>0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0</v>
      </c>
      <c r="C135" s="22">
        <v>0</v>
      </c>
      <c r="D135" s="22">
        <v>0</v>
      </c>
      <c r="E135" s="21">
        <v>0</v>
      </c>
      <c r="F135" s="22">
        <v>0</v>
      </c>
      <c r="G135" s="23">
        <v>0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</v>
      </c>
      <c r="C136" s="22">
        <v>0</v>
      </c>
      <c r="D136" s="22">
        <v>-1</v>
      </c>
      <c r="E136" s="21">
        <v>0</v>
      </c>
      <c r="F136" s="22">
        <v>0</v>
      </c>
      <c r="G136" s="23">
        <v>0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0</v>
      </c>
      <c r="C137" s="43">
        <v>0</v>
      </c>
      <c r="D137" s="43">
        <v>0</v>
      </c>
      <c r="E137" s="42">
        <v>1</v>
      </c>
      <c r="F137" s="43">
        <v>0</v>
      </c>
      <c r="G137" s="44">
        <v>1</v>
      </c>
      <c r="H137" s="43">
        <v>1</v>
      </c>
      <c r="I137" s="43">
        <v>0</v>
      </c>
      <c r="J137" s="43">
        <v>1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56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21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417</v>
      </c>
      <c r="C5" s="14">
        <v>-176</v>
      </c>
      <c r="D5" s="14">
        <v>-241</v>
      </c>
      <c r="E5" s="13">
        <v>439</v>
      </c>
      <c r="F5" s="14">
        <v>214</v>
      </c>
      <c r="G5" s="15">
        <v>225</v>
      </c>
      <c r="H5" s="14">
        <v>1044</v>
      </c>
      <c r="I5" s="14">
        <v>493</v>
      </c>
      <c r="J5" s="14">
        <v>551</v>
      </c>
      <c r="K5" s="13">
        <v>1105</v>
      </c>
      <c r="L5" s="49">
        <v>502</v>
      </c>
      <c r="M5" s="50">
        <v>603</v>
      </c>
    </row>
    <row r="6" spans="1:13" ht="19.5" customHeight="1">
      <c r="A6" s="16" t="s">
        <v>13</v>
      </c>
      <c r="B6" s="17">
        <v>74</v>
      </c>
      <c r="C6" s="18">
        <v>51</v>
      </c>
      <c r="D6" s="18">
        <v>23</v>
      </c>
      <c r="E6" s="17">
        <v>0</v>
      </c>
      <c r="F6" s="18">
        <v>0</v>
      </c>
      <c r="G6" s="19">
        <v>0</v>
      </c>
      <c r="H6" s="18">
        <v>39</v>
      </c>
      <c r="I6" s="18">
        <v>23</v>
      </c>
      <c r="J6" s="18">
        <v>16</v>
      </c>
      <c r="K6" s="17">
        <v>48</v>
      </c>
      <c r="L6" s="51">
        <v>19</v>
      </c>
      <c r="M6" s="52">
        <v>29</v>
      </c>
    </row>
    <row r="7" spans="1:13">
      <c r="A7" s="20" t="s">
        <v>14</v>
      </c>
      <c r="B7" s="21">
        <v>85</v>
      </c>
      <c r="C7" s="22">
        <v>47</v>
      </c>
      <c r="D7" s="22">
        <v>38</v>
      </c>
      <c r="E7" s="21">
        <v>0</v>
      </c>
      <c r="F7" s="22">
        <v>0</v>
      </c>
      <c r="G7" s="23">
        <v>0</v>
      </c>
      <c r="H7" s="22">
        <v>8</v>
      </c>
      <c r="I7" s="22">
        <v>4</v>
      </c>
      <c r="J7" s="22">
        <v>4</v>
      </c>
      <c r="K7" s="21">
        <v>6</v>
      </c>
      <c r="L7" s="53">
        <v>4</v>
      </c>
      <c r="M7" s="54">
        <v>2</v>
      </c>
    </row>
    <row r="8" spans="1:13">
      <c r="A8" s="20" t="s">
        <v>15</v>
      </c>
      <c r="B8" s="21">
        <v>-7</v>
      </c>
      <c r="C8" s="22">
        <v>-2</v>
      </c>
      <c r="D8" s="22">
        <v>-5</v>
      </c>
      <c r="E8" s="21">
        <v>0</v>
      </c>
      <c r="F8" s="22">
        <v>0</v>
      </c>
      <c r="G8" s="23">
        <v>0</v>
      </c>
      <c r="H8" s="22">
        <v>8</v>
      </c>
      <c r="I8" s="22">
        <v>4</v>
      </c>
      <c r="J8" s="22">
        <v>4</v>
      </c>
      <c r="K8" s="21">
        <v>15</v>
      </c>
      <c r="L8" s="53">
        <v>6</v>
      </c>
      <c r="M8" s="54">
        <v>9</v>
      </c>
    </row>
    <row r="9" spans="1:13">
      <c r="A9" s="20" t="s">
        <v>16</v>
      </c>
      <c r="B9" s="21">
        <v>3</v>
      </c>
      <c r="C9" s="22">
        <v>5</v>
      </c>
      <c r="D9" s="22">
        <v>-2</v>
      </c>
      <c r="E9" s="21">
        <v>0</v>
      </c>
      <c r="F9" s="22">
        <v>0</v>
      </c>
      <c r="G9" s="23">
        <v>0</v>
      </c>
      <c r="H9" s="22">
        <v>12</v>
      </c>
      <c r="I9" s="22">
        <v>8</v>
      </c>
      <c r="J9" s="22">
        <v>4</v>
      </c>
      <c r="K9" s="21">
        <v>9</v>
      </c>
      <c r="L9" s="53">
        <v>3</v>
      </c>
      <c r="M9" s="54">
        <v>6</v>
      </c>
    </row>
    <row r="10" spans="1:13">
      <c r="A10" s="20" t="s">
        <v>17</v>
      </c>
      <c r="B10" s="21">
        <v>-4</v>
      </c>
      <c r="C10" s="22">
        <v>1</v>
      </c>
      <c r="D10" s="22">
        <v>-5</v>
      </c>
      <c r="E10" s="21">
        <v>0</v>
      </c>
      <c r="F10" s="22">
        <v>0</v>
      </c>
      <c r="G10" s="23">
        <v>0</v>
      </c>
      <c r="H10" s="22">
        <v>5</v>
      </c>
      <c r="I10" s="22">
        <v>3</v>
      </c>
      <c r="J10" s="22">
        <v>2</v>
      </c>
      <c r="K10" s="21">
        <v>9</v>
      </c>
      <c r="L10" s="53">
        <v>2</v>
      </c>
      <c r="M10" s="54">
        <v>7</v>
      </c>
    </row>
    <row r="11" spans="1:13">
      <c r="A11" s="20" t="s">
        <v>18</v>
      </c>
      <c r="B11" s="21">
        <v>-3</v>
      </c>
      <c r="C11" s="22">
        <v>0</v>
      </c>
      <c r="D11" s="22">
        <v>-3</v>
      </c>
      <c r="E11" s="21">
        <v>0</v>
      </c>
      <c r="F11" s="22">
        <v>0</v>
      </c>
      <c r="G11" s="23">
        <v>0</v>
      </c>
      <c r="H11" s="22">
        <v>6</v>
      </c>
      <c r="I11" s="22">
        <v>4</v>
      </c>
      <c r="J11" s="22">
        <v>2</v>
      </c>
      <c r="K11" s="21">
        <v>9</v>
      </c>
      <c r="L11" s="53">
        <v>4</v>
      </c>
      <c r="M11" s="54">
        <v>5</v>
      </c>
    </row>
    <row r="12" spans="1:13" ht="20.100000000000001" customHeight="1">
      <c r="A12" s="16" t="s">
        <v>19</v>
      </c>
      <c r="B12" s="17">
        <v>-8</v>
      </c>
      <c r="C12" s="18">
        <v>1</v>
      </c>
      <c r="D12" s="18">
        <v>-9</v>
      </c>
      <c r="E12" s="17">
        <v>0</v>
      </c>
      <c r="F12" s="18">
        <v>0</v>
      </c>
      <c r="G12" s="19">
        <v>0</v>
      </c>
      <c r="H12" s="18">
        <v>23</v>
      </c>
      <c r="I12" s="18">
        <v>13</v>
      </c>
      <c r="J12" s="18">
        <v>10</v>
      </c>
      <c r="K12" s="17">
        <v>31</v>
      </c>
      <c r="L12" s="51">
        <v>12</v>
      </c>
      <c r="M12" s="52">
        <v>19</v>
      </c>
    </row>
    <row r="13" spans="1:13">
      <c r="A13" s="20" t="s">
        <v>20</v>
      </c>
      <c r="B13" s="21">
        <v>-3</v>
      </c>
      <c r="C13" s="22">
        <v>-1</v>
      </c>
      <c r="D13" s="22">
        <v>-2</v>
      </c>
      <c r="E13" s="21">
        <v>0</v>
      </c>
      <c r="F13" s="22">
        <v>0</v>
      </c>
      <c r="G13" s="23">
        <v>0</v>
      </c>
      <c r="H13" s="22">
        <v>6</v>
      </c>
      <c r="I13" s="22">
        <v>4</v>
      </c>
      <c r="J13" s="22">
        <v>2</v>
      </c>
      <c r="K13" s="21">
        <v>9</v>
      </c>
      <c r="L13" s="53">
        <v>5</v>
      </c>
      <c r="M13" s="54">
        <v>4</v>
      </c>
    </row>
    <row r="14" spans="1:13">
      <c r="A14" s="20" t="s">
        <v>21</v>
      </c>
      <c r="B14" s="21">
        <v>-4</v>
      </c>
      <c r="C14" s="22">
        <v>-1</v>
      </c>
      <c r="D14" s="22">
        <v>-3</v>
      </c>
      <c r="E14" s="21">
        <v>0</v>
      </c>
      <c r="F14" s="22">
        <v>0</v>
      </c>
      <c r="G14" s="23">
        <v>0</v>
      </c>
      <c r="H14" s="22">
        <v>6</v>
      </c>
      <c r="I14" s="22">
        <v>3</v>
      </c>
      <c r="J14" s="22">
        <v>3</v>
      </c>
      <c r="K14" s="21">
        <v>10</v>
      </c>
      <c r="L14" s="53">
        <v>4</v>
      </c>
      <c r="M14" s="54">
        <v>6</v>
      </c>
    </row>
    <row r="15" spans="1:13">
      <c r="A15" s="20" t="s">
        <v>22</v>
      </c>
      <c r="B15" s="21">
        <v>0</v>
      </c>
      <c r="C15" s="22">
        <v>1</v>
      </c>
      <c r="D15" s="22">
        <v>-1</v>
      </c>
      <c r="E15" s="21">
        <v>0</v>
      </c>
      <c r="F15" s="22">
        <v>0</v>
      </c>
      <c r="G15" s="23">
        <v>0</v>
      </c>
      <c r="H15" s="22">
        <v>7</v>
      </c>
      <c r="I15" s="22">
        <v>3</v>
      </c>
      <c r="J15" s="22">
        <v>4</v>
      </c>
      <c r="K15" s="21">
        <v>7</v>
      </c>
      <c r="L15" s="53">
        <v>2</v>
      </c>
      <c r="M15" s="54">
        <v>5</v>
      </c>
    </row>
    <row r="16" spans="1:13">
      <c r="A16" s="20" t="s">
        <v>23</v>
      </c>
      <c r="B16" s="21">
        <v>-2</v>
      </c>
      <c r="C16" s="22">
        <v>0</v>
      </c>
      <c r="D16" s="22">
        <v>-2</v>
      </c>
      <c r="E16" s="21">
        <v>0</v>
      </c>
      <c r="F16" s="22">
        <v>0</v>
      </c>
      <c r="G16" s="23">
        <v>0</v>
      </c>
      <c r="H16" s="22">
        <v>1</v>
      </c>
      <c r="I16" s="22">
        <v>1</v>
      </c>
      <c r="J16" s="22">
        <v>0</v>
      </c>
      <c r="K16" s="21">
        <v>3</v>
      </c>
      <c r="L16" s="53">
        <v>1</v>
      </c>
      <c r="M16" s="54">
        <v>2</v>
      </c>
    </row>
    <row r="17" spans="1:13">
      <c r="A17" s="20" t="s">
        <v>24</v>
      </c>
      <c r="B17" s="21">
        <v>1</v>
      </c>
      <c r="C17" s="22">
        <v>2</v>
      </c>
      <c r="D17" s="22">
        <v>-1</v>
      </c>
      <c r="E17" s="21">
        <v>0</v>
      </c>
      <c r="F17" s="22">
        <v>0</v>
      </c>
      <c r="G17" s="23">
        <v>0</v>
      </c>
      <c r="H17" s="22">
        <v>3</v>
      </c>
      <c r="I17" s="22">
        <v>2</v>
      </c>
      <c r="J17" s="22">
        <v>1</v>
      </c>
      <c r="K17" s="21">
        <v>2</v>
      </c>
      <c r="L17" s="53">
        <v>0</v>
      </c>
      <c r="M17" s="54">
        <v>2</v>
      </c>
    </row>
    <row r="18" spans="1:13" ht="20.100000000000001" customHeight="1">
      <c r="A18" s="16" t="s">
        <v>25</v>
      </c>
      <c r="B18" s="17">
        <v>0</v>
      </c>
      <c r="C18" s="18">
        <v>0</v>
      </c>
      <c r="D18" s="18">
        <v>0</v>
      </c>
      <c r="E18" s="17">
        <v>0</v>
      </c>
      <c r="F18" s="18">
        <v>0</v>
      </c>
      <c r="G18" s="19">
        <v>0</v>
      </c>
      <c r="H18" s="18">
        <v>14</v>
      </c>
      <c r="I18" s="18">
        <v>7</v>
      </c>
      <c r="J18" s="18">
        <v>7</v>
      </c>
      <c r="K18" s="17">
        <v>14</v>
      </c>
      <c r="L18" s="51">
        <v>7</v>
      </c>
      <c r="M18" s="52">
        <v>7</v>
      </c>
    </row>
    <row r="19" spans="1:13">
      <c r="A19" s="20" t="s">
        <v>26</v>
      </c>
      <c r="B19" s="21">
        <v>-4</v>
      </c>
      <c r="C19" s="22">
        <v>-3</v>
      </c>
      <c r="D19" s="22">
        <v>-1</v>
      </c>
      <c r="E19" s="21">
        <v>0</v>
      </c>
      <c r="F19" s="22">
        <v>0</v>
      </c>
      <c r="G19" s="23">
        <v>0</v>
      </c>
      <c r="H19" s="22">
        <v>4</v>
      </c>
      <c r="I19" s="22">
        <v>1</v>
      </c>
      <c r="J19" s="22">
        <v>3</v>
      </c>
      <c r="K19" s="21">
        <v>8</v>
      </c>
      <c r="L19" s="53">
        <v>4</v>
      </c>
      <c r="M19" s="54">
        <v>4</v>
      </c>
    </row>
    <row r="20" spans="1:13">
      <c r="A20" s="20" t="s">
        <v>27</v>
      </c>
      <c r="B20" s="21">
        <v>2</v>
      </c>
      <c r="C20" s="22">
        <v>2</v>
      </c>
      <c r="D20" s="22">
        <v>0</v>
      </c>
      <c r="E20" s="21">
        <v>0</v>
      </c>
      <c r="F20" s="22">
        <v>0</v>
      </c>
      <c r="G20" s="23">
        <v>0</v>
      </c>
      <c r="H20" s="22">
        <v>3</v>
      </c>
      <c r="I20" s="22">
        <v>2</v>
      </c>
      <c r="J20" s="22">
        <v>1</v>
      </c>
      <c r="K20" s="21">
        <v>1</v>
      </c>
      <c r="L20" s="53">
        <v>0</v>
      </c>
      <c r="M20" s="54">
        <v>1</v>
      </c>
    </row>
    <row r="21" spans="1:13">
      <c r="A21" s="20" t="s">
        <v>28</v>
      </c>
      <c r="B21" s="21">
        <v>-2</v>
      </c>
      <c r="C21" s="22">
        <v>0</v>
      </c>
      <c r="D21" s="22">
        <v>-2</v>
      </c>
      <c r="E21" s="21">
        <v>0</v>
      </c>
      <c r="F21" s="22">
        <v>0</v>
      </c>
      <c r="G21" s="23">
        <v>0</v>
      </c>
      <c r="H21" s="22">
        <v>1</v>
      </c>
      <c r="I21" s="22">
        <v>1</v>
      </c>
      <c r="J21" s="22">
        <v>0</v>
      </c>
      <c r="K21" s="21">
        <v>3</v>
      </c>
      <c r="L21" s="53">
        <v>1</v>
      </c>
      <c r="M21" s="54">
        <v>2</v>
      </c>
    </row>
    <row r="22" spans="1:13">
      <c r="A22" s="20" t="s">
        <v>29</v>
      </c>
      <c r="B22" s="21">
        <v>2</v>
      </c>
      <c r="C22" s="22">
        <v>0</v>
      </c>
      <c r="D22" s="22">
        <v>2</v>
      </c>
      <c r="E22" s="21">
        <v>0</v>
      </c>
      <c r="F22" s="22">
        <v>0</v>
      </c>
      <c r="G22" s="23">
        <v>0</v>
      </c>
      <c r="H22" s="22">
        <v>4</v>
      </c>
      <c r="I22" s="22">
        <v>2</v>
      </c>
      <c r="J22" s="22">
        <v>2</v>
      </c>
      <c r="K22" s="21">
        <v>2</v>
      </c>
      <c r="L22" s="53">
        <v>2</v>
      </c>
      <c r="M22" s="54">
        <v>0</v>
      </c>
    </row>
    <row r="23" spans="1:13">
      <c r="A23" s="20" t="s">
        <v>30</v>
      </c>
      <c r="B23" s="21">
        <v>2</v>
      </c>
      <c r="C23" s="22">
        <v>1</v>
      </c>
      <c r="D23" s="22">
        <v>1</v>
      </c>
      <c r="E23" s="21">
        <v>0</v>
      </c>
      <c r="F23" s="22">
        <v>0</v>
      </c>
      <c r="G23" s="23">
        <v>0</v>
      </c>
      <c r="H23" s="22">
        <v>2</v>
      </c>
      <c r="I23" s="22">
        <v>1</v>
      </c>
      <c r="J23" s="22">
        <v>1</v>
      </c>
      <c r="K23" s="21">
        <v>0</v>
      </c>
      <c r="L23" s="53">
        <v>0</v>
      </c>
      <c r="M23" s="54">
        <v>0</v>
      </c>
    </row>
    <row r="24" spans="1:13" ht="20.100000000000001" customHeight="1">
      <c r="A24" s="16" t="s">
        <v>31</v>
      </c>
      <c r="B24" s="17">
        <v>2</v>
      </c>
      <c r="C24" s="18">
        <v>-12</v>
      </c>
      <c r="D24" s="18">
        <v>14</v>
      </c>
      <c r="E24" s="17">
        <v>1</v>
      </c>
      <c r="F24" s="18">
        <v>1</v>
      </c>
      <c r="G24" s="19">
        <v>0</v>
      </c>
      <c r="H24" s="18">
        <v>46</v>
      </c>
      <c r="I24" s="18">
        <v>16</v>
      </c>
      <c r="J24" s="18">
        <v>30</v>
      </c>
      <c r="K24" s="17">
        <v>43</v>
      </c>
      <c r="L24" s="51">
        <v>27</v>
      </c>
      <c r="M24" s="52">
        <v>16</v>
      </c>
    </row>
    <row r="25" spans="1:13">
      <c r="A25" s="20" t="s">
        <v>32</v>
      </c>
      <c r="B25" s="21">
        <v>3</v>
      </c>
      <c r="C25" s="22">
        <v>0</v>
      </c>
      <c r="D25" s="22">
        <v>3</v>
      </c>
      <c r="E25" s="21">
        <v>0</v>
      </c>
      <c r="F25" s="22">
        <v>0</v>
      </c>
      <c r="G25" s="23">
        <v>0</v>
      </c>
      <c r="H25" s="22">
        <v>4</v>
      </c>
      <c r="I25" s="22">
        <v>1</v>
      </c>
      <c r="J25" s="22">
        <v>3</v>
      </c>
      <c r="K25" s="21">
        <v>1</v>
      </c>
      <c r="L25" s="53">
        <v>1</v>
      </c>
      <c r="M25" s="54">
        <v>0</v>
      </c>
    </row>
    <row r="26" spans="1:13">
      <c r="A26" s="20" t="s">
        <v>33</v>
      </c>
      <c r="B26" s="21">
        <v>0</v>
      </c>
      <c r="C26" s="22">
        <v>0</v>
      </c>
      <c r="D26" s="22">
        <v>0</v>
      </c>
      <c r="E26" s="21">
        <v>1</v>
      </c>
      <c r="F26" s="22">
        <v>1</v>
      </c>
      <c r="G26" s="23">
        <v>0</v>
      </c>
      <c r="H26" s="22">
        <v>3</v>
      </c>
      <c r="I26" s="22">
        <v>1</v>
      </c>
      <c r="J26" s="22">
        <v>2</v>
      </c>
      <c r="K26" s="21">
        <v>2</v>
      </c>
      <c r="L26" s="53">
        <v>0</v>
      </c>
      <c r="M26" s="54">
        <v>2</v>
      </c>
    </row>
    <row r="27" spans="1:13">
      <c r="A27" s="20" t="s">
        <v>34</v>
      </c>
      <c r="B27" s="21">
        <v>0</v>
      </c>
      <c r="C27" s="22">
        <v>1</v>
      </c>
      <c r="D27" s="22">
        <v>-1</v>
      </c>
      <c r="E27" s="21">
        <v>0</v>
      </c>
      <c r="F27" s="22">
        <v>0</v>
      </c>
      <c r="G27" s="23">
        <v>0</v>
      </c>
      <c r="H27" s="22">
        <v>3</v>
      </c>
      <c r="I27" s="22">
        <v>2</v>
      </c>
      <c r="J27" s="22">
        <v>1</v>
      </c>
      <c r="K27" s="21">
        <v>3</v>
      </c>
      <c r="L27" s="53">
        <v>1</v>
      </c>
      <c r="M27" s="54">
        <v>2</v>
      </c>
    </row>
    <row r="28" spans="1:13">
      <c r="A28" s="20" t="s">
        <v>35</v>
      </c>
      <c r="B28" s="21">
        <v>-4</v>
      </c>
      <c r="C28" s="22">
        <v>-3</v>
      </c>
      <c r="D28" s="22">
        <v>-1</v>
      </c>
      <c r="E28" s="21">
        <v>0</v>
      </c>
      <c r="F28" s="22">
        <v>0</v>
      </c>
      <c r="G28" s="23">
        <v>0</v>
      </c>
      <c r="H28" s="22">
        <v>7</v>
      </c>
      <c r="I28" s="22">
        <v>3</v>
      </c>
      <c r="J28" s="22">
        <v>4</v>
      </c>
      <c r="K28" s="21">
        <v>11</v>
      </c>
      <c r="L28" s="53">
        <v>6</v>
      </c>
      <c r="M28" s="54">
        <v>5</v>
      </c>
    </row>
    <row r="29" spans="1:13">
      <c r="A29" s="20" t="s">
        <v>36</v>
      </c>
      <c r="B29" s="21">
        <v>3</v>
      </c>
      <c r="C29" s="22">
        <v>-10</v>
      </c>
      <c r="D29" s="22">
        <v>13</v>
      </c>
      <c r="E29" s="21">
        <v>0</v>
      </c>
      <c r="F29" s="22">
        <v>0</v>
      </c>
      <c r="G29" s="23">
        <v>0</v>
      </c>
      <c r="H29" s="22">
        <v>29</v>
      </c>
      <c r="I29" s="22">
        <v>9</v>
      </c>
      <c r="J29" s="22">
        <v>20</v>
      </c>
      <c r="K29" s="21">
        <v>26</v>
      </c>
      <c r="L29" s="53">
        <v>19</v>
      </c>
      <c r="M29" s="54">
        <v>7</v>
      </c>
    </row>
    <row r="30" spans="1:13" ht="20.100000000000001" customHeight="1">
      <c r="A30" s="16" t="s">
        <v>37</v>
      </c>
      <c r="B30" s="17">
        <v>-44</v>
      </c>
      <c r="C30" s="18">
        <v>-18</v>
      </c>
      <c r="D30" s="18">
        <v>-26</v>
      </c>
      <c r="E30" s="17">
        <v>0</v>
      </c>
      <c r="F30" s="18">
        <v>0</v>
      </c>
      <c r="G30" s="19">
        <v>0</v>
      </c>
      <c r="H30" s="18">
        <v>144</v>
      </c>
      <c r="I30" s="18">
        <v>55</v>
      </c>
      <c r="J30" s="18">
        <v>89</v>
      </c>
      <c r="K30" s="17">
        <v>188</v>
      </c>
      <c r="L30" s="51">
        <v>73</v>
      </c>
      <c r="M30" s="52">
        <v>115</v>
      </c>
    </row>
    <row r="31" spans="1:13">
      <c r="A31" s="20" t="s">
        <v>38</v>
      </c>
      <c r="B31" s="21">
        <v>4</v>
      </c>
      <c r="C31" s="22">
        <v>4</v>
      </c>
      <c r="D31" s="22">
        <v>0</v>
      </c>
      <c r="E31" s="21">
        <v>0</v>
      </c>
      <c r="F31" s="22">
        <v>0</v>
      </c>
      <c r="G31" s="23">
        <v>0</v>
      </c>
      <c r="H31" s="22">
        <v>16</v>
      </c>
      <c r="I31" s="22">
        <v>6</v>
      </c>
      <c r="J31" s="22">
        <v>10</v>
      </c>
      <c r="K31" s="21">
        <v>12</v>
      </c>
      <c r="L31" s="53">
        <v>2</v>
      </c>
      <c r="M31" s="54">
        <v>10</v>
      </c>
    </row>
    <row r="32" spans="1:13">
      <c r="A32" s="20" t="s">
        <v>39</v>
      </c>
      <c r="B32" s="21">
        <v>-3</v>
      </c>
      <c r="C32" s="22">
        <v>3</v>
      </c>
      <c r="D32" s="22">
        <v>-6</v>
      </c>
      <c r="E32" s="21">
        <v>0</v>
      </c>
      <c r="F32" s="22">
        <v>0</v>
      </c>
      <c r="G32" s="23">
        <v>0</v>
      </c>
      <c r="H32" s="22">
        <v>27</v>
      </c>
      <c r="I32" s="22">
        <v>9</v>
      </c>
      <c r="J32" s="22">
        <v>18</v>
      </c>
      <c r="K32" s="21">
        <v>30</v>
      </c>
      <c r="L32" s="53">
        <v>6</v>
      </c>
      <c r="M32" s="54">
        <v>24</v>
      </c>
    </row>
    <row r="33" spans="1:13">
      <c r="A33" s="20" t="s">
        <v>40</v>
      </c>
      <c r="B33" s="21">
        <v>-17</v>
      </c>
      <c r="C33" s="22">
        <v>-12</v>
      </c>
      <c r="D33" s="22">
        <v>-5</v>
      </c>
      <c r="E33" s="21">
        <v>0</v>
      </c>
      <c r="F33" s="22">
        <v>0</v>
      </c>
      <c r="G33" s="23">
        <v>0</v>
      </c>
      <c r="H33" s="22">
        <v>28</v>
      </c>
      <c r="I33" s="22">
        <v>10</v>
      </c>
      <c r="J33" s="22">
        <v>18</v>
      </c>
      <c r="K33" s="21">
        <v>45</v>
      </c>
      <c r="L33" s="53">
        <v>22</v>
      </c>
      <c r="M33" s="54">
        <v>23</v>
      </c>
    </row>
    <row r="34" spans="1:13">
      <c r="A34" s="20" t="s">
        <v>41</v>
      </c>
      <c r="B34" s="21">
        <v>-13</v>
      </c>
      <c r="C34" s="22">
        <v>-7</v>
      </c>
      <c r="D34" s="22">
        <v>-6</v>
      </c>
      <c r="E34" s="21">
        <v>0</v>
      </c>
      <c r="F34" s="22">
        <v>0</v>
      </c>
      <c r="G34" s="23">
        <v>0</v>
      </c>
      <c r="H34" s="22">
        <v>36</v>
      </c>
      <c r="I34" s="22">
        <v>15</v>
      </c>
      <c r="J34" s="22">
        <v>21</v>
      </c>
      <c r="K34" s="21">
        <v>49</v>
      </c>
      <c r="L34" s="53">
        <v>22</v>
      </c>
      <c r="M34" s="54">
        <v>27</v>
      </c>
    </row>
    <row r="35" spans="1:13">
      <c r="A35" s="20" t="s">
        <v>42</v>
      </c>
      <c r="B35" s="21">
        <v>-15</v>
      </c>
      <c r="C35" s="22">
        <v>-6</v>
      </c>
      <c r="D35" s="22">
        <v>-9</v>
      </c>
      <c r="E35" s="21">
        <v>0</v>
      </c>
      <c r="F35" s="22">
        <v>0</v>
      </c>
      <c r="G35" s="23">
        <v>0</v>
      </c>
      <c r="H35" s="22">
        <v>37</v>
      </c>
      <c r="I35" s="22">
        <v>15</v>
      </c>
      <c r="J35" s="22">
        <v>22</v>
      </c>
      <c r="K35" s="21">
        <v>52</v>
      </c>
      <c r="L35" s="53">
        <v>21</v>
      </c>
      <c r="M35" s="54">
        <v>31</v>
      </c>
    </row>
    <row r="36" spans="1:13" ht="20.100000000000001" customHeight="1">
      <c r="A36" s="16" t="s">
        <v>43</v>
      </c>
      <c r="B36" s="17">
        <v>-66</v>
      </c>
      <c r="C36" s="18">
        <v>-30</v>
      </c>
      <c r="D36" s="18">
        <v>-36</v>
      </c>
      <c r="E36" s="17">
        <v>0</v>
      </c>
      <c r="F36" s="18">
        <v>0</v>
      </c>
      <c r="G36" s="19">
        <v>0</v>
      </c>
      <c r="H36" s="18">
        <v>116</v>
      </c>
      <c r="I36" s="18">
        <v>49</v>
      </c>
      <c r="J36" s="18">
        <v>67</v>
      </c>
      <c r="K36" s="17">
        <v>182</v>
      </c>
      <c r="L36" s="51">
        <v>79</v>
      </c>
      <c r="M36" s="52">
        <v>103</v>
      </c>
    </row>
    <row r="37" spans="1:13">
      <c r="A37" s="20" t="s">
        <v>44</v>
      </c>
      <c r="B37" s="21">
        <v>-18</v>
      </c>
      <c r="C37" s="22">
        <v>-10</v>
      </c>
      <c r="D37" s="22">
        <v>-8</v>
      </c>
      <c r="E37" s="21">
        <v>0</v>
      </c>
      <c r="F37" s="22">
        <v>0</v>
      </c>
      <c r="G37" s="23">
        <v>0</v>
      </c>
      <c r="H37" s="22">
        <v>24</v>
      </c>
      <c r="I37" s="22">
        <v>10</v>
      </c>
      <c r="J37" s="22">
        <v>14</v>
      </c>
      <c r="K37" s="21">
        <v>42</v>
      </c>
      <c r="L37" s="53">
        <v>20</v>
      </c>
      <c r="M37" s="54">
        <v>22</v>
      </c>
    </row>
    <row r="38" spans="1:13">
      <c r="A38" s="20" t="s">
        <v>45</v>
      </c>
      <c r="B38" s="21">
        <v>-8</v>
      </c>
      <c r="C38" s="22">
        <v>-6</v>
      </c>
      <c r="D38" s="22">
        <v>-2</v>
      </c>
      <c r="E38" s="21">
        <v>0</v>
      </c>
      <c r="F38" s="22">
        <v>0</v>
      </c>
      <c r="G38" s="23">
        <v>0</v>
      </c>
      <c r="H38" s="22">
        <v>27</v>
      </c>
      <c r="I38" s="22">
        <v>9</v>
      </c>
      <c r="J38" s="22">
        <v>18</v>
      </c>
      <c r="K38" s="21">
        <v>35</v>
      </c>
      <c r="L38" s="53">
        <v>15</v>
      </c>
      <c r="M38" s="54">
        <v>20</v>
      </c>
    </row>
    <row r="39" spans="1:13">
      <c r="A39" s="20" t="s">
        <v>46</v>
      </c>
      <c r="B39" s="21">
        <v>-13</v>
      </c>
      <c r="C39" s="22">
        <v>1</v>
      </c>
      <c r="D39" s="22">
        <v>-14</v>
      </c>
      <c r="E39" s="21">
        <v>0</v>
      </c>
      <c r="F39" s="22">
        <v>0</v>
      </c>
      <c r="G39" s="23">
        <v>0</v>
      </c>
      <c r="H39" s="22">
        <v>23</v>
      </c>
      <c r="I39" s="22">
        <v>12</v>
      </c>
      <c r="J39" s="22">
        <v>11</v>
      </c>
      <c r="K39" s="21">
        <v>36</v>
      </c>
      <c r="L39" s="53">
        <v>11</v>
      </c>
      <c r="M39" s="54">
        <v>25</v>
      </c>
    </row>
    <row r="40" spans="1:13">
      <c r="A40" s="20" t="s">
        <v>47</v>
      </c>
      <c r="B40" s="21">
        <v>-14</v>
      </c>
      <c r="C40" s="22">
        <v>-7</v>
      </c>
      <c r="D40" s="22">
        <v>-7</v>
      </c>
      <c r="E40" s="21">
        <v>0</v>
      </c>
      <c r="F40" s="22">
        <v>0</v>
      </c>
      <c r="G40" s="23">
        <v>0</v>
      </c>
      <c r="H40" s="22">
        <v>27</v>
      </c>
      <c r="I40" s="22">
        <v>9</v>
      </c>
      <c r="J40" s="22">
        <v>18</v>
      </c>
      <c r="K40" s="21">
        <v>41</v>
      </c>
      <c r="L40" s="53">
        <v>16</v>
      </c>
      <c r="M40" s="54">
        <v>25</v>
      </c>
    </row>
    <row r="41" spans="1:13">
      <c r="A41" s="20" t="s">
        <v>48</v>
      </c>
      <c r="B41" s="21">
        <v>-13</v>
      </c>
      <c r="C41" s="22">
        <v>-8</v>
      </c>
      <c r="D41" s="22">
        <v>-5</v>
      </c>
      <c r="E41" s="21">
        <v>0</v>
      </c>
      <c r="F41" s="22">
        <v>0</v>
      </c>
      <c r="G41" s="23">
        <v>0</v>
      </c>
      <c r="H41" s="22">
        <v>15</v>
      </c>
      <c r="I41" s="22">
        <v>9</v>
      </c>
      <c r="J41" s="22">
        <v>6</v>
      </c>
      <c r="K41" s="21">
        <v>28</v>
      </c>
      <c r="L41" s="53">
        <v>17</v>
      </c>
      <c r="M41" s="54">
        <v>11</v>
      </c>
    </row>
    <row r="42" spans="1:13" ht="20.100000000000001" customHeight="1">
      <c r="A42" s="16" t="s">
        <v>49</v>
      </c>
      <c r="B42" s="17">
        <v>-33</v>
      </c>
      <c r="C42" s="18">
        <v>-9</v>
      </c>
      <c r="D42" s="18">
        <v>-24</v>
      </c>
      <c r="E42" s="17">
        <v>0</v>
      </c>
      <c r="F42" s="18">
        <v>0</v>
      </c>
      <c r="G42" s="19">
        <v>0</v>
      </c>
      <c r="H42" s="18">
        <v>72</v>
      </c>
      <c r="I42" s="18">
        <v>36</v>
      </c>
      <c r="J42" s="18">
        <v>36</v>
      </c>
      <c r="K42" s="17">
        <v>105</v>
      </c>
      <c r="L42" s="51">
        <v>45</v>
      </c>
      <c r="M42" s="52">
        <v>60</v>
      </c>
    </row>
    <row r="43" spans="1:13">
      <c r="A43" s="20" t="s">
        <v>50</v>
      </c>
      <c r="B43" s="21">
        <v>-4</v>
      </c>
      <c r="C43" s="22">
        <v>2</v>
      </c>
      <c r="D43" s="22">
        <v>-6</v>
      </c>
      <c r="E43" s="21">
        <v>0</v>
      </c>
      <c r="F43" s="22">
        <v>0</v>
      </c>
      <c r="G43" s="23">
        <v>0</v>
      </c>
      <c r="H43" s="22">
        <v>20</v>
      </c>
      <c r="I43" s="22">
        <v>11</v>
      </c>
      <c r="J43" s="22">
        <v>9</v>
      </c>
      <c r="K43" s="21">
        <v>24</v>
      </c>
      <c r="L43" s="53">
        <v>9</v>
      </c>
      <c r="M43" s="54">
        <v>15</v>
      </c>
    </row>
    <row r="44" spans="1:13">
      <c r="A44" s="20" t="s">
        <v>51</v>
      </c>
      <c r="B44" s="21">
        <v>-9</v>
      </c>
      <c r="C44" s="22">
        <v>1</v>
      </c>
      <c r="D44" s="22">
        <v>-10</v>
      </c>
      <c r="E44" s="21">
        <v>0</v>
      </c>
      <c r="F44" s="22">
        <v>0</v>
      </c>
      <c r="G44" s="23">
        <v>0</v>
      </c>
      <c r="H44" s="22">
        <v>15</v>
      </c>
      <c r="I44" s="22">
        <v>7</v>
      </c>
      <c r="J44" s="22">
        <v>8</v>
      </c>
      <c r="K44" s="21">
        <v>24</v>
      </c>
      <c r="L44" s="53">
        <v>6</v>
      </c>
      <c r="M44" s="54">
        <v>18</v>
      </c>
    </row>
    <row r="45" spans="1:13">
      <c r="A45" s="20" t="s">
        <v>52</v>
      </c>
      <c r="B45" s="21">
        <v>-12</v>
      </c>
      <c r="C45" s="22">
        <v>-4</v>
      </c>
      <c r="D45" s="22">
        <v>-8</v>
      </c>
      <c r="E45" s="21">
        <v>0</v>
      </c>
      <c r="F45" s="22">
        <v>0</v>
      </c>
      <c r="G45" s="23">
        <v>0</v>
      </c>
      <c r="H45" s="22">
        <v>15</v>
      </c>
      <c r="I45" s="22">
        <v>10</v>
      </c>
      <c r="J45" s="22">
        <v>5</v>
      </c>
      <c r="K45" s="21">
        <v>27</v>
      </c>
      <c r="L45" s="53">
        <v>14</v>
      </c>
      <c r="M45" s="54">
        <v>13</v>
      </c>
    </row>
    <row r="46" spans="1:13">
      <c r="A46" s="20" t="s">
        <v>53</v>
      </c>
      <c r="B46" s="21">
        <v>-6</v>
      </c>
      <c r="C46" s="22">
        <v>-6</v>
      </c>
      <c r="D46" s="22">
        <v>0</v>
      </c>
      <c r="E46" s="21">
        <v>0</v>
      </c>
      <c r="F46" s="22">
        <v>0</v>
      </c>
      <c r="G46" s="23">
        <v>0</v>
      </c>
      <c r="H46" s="22">
        <v>9</v>
      </c>
      <c r="I46" s="22">
        <v>2</v>
      </c>
      <c r="J46" s="22">
        <v>7</v>
      </c>
      <c r="K46" s="21">
        <v>15</v>
      </c>
      <c r="L46" s="53">
        <v>8</v>
      </c>
      <c r="M46" s="54">
        <v>7</v>
      </c>
    </row>
    <row r="47" spans="1:13">
      <c r="A47" s="20" t="s">
        <v>54</v>
      </c>
      <c r="B47" s="21">
        <v>-2</v>
      </c>
      <c r="C47" s="22">
        <v>-2</v>
      </c>
      <c r="D47" s="22">
        <v>0</v>
      </c>
      <c r="E47" s="21">
        <v>0</v>
      </c>
      <c r="F47" s="22">
        <v>0</v>
      </c>
      <c r="G47" s="23">
        <v>0</v>
      </c>
      <c r="H47" s="22">
        <v>13</v>
      </c>
      <c r="I47" s="22">
        <v>6</v>
      </c>
      <c r="J47" s="22">
        <v>7</v>
      </c>
      <c r="K47" s="21">
        <v>15</v>
      </c>
      <c r="L47" s="53">
        <v>8</v>
      </c>
      <c r="M47" s="54">
        <v>7</v>
      </c>
    </row>
    <row r="48" spans="1:13" ht="20.100000000000001" customHeight="1">
      <c r="A48" s="16" t="s">
        <v>55</v>
      </c>
      <c r="B48" s="17">
        <v>-14</v>
      </c>
      <c r="C48" s="18">
        <v>-10</v>
      </c>
      <c r="D48" s="18">
        <v>-4</v>
      </c>
      <c r="E48" s="17">
        <v>2</v>
      </c>
      <c r="F48" s="18">
        <v>1</v>
      </c>
      <c r="G48" s="19">
        <v>1</v>
      </c>
      <c r="H48" s="18">
        <v>61</v>
      </c>
      <c r="I48" s="18">
        <v>31</v>
      </c>
      <c r="J48" s="18">
        <v>30</v>
      </c>
      <c r="K48" s="17">
        <v>73</v>
      </c>
      <c r="L48" s="51">
        <v>40</v>
      </c>
      <c r="M48" s="52">
        <v>33</v>
      </c>
    </row>
    <row r="49" spans="1:13">
      <c r="A49" s="20" t="s">
        <v>56</v>
      </c>
      <c r="B49" s="21">
        <v>-9</v>
      </c>
      <c r="C49" s="22">
        <v>-6</v>
      </c>
      <c r="D49" s="22">
        <v>-3</v>
      </c>
      <c r="E49" s="21">
        <v>0</v>
      </c>
      <c r="F49" s="22">
        <v>0</v>
      </c>
      <c r="G49" s="23">
        <v>0</v>
      </c>
      <c r="H49" s="22">
        <v>10</v>
      </c>
      <c r="I49" s="22">
        <v>6</v>
      </c>
      <c r="J49" s="22">
        <v>4</v>
      </c>
      <c r="K49" s="21">
        <v>19</v>
      </c>
      <c r="L49" s="53">
        <v>12</v>
      </c>
      <c r="M49" s="54">
        <v>7</v>
      </c>
    </row>
    <row r="50" spans="1:13">
      <c r="A50" s="20" t="s">
        <v>57</v>
      </c>
      <c r="B50" s="21">
        <v>-4</v>
      </c>
      <c r="C50" s="22">
        <v>-2</v>
      </c>
      <c r="D50" s="22">
        <v>-2</v>
      </c>
      <c r="E50" s="21">
        <v>1</v>
      </c>
      <c r="F50" s="22">
        <v>0</v>
      </c>
      <c r="G50" s="23">
        <v>1</v>
      </c>
      <c r="H50" s="22">
        <v>10</v>
      </c>
      <c r="I50" s="22">
        <v>5</v>
      </c>
      <c r="J50" s="22">
        <v>5</v>
      </c>
      <c r="K50" s="21">
        <v>13</v>
      </c>
      <c r="L50" s="53">
        <v>7</v>
      </c>
      <c r="M50" s="54">
        <v>6</v>
      </c>
    </row>
    <row r="51" spans="1:13">
      <c r="A51" s="20" t="s">
        <v>58</v>
      </c>
      <c r="B51" s="21">
        <v>-1</v>
      </c>
      <c r="C51" s="22">
        <v>1</v>
      </c>
      <c r="D51" s="22">
        <v>-2</v>
      </c>
      <c r="E51" s="21">
        <v>0</v>
      </c>
      <c r="F51" s="22">
        <v>0</v>
      </c>
      <c r="G51" s="23">
        <v>0</v>
      </c>
      <c r="H51" s="22">
        <v>12</v>
      </c>
      <c r="I51" s="22">
        <v>7</v>
      </c>
      <c r="J51" s="22">
        <v>5</v>
      </c>
      <c r="K51" s="21">
        <v>13</v>
      </c>
      <c r="L51" s="53">
        <v>6</v>
      </c>
      <c r="M51" s="54">
        <v>7</v>
      </c>
    </row>
    <row r="52" spans="1:13">
      <c r="A52" s="20" t="s">
        <v>59</v>
      </c>
      <c r="B52" s="21">
        <v>2</v>
      </c>
      <c r="C52" s="22">
        <v>-2</v>
      </c>
      <c r="D52" s="22">
        <v>4</v>
      </c>
      <c r="E52" s="21">
        <v>0</v>
      </c>
      <c r="F52" s="22">
        <v>0</v>
      </c>
      <c r="G52" s="23">
        <v>0</v>
      </c>
      <c r="H52" s="22">
        <v>16</v>
      </c>
      <c r="I52" s="22">
        <v>7</v>
      </c>
      <c r="J52" s="22">
        <v>9</v>
      </c>
      <c r="K52" s="21">
        <v>14</v>
      </c>
      <c r="L52" s="53">
        <v>9</v>
      </c>
      <c r="M52" s="54">
        <v>5</v>
      </c>
    </row>
    <row r="53" spans="1:13">
      <c r="A53" s="20" t="s">
        <v>60</v>
      </c>
      <c r="B53" s="21">
        <v>-2</v>
      </c>
      <c r="C53" s="22">
        <v>-1</v>
      </c>
      <c r="D53" s="22">
        <v>-1</v>
      </c>
      <c r="E53" s="21">
        <v>1</v>
      </c>
      <c r="F53" s="22">
        <v>1</v>
      </c>
      <c r="G53" s="23">
        <v>0</v>
      </c>
      <c r="H53" s="22">
        <v>13</v>
      </c>
      <c r="I53" s="22">
        <v>6</v>
      </c>
      <c r="J53" s="22">
        <v>7</v>
      </c>
      <c r="K53" s="21">
        <v>14</v>
      </c>
      <c r="L53" s="53">
        <v>6</v>
      </c>
      <c r="M53" s="54">
        <v>8</v>
      </c>
    </row>
    <row r="54" spans="1:13" ht="20.100000000000001" customHeight="1">
      <c r="A54" s="16" t="s">
        <v>61</v>
      </c>
      <c r="B54" s="17">
        <v>-6</v>
      </c>
      <c r="C54" s="18">
        <v>-5</v>
      </c>
      <c r="D54" s="18">
        <v>-1</v>
      </c>
      <c r="E54" s="17">
        <v>1</v>
      </c>
      <c r="F54" s="18">
        <v>0</v>
      </c>
      <c r="G54" s="19">
        <v>1</v>
      </c>
      <c r="H54" s="18">
        <v>60</v>
      </c>
      <c r="I54" s="18">
        <v>30</v>
      </c>
      <c r="J54" s="18">
        <v>30</v>
      </c>
      <c r="K54" s="17">
        <v>65</v>
      </c>
      <c r="L54" s="51">
        <v>35</v>
      </c>
      <c r="M54" s="52">
        <v>30</v>
      </c>
    </row>
    <row r="55" spans="1:13">
      <c r="A55" s="20" t="s">
        <v>62</v>
      </c>
      <c r="B55" s="21">
        <v>-3</v>
      </c>
      <c r="C55" s="22">
        <v>-4</v>
      </c>
      <c r="D55" s="22">
        <v>1</v>
      </c>
      <c r="E55" s="21">
        <v>1</v>
      </c>
      <c r="F55" s="22">
        <v>0</v>
      </c>
      <c r="G55" s="23">
        <v>1</v>
      </c>
      <c r="H55" s="22">
        <v>12</v>
      </c>
      <c r="I55" s="22">
        <v>5</v>
      </c>
      <c r="J55" s="22">
        <v>7</v>
      </c>
      <c r="K55" s="21">
        <v>14</v>
      </c>
      <c r="L55" s="53">
        <v>9</v>
      </c>
      <c r="M55" s="54">
        <v>5</v>
      </c>
    </row>
    <row r="56" spans="1:13">
      <c r="A56" s="20" t="s">
        <v>63</v>
      </c>
      <c r="B56" s="21">
        <v>3</v>
      </c>
      <c r="C56" s="22">
        <v>2</v>
      </c>
      <c r="D56" s="22">
        <v>1</v>
      </c>
      <c r="E56" s="21">
        <v>0</v>
      </c>
      <c r="F56" s="22">
        <v>0</v>
      </c>
      <c r="G56" s="23">
        <v>0</v>
      </c>
      <c r="H56" s="22">
        <v>12</v>
      </c>
      <c r="I56" s="22">
        <v>7</v>
      </c>
      <c r="J56" s="22">
        <v>5</v>
      </c>
      <c r="K56" s="21">
        <v>9</v>
      </c>
      <c r="L56" s="53">
        <v>5</v>
      </c>
      <c r="M56" s="54">
        <v>4</v>
      </c>
    </row>
    <row r="57" spans="1:13">
      <c r="A57" s="20" t="s">
        <v>64</v>
      </c>
      <c r="B57" s="21">
        <v>0</v>
      </c>
      <c r="C57" s="22">
        <v>-1</v>
      </c>
      <c r="D57" s="22">
        <v>1</v>
      </c>
      <c r="E57" s="21">
        <v>0</v>
      </c>
      <c r="F57" s="22">
        <v>0</v>
      </c>
      <c r="G57" s="23">
        <v>0</v>
      </c>
      <c r="H57" s="22">
        <v>14</v>
      </c>
      <c r="I57" s="22">
        <v>6</v>
      </c>
      <c r="J57" s="22">
        <v>8</v>
      </c>
      <c r="K57" s="21">
        <v>14</v>
      </c>
      <c r="L57" s="53">
        <v>7</v>
      </c>
      <c r="M57" s="54">
        <v>7</v>
      </c>
    </row>
    <row r="58" spans="1:13">
      <c r="A58" s="20" t="s">
        <v>65</v>
      </c>
      <c r="B58" s="21">
        <v>-10</v>
      </c>
      <c r="C58" s="22">
        <v>-5</v>
      </c>
      <c r="D58" s="22">
        <v>-5</v>
      </c>
      <c r="E58" s="21">
        <v>0</v>
      </c>
      <c r="F58" s="22">
        <v>0</v>
      </c>
      <c r="G58" s="23">
        <v>0</v>
      </c>
      <c r="H58" s="22">
        <v>9</v>
      </c>
      <c r="I58" s="22">
        <v>5</v>
      </c>
      <c r="J58" s="22">
        <v>4</v>
      </c>
      <c r="K58" s="21">
        <v>19</v>
      </c>
      <c r="L58" s="53">
        <v>10</v>
      </c>
      <c r="M58" s="54">
        <v>9</v>
      </c>
    </row>
    <row r="59" spans="1:13">
      <c r="A59" s="20" t="s">
        <v>66</v>
      </c>
      <c r="B59" s="21">
        <v>4</v>
      </c>
      <c r="C59" s="22">
        <v>3</v>
      </c>
      <c r="D59" s="22">
        <v>1</v>
      </c>
      <c r="E59" s="21">
        <v>0</v>
      </c>
      <c r="F59" s="22">
        <v>0</v>
      </c>
      <c r="G59" s="23">
        <v>0</v>
      </c>
      <c r="H59" s="22">
        <v>13</v>
      </c>
      <c r="I59" s="22">
        <v>7</v>
      </c>
      <c r="J59" s="22">
        <v>6</v>
      </c>
      <c r="K59" s="21">
        <v>9</v>
      </c>
      <c r="L59" s="53">
        <v>4</v>
      </c>
      <c r="M59" s="54">
        <v>5</v>
      </c>
    </row>
    <row r="60" spans="1:13" ht="20.100000000000001" customHeight="1">
      <c r="A60" s="16" t="s">
        <v>67</v>
      </c>
      <c r="B60" s="17">
        <v>-2</v>
      </c>
      <c r="C60" s="18">
        <v>3</v>
      </c>
      <c r="D60" s="18">
        <v>-5</v>
      </c>
      <c r="E60" s="17">
        <v>5</v>
      </c>
      <c r="F60" s="18">
        <v>1</v>
      </c>
      <c r="G60" s="19">
        <v>4</v>
      </c>
      <c r="H60" s="18">
        <v>47</v>
      </c>
      <c r="I60" s="18">
        <v>30</v>
      </c>
      <c r="J60" s="18">
        <v>17</v>
      </c>
      <c r="K60" s="17">
        <v>44</v>
      </c>
      <c r="L60" s="51">
        <v>26</v>
      </c>
      <c r="M60" s="52">
        <v>18</v>
      </c>
    </row>
    <row r="61" spans="1:13">
      <c r="A61" s="20" t="s">
        <v>68</v>
      </c>
      <c r="B61" s="21">
        <v>2</v>
      </c>
      <c r="C61" s="22">
        <v>-1</v>
      </c>
      <c r="D61" s="22">
        <v>3</v>
      </c>
      <c r="E61" s="21">
        <v>0</v>
      </c>
      <c r="F61" s="22">
        <v>0</v>
      </c>
      <c r="G61" s="23">
        <v>0</v>
      </c>
      <c r="H61" s="22">
        <v>6</v>
      </c>
      <c r="I61" s="22">
        <v>2</v>
      </c>
      <c r="J61" s="22">
        <v>4</v>
      </c>
      <c r="K61" s="21">
        <v>4</v>
      </c>
      <c r="L61" s="53">
        <v>3</v>
      </c>
      <c r="M61" s="54">
        <v>1</v>
      </c>
    </row>
    <row r="62" spans="1:13">
      <c r="A62" s="20" t="s">
        <v>69</v>
      </c>
      <c r="B62" s="21">
        <v>-6</v>
      </c>
      <c r="C62" s="22">
        <v>1</v>
      </c>
      <c r="D62" s="22">
        <v>-7</v>
      </c>
      <c r="E62" s="21">
        <v>2</v>
      </c>
      <c r="F62" s="22">
        <v>0</v>
      </c>
      <c r="G62" s="23">
        <v>2</v>
      </c>
      <c r="H62" s="22">
        <v>8</v>
      </c>
      <c r="I62" s="22">
        <v>6</v>
      </c>
      <c r="J62" s="22">
        <v>2</v>
      </c>
      <c r="K62" s="21">
        <v>12</v>
      </c>
      <c r="L62" s="53">
        <v>5</v>
      </c>
      <c r="M62" s="54">
        <v>7</v>
      </c>
    </row>
    <row r="63" spans="1:13">
      <c r="A63" s="20" t="s">
        <v>70</v>
      </c>
      <c r="B63" s="21">
        <v>-1</v>
      </c>
      <c r="C63" s="22">
        <v>-2</v>
      </c>
      <c r="D63" s="22">
        <v>1</v>
      </c>
      <c r="E63" s="21">
        <v>0</v>
      </c>
      <c r="F63" s="22">
        <v>0</v>
      </c>
      <c r="G63" s="23">
        <v>0</v>
      </c>
      <c r="H63" s="22">
        <v>12</v>
      </c>
      <c r="I63" s="22">
        <v>6</v>
      </c>
      <c r="J63" s="22">
        <v>6</v>
      </c>
      <c r="K63" s="21">
        <v>13</v>
      </c>
      <c r="L63" s="53">
        <v>8</v>
      </c>
      <c r="M63" s="54">
        <v>5</v>
      </c>
    </row>
    <row r="64" spans="1:13">
      <c r="A64" s="20" t="s">
        <v>71</v>
      </c>
      <c r="B64" s="21">
        <v>1</v>
      </c>
      <c r="C64" s="22">
        <v>2</v>
      </c>
      <c r="D64" s="22">
        <v>-1</v>
      </c>
      <c r="E64" s="21">
        <v>2</v>
      </c>
      <c r="F64" s="22">
        <v>0</v>
      </c>
      <c r="G64" s="23">
        <v>2</v>
      </c>
      <c r="H64" s="22">
        <v>10</v>
      </c>
      <c r="I64" s="22">
        <v>6</v>
      </c>
      <c r="J64" s="22">
        <v>4</v>
      </c>
      <c r="K64" s="21">
        <v>7</v>
      </c>
      <c r="L64" s="53">
        <v>4</v>
      </c>
      <c r="M64" s="54">
        <v>3</v>
      </c>
    </row>
    <row r="65" spans="1:13">
      <c r="A65" s="24" t="s">
        <v>72</v>
      </c>
      <c r="B65" s="25">
        <v>2</v>
      </c>
      <c r="C65" s="26">
        <v>3</v>
      </c>
      <c r="D65" s="26">
        <v>-1</v>
      </c>
      <c r="E65" s="25">
        <v>1</v>
      </c>
      <c r="F65" s="26">
        <v>1</v>
      </c>
      <c r="G65" s="27">
        <v>0</v>
      </c>
      <c r="H65" s="26">
        <v>11</v>
      </c>
      <c r="I65" s="26">
        <v>10</v>
      </c>
      <c r="J65" s="26">
        <v>1</v>
      </c>
      <c r="K65" s="25">
        <v>8</v>
      </c>
      <c r="L65" s="55">
        <v>6</v>
      </c>
      <c r="M65" s="56">
        <v>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83</v>
      </c>
      <c r="C69" s="58">
        <v>47</v>
      </c>
      <c r="D69" s="59">
        <v>3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83</v>
      </c>
      <c r="C70" s="61">
        <v>47</v>
      </c>
      <c r="D70" s="62">
        <v>36</v>
      </c>
    </row>
    <row r="71" spans="1:13">
      <c r="A71" s="24" t="s">
        <v>14</v>
      </c>
      <c r="B71" s="63">
        <v>83</v>
      </c>
      <c r="C71" s="64">
        <v>47</v>
      </c>
      <c r="D71" s="65">
        <v>36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21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5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13</v>
      </c>
      <c r="C77" s="18">
        <v>9</v>
      </c>
      <c r="D77" s="18">
        <v>4</v>
      </c>
      <c r="E77" s="17">
        <v>3</v>
      </c>
      <c r="F77" s="18">
        <v>3</v>
      </c>
      <c r="G77" s="19">
        <v>0</v>
      </c>
      <c r="H77" s="18">
        <v>66</v>
      </c>
      <c r="I77" s="18">
        <v>35</v>
      </c>
      <c r="J77" s="18">
        <v>31</v>
      </c>
      <c r="K77" s="17">
        <v>50</v>
      </c>
      <c r="L77" s="51">
        <v>23</v>
      </c>
      <c r="M77" s="52">
        <v>27</v>
      </c>
    </row>
    <row r="78" spans="1:13">
      <c r="A78" s="40" t="s">
        <v>81</v>
      </c>
      <c r="B78" s="21">
        <v>9</v>
      </c>
      <c r="C78" s="22">
        <v>6</v>
      </c>
      <c r="D78" s="22">
        <v>3</v>
      </c>
      <c r="E78" s="21">
        <v>2</v>
      </c>
      <c r="F78" s="22">
        <v>2</v>
      </c>
      <c r="G78" s="23">
        <v>0</v>
      </c>
      <c r="H78" s="22">
        <v>19</v>
      </c>
      <c r="I78" s="22">
        <v>9</v>
      </c>
      <c r="J78" s="22">
        <v>10</v>
      </c>
      <c r="K78" s="21">
        <v>8</v>
      </c>
      <c r="L78" s="53">
        <v>1</v>
      </c>
      <c r="M78" s="54">
        <v>7</v>
      </c>
    </row>
    <row r="79" spans="1:13">
      <c r="A79" s="40" t="s">
        <v>82</v>
      </c>
      <c r="B79" s="21">
        <v>0</v>
      </c>
      <c r="C79" s="22">
        <v>0</v>
      </c>
      <c r="D79" s="22">
        <v>0</v>
      </c>
      <c r="E79" s="21">
        <v>1</v>
      </c>
      <c r="F79" s="22">
        <v>1</v>
      </c>
      <c r="G79" s="23">
        <v>0</v>
      </c>
      <c r="H79" s="22">
        <v>17</v>
      </c>
      <c r="I79" s="22">
        <v>9</v>
      </c>
      <c r="J79" s="22">
        <v>8</v>
      </c>
      <c r="K79" s="21">
        <v>16</v>
      </c>
      <c r="L79" s="53">
        <v>8</v>
      </c>
      <c r="M79" s="54">
        <v>8</v>
      </c>
    </row>
    <row r="80" spans="1:13">
      <c r="A80" s="40" t="s">
        <v>83</v>
      </c>
      <c r="B80" s="21">
        <v>5</v>
      </c>
      <c r="C80" s="22">
        <v>2</v>
      </c>
      <c r="D80" s="22">
        <v>3</v>
      </c>
      <c r="E80" s="21">
        <v>0</v>
      </c>
      <c r="F80" s="22">
        <v>0</v>
      </c>
      <c r="G80" s="23">
        <v>0</v>
      </c>
      <c r="H80" s="22">
        <v>14</v>
      </c>
      <c r="I80" s="22">
        <v>6</v>
      </c>
      <c r="J80" s="22">
        <v>8</v>
      </c>
      <c r="K80" s="21">
        <v>9</v>
      </c>
      <c r="L80" s="53">
        <v>4</v>
      </c>
      <c r="M80" s="54">
        <v>5</v>
      </c>
    </row>
    <row r="81" spans="1:13">
      <c r="A81" s="40" t="s">
        <v>84</v>
      </c>
      <c r="B81" s="21">
        <v>-3</v>
      </c>
      <c r="C81" s="22">
        <v>-3</v>
      </c>
      <c r="D81" s="22">
        <v>0</v>
      </c>
      <c r="E81" s="21">
        <v>0</v>
      </c>
      <c r="F81" s="22">
        <v>0</v>
      </c>
      <c r="G81" s="23">
        <v>0</v>
      </c>
      <c r="H81" s="22">
        <v>4</v>
      </c>
      <c r="I81" s="22">
        <v>2</v>
      </c>
      <c r="J81" s="22">
        <v>2</v>
      </c>
      <c r="K81" s="21">
        <v>7</v>
      </c>
      <c r="L81" s="53">
        <v>5</v>
      </c>
      <c r="M81" s="54">
        <v>2</v>
      </c>
    </row>
    <row r="82" spans="1:13">
      <c r="A82" s="40" t="s">
        <v>85</v>
      </c>
      <c r="B82" s="21">
        <v>2</v>
      </c>
      <c r="C82" s="22">
        <v>4</v>
      </c>
      <c r="D82" s="22">
        <v>-2</v>
      </c>
      <c r="E82" s="21">
        <v>0</v>
      </c>
      <c r="F82" s="22">
        <v>0</v>
      </c>
      <c r="G82" s="23">
        <v>0</v>
      </c>
      <c r="H82" s="22">
        <v>12</v>
      </c>
      <c r="I82" s="22">
        <v>9</v>
      </c>
      <c r="J82" s="22">
        <v>3</v>
      </c>
      <c r="K82" s="21">
        <v>10</v>
      </c>
      <c r="L82" s="53">
        <v>5</v>
      </c>
      <c r="M82" s="54">
        <v>5</v>
      </c>
    </row>
    <row r="83" spans="1:13" ht="19.5" customHeight="1">
      <c r="A83" s="34" t="s">
        <v>86</v>
      </c>
      <c r="B83" s="17">
        <v>3</v>
      </c>
      <c r="C83" s="18">
        <v>6</v>
      </c>
      <c r="D83" s="18">
        <v>-3</v>
      </c>
      <c r="E83" s="17">
        <v>8</v>
      </c>
      <c r="F83" s="18">
        <v>6</v>
      </c>
      <c r="G83" s="19">
        <v>2</v>
      </c>
      <c r="H83" s="18">
        <v>62</v>
      </c>
      <c r="I83" s="18">
        <v>31</v>
      </c>
      <c r="J83" s="18">
        <v>31</v>
      </c>
      <c r="K83" s="17">
        <v>51</v>
      </c>
      <c r="L83" s="51">
        <v>19</v>
      </c>
      <c r="M83" s="52">
        <v>32</v>
      </c>
    </row>
    <row r="84" spans="1:13">
      <c r="A84" s="40" t="s">
        <v>87</v>
      </c>
      <c r="B84" s="21">
        <v>-7</v>
      </c>
      <c r="C84" s="22">
        <v>-1</v>
      </c>
      <c r="D84" s="22">
        <v>-6</v>
      </c>
      <c r="E84" s="21">
        <v>0</v>
      </c>
      <c r="F84" s="22">
        <v>0</v>
      </c>
      <c r="G84" s="23">
        <v>0</v>
      </c>
      <c r="H84" s="22">
        <v>10</v>
      </c>
      <c r="I84" s="22">
        <v>4</v>
      </c>
      <c r="J84" s="22">
        <v>6</v>
      </c>
      <c r="K84" s="21">
        <v>17</v>
      </c>
      <c r="L84" s="53">
        <v>5</v>
      </c>
      <c r="M84" s="54">
        <v>12</v>
      </c>
    </row>
    <row r="85" spans="1:13">
      <c r="A85" s="40" t="s">
        <v>88</v>
      </c>
      <c r="B85" s="21">
        <v>3</v>
      </c>
      <c r="C85" s="22">
        <v>1</v>
      </c>
      <c r="D85" s="22">
        <v>2</v>
      </c>
      <c r="E85" s="21">
        <v>0</v>
      </c>
      <c r="F85" s="22">
        <v>0</v>
      </c>
      <c r="G85" s="23">
        <v>0</v>
      </c>
      <c r="H85" s="22">
        <v>12</v>
      </c>
      <c r="I85" s="22">
        <v>4</v>
      </c>
      <c r="J85" s="22">
        <v>8</v>
      </c>
      <c r="K85" s="21">
        <v>9</v>
      </c>
      <c r="L85" s="53">
        <v>3</v>
      </c>
      <c r="M85" s="54">
        <v>6</v>
      </c>
    </row>
    <row r="86" spans="1:13">
      <c r="A86" s="40" t="s">
        <v>89</v>
      </c>
      <c r="B86" s="21">
        <v>5</v>
      </c>
      <c r="C86" s="22">
        <v>6</v>
      </c>
      <c r="D86" s="22">
        <v>-1</v>
      </c>
      <c r="E86" s="21">
        <v>2</v>
      </c>
      <c r="F86" s="22">
        <v>1</v>
      </c>
      <c r="G86" s="23">
        <v>1</v>
      </c>
      <c r="H86" s="22">
        <v>13</v>
      </c>
      <c r="I86" s="22">
        <v>8</v>
      </c>
      <c r="J86" s="22">
        <v>5</v>
      </c>
      <c r="K86" s="21">
        <v>6</v>
      </c>
      <c r="L86" s="53">
        <v>1</v>
      </c>
      <c r="M86" s="54">
        <v>5</v>
      </c>
    </row>
    <row r="87" spans="1:13">
      <c r="A87" s="40" t="s">
        <v>90</v>
      </c>
      <c r="B87" s="21">
        <v>3</v>
      </c>
      <c r="C87" s="22">
        <v>4</v>
      </c>
      <c r="D87" s="22">
        <v>-1</v>
      </c>
      <c r="E87" s="21">
        <v>4</v>
      </c>
      <c r="F87" s="22">
        <v>4</v>
      </c>
      <c r="G87" s="23">
        <v>0</v>
      </c>
      <c r="H87" s="22">
        <v>15</v>
      </c>
      <c r="I87" s="22">
        <v>11</v>
      </c>
      <c r="J87" s="22">
        <v>4</v>
      </c>
      <c r="K87" s="21">
        <v>8</v>
      </c>
      <c r="L87" s="53">
        <v>3</v>
      </c>
      <c r="M87" s="54">
        <v>5</v>
      </c>
    </row>
    <row r="88" spans="1:13">
      <c r="A88" s="40" t="s">
        <v>91</v>
      </c>
      <c r="B88" s="21">
        <v>-1</v>
      </c>
      <c r="C88" s="22">
        <v>-4</v>
      </c>
      <c r="D88" s="22">
        <v>3</v>
      </c>
      <c r="E88" s="21">
        <v>2</v>
      </c>
      <c r="F88" s="22">
        <v>1</v>
      </c>
      <c r="G88" s="23">
        <v>1</v>
      </c>
      <c r="H88" s="22">
        <v>12</v>
      </c>
      <c r="I88" s="22">
        <v>4</v>
      </c>
      <c r="J88" s="22">
        <v>8</v>
      </c>
      <c r="K88" s="21">
        <v>11</v>
      </c>
      <c r="L88" s="53">
        <v>7</v>
      </c>
      <c r="M88" s="54">
        <v>4</v>
      </c>
    </row>
    <row r="89" spans="1:13" ht="19.5" customHeight="1">
      <c r="A89" s="34" t="s">
        <v>92</v>
      </c>
      <c r="B89" s="17">
        <v>22</v>
      </c>
      <c r="C89" s="18">
        <v>20</v>
      </c>
      <c r="D89" s="18">
        <v>2</v>
      </c>
      <c r="E89" s="17">
        <v>8</v>
      </c>
      <c r="F89" s="18">
        <v>4</v>
      </c>
      <c r="G89" s="19">
        <v>4</v>
      </c>
      <c r="H89" s="18">
        <v>75</v>
      </c>
      <c r="I89" s="18">
        <v>43</v>
      </c>
      <c r="J89" s="18">
        <v>32</v>
      </c>
      <c r="K89" s="17">
        <v>45</v>
      </c>
      <c r="L89" s="51">
        <v>19</v>
      </c>
      <c r="M89" s="52">
        <v>26</v>
      </c>
    </row>
    <row r="90" spans="1:13">
      <c r="A90" s="40" t="s">
        <v>93</v>
      </c>
      <c r="B90" s="21">
        <v>7</v>
      </c>
      <c r="C90" s="22">
        <v>4</v>
      </c>
      <c r="D90" s="22">
        <v>3</v>
      </c>
      <c r="E90" s="21">
        <v>3</v>
      </c>
      <c r="F90" s="22">
        <v>1</v>
      </c>
      <c r="G90" s="23">
        <v>2</v>
      </c>
      <c r="H90" s="22">
        <v>17</v>
      </c>
      <c r="I90" s="22">
        <v>8</v>
      </c>
      <c r="J90" s="22">
        <v>9</v>
      </c>
      <c r="K90" s="21">
        <v>7</v>
      </c>
      <c r="L90" s="53">
        <v>3</v>
      </c>
      <c r="M90" s="54">
        <v>4</v>
      </c>
    </row>
    <row r="91" spans="1:13">
      <c r="A91" s="40" t="s">
        <v>94</v>
      </c>
      <c r="B91" s="21">
        <v>3</v>
      </c>
      <c r="C91" s="22">
        <v>1</v>
      </c>
      <c r="D91" s="22">
        <v>2</v>
      </c>
      <c r="E91" s="21">
        <v>1</v>
      </c>
      <c r="F91" s="22">
        <v>1</v>
      </c>
      <c r="G91" s="23">
        <v>0</v>
      </c>
      <c r="H91" s="22">
        <v>15</v>
      </c>
      <c r="I91" s="22">
        <v>9</v>
      </c>
      <c r="J91" s="22">
        <v>6</v>
      </c>
      <c r="K91" s="21">
        <v>11</v>
      </c>
      <c r="L91" s="53">
        <v>7</v>
      </c>
      <c r="M91" s="54">
        <v>4</v>
      </c>
    </row>
    <row r="92" spans="1:13">
      <c r="A92" s="40" t="s">
        <v>95</v>
      </c>
      <c r="B92" s="21">
        <v>4</v>
      </c>
      <c r="C92" s="22">
        <v>6</v>
      </c>
      <c r="D92" s="22">
        <v>-2</v>
      </c>
      <c r="E92" s="21">
        <v>2</v>
      </c>
      <c r="F92" s="22">
        <v>2</v>
      </c>
      <c r="G92" s="23">
        <v>0</v>
      </c>
      <c r="H92" s="22">
        <v>15</v>
      </c>
      <c r="I92" s="22">
        <v>10</v>
      </c>
      <c r="J92" s="22">
        <v>5</v>
      </c>
      <c r="K92" s="21">
        <v>9</v>
      </c>
      <c r="L92" s="53">
        <v>2</v>
      </c>
      <c r="M92" s="54">
        <v>7</v>
      </c>
    </row>
    <row r="93" spans="1:13">
      <c r="A93" s="40" t="s">
        <v>96</v>
      </c>
      <c r="B93" s="21">
        <v>1</v>
      </c>
      <c r="C93" s="22">
        <v>2</v>
      </c>
      <c r="D93" s="22">
        <v>-1</v>
      </c>
      <c r="E93" s="21">
        <v>1</v>
      </c>
      <c r="F93" s="22">
        <v>0</v>
      </c>
      <c r="G93" s="23">
        <v>1</v>
      </c>
      <c r="H93" s="22">
        <v>13</v>
      </c>
      <c r="I93" s="22">
        <v>8</v>
      </c>
      <c r="J93" s="22">
        <v>5</v>
      </c>
      <c r="K93" s="21">
        <v>11</v>
      </c>
      <c r="L93" s="53">
        <v>6</v>
      </c>
      <c r="M93" s="54">
        <v>5</v>
      </c>
    </row>
    <row r="94" spans="1:13">
      <c r="A94" s="40" t="s">
        <v>97</v>
      </c>
      <c r="B94" s="21">
        <v>7</v>
      </c>
      <c r="C94" s="22">
        <v>7</v>
      </c>
      <c r="D94" s="22">
        <v>0</v>
      </c>
      <c r="E94" s="21">
        <v>1</v>
      </c>
      <c r="F94" s="22">
        <v>0</v>
      </c>
      <c r="G94" s="23">
        <v>1</v>
      </c>
      <c r="H94" s="22">
        <v>15</v>
      </c>
      <c r="I94" s="22">
        <v>8</v>
      </c>
      <c r="J94" s="22">
        <v>7</v>
      </c>
      <c r="K94" s="21">
        <v>7</v>
      </c>
      <c r="L94" s="53">
        <v>1</v>
      </c>
      <c r="M94" s="54">
        <v>6</v>
      </c>
    </row>
    <row r="95" spans="1:13" ht="19.5" customHeight="1">
      <c r="A95" s="34" t="s">
        <v>98</v>
      </c>
      <c r="B95" s="17">
        <v>-7</v>
      </c>
      <c r="C95" s="18">
        <v>-7</v>
      </c>
      <c r="D95" s="18">
        <v>0</v>
      </c>
      <c r="E95" s="17">
        <v>23</v>
      </c>
      <c r="F95" s="18">
        <v>16</v>
      </c>
      <c r="G95" s="19">
        <v>7</v>
      </c>
      <c r="H95" s="18">
        <v>51</v>
      </c>
      <c r="I95" s="18">
        <v>26</v>
      </c>
      <c r="J95" s="18">
        <v>25</v>
      </c>
      <c r="K95" s="17">
        <v>35</v>
      </c>
      <c r="L95" s="51">
        <v>17</v>
      </c>
      <c r="M95" s="52">
        <v>18</v>
      </c>
    </row>
    <row r="96" spans="1:13">
      <c r="A96" s="40" t="s">
        <v>99</v>
      </c>
      <c r="B96" s="21">
        <v>1</v>
      </c>
      <c r="C96" s="22">
        <v>1</v>
      </c>
      <c r="D96" s="22">
        <v>0</v>
      </c>
      <c r="E96" s="21">
        <v>1</v>
      </c>
      <c r="F96" s="22">
        <v>1</v>
      </c>
      <c r="G96" s="23">
        <v>0</v>
      </c>
      <c r="H96" s="22">
        <v>14</v>
      </c>
      <c r="I96" s="22">
        <v>11</v>
      </c>
      <c r="J96" s="22">
        <v>3</v>
      </c>
      <c r="K96" s="21">
        <v>12</v>
      </c>
      <c r="L96" s="53">
        <v>9</v>
      </c>
      <c r="M96" s="54">
        <v>3</v>
      </c>
    </row>
    <row r="97" spans="1:13">
      <c r="A97" s="40" t="s">
        <v>100</v>
      </c>
      <c r="B97" s="21">
        <v>-1</v>
      </c>
      <c r="C97" s="22">
        <v>-4</v>
      </c>
      <c r="D97" s="22">
        <v>3</v>
      </c>
      <c r="E97" s="21">
        <v>4</v>
      </c>
      <c r="F97" s="22">
        <v>2</v>
      </c>
      <c r="G97" s="23">
        <v>2</v>
      </c>
      <c r="H97" s="22">
        <v>7</v>
      </c>
      <c r="I97" s="22">
        <v>2</v>
      </c>
      <c r="J97" s="22">
        <v>5</v>
      </c>
      <c r="K97" s="21">
        <v>4</v>
      </c>
      <c r="L97" s="53">
        <v>4</v>
      </c>
      <c r="M97" s="54">
        <v>0</v>
      </c>
    </row>
    <row r="98" spans="1:13">
      <c r="A98" s="40" t="s">
        <v>101</v>
      </c>
      <c r="B98" s="21">
        <v>2</v>
      </c>
      <c r="C98" s="22">
        <v>-1</v>
      </c>
      <c r="D98" s="22">
        <v>3</v>
      </c>
      <c r="E98" s="21">
        <v>3</v>
      </c>
      <c r="F98" s="22">
        <v>3</v>
      </c>
      <c r="G98" s="23">
        <v>0</v>
      </c>
      <c r="H98" s="22">
        <v>11</v>
      </c>
      <c r="I98" s="22">
        <v>3</v>
      </c>
      <c r="J98" s="22">
        <v>8</v>
      </c>
      <c r="K98" s="21">
        <v>6</v>
      </c>
      <c r="L98" s="53">
        <v>1</v>
      </c>
      <c r="M98" s="54">
        <v>5</v>
      </c>
    </row>
    <row r="99" spans="1:13">
      <c r="A99" s="40" t="s">
        <v>102</v>
      </c>
      <c r="B99" s="21">
        <v>-7</v>
      </c>
      <c r="C99" s="22">
        <v>-6</v>
      </c>
      <c r="D99" s="22">
        <v>-1</v>
      </c>
      <c r="E99" s="21">
        <v>8</v>
      </c>
      <c r="F99" s="22">
        <v>6</v>
      </c>
      <c r="G99" s="23">
        <v>2</v>
      </c>
      <c r="H99" s="22">
        <v>8</v>
      </c>
      <c r="I99" s="22">
        <v>1</v>
      </c>
      <c r="J99" s="22">
        <v>7</v>
      </c>
      <c r="K99" s="21">
        <v>7</v>
      </c>
      <c r="L99" s="53">
        <v>1</v>
      </c>
      <c r="M99" s="54">
        <v>6</v>
      </c>
    </row>
    <row r="100" spans="1:13">
      <c r="A100" s="40" t="s">
        <v>103</v>
      </c>
      <c r="B100" s="21">
        <v>-2</v>
      </c>
      <c r="C100" s="22">
        <v>3</v>
      </c>
      <c r="D100" s="22">
        <v>-5</v>
      </c>
      <c r="E100" s="21">
        <v>7</v>
      </c>
      <c r="F100" s="22">
        <v>4</v>
      </c>
      <c r="G100" s="23">
        <v>3</v>
      </c>
      <c r="H100" s="22">
        <v>11</v>
      </c>
      <c r="I100" s="22">
        <v>9</v>
      </c>
      <c r="J100" s="22">
        <v>2</v>
      </c>
      <c r="K100" s="21">
        <v>6</v>
      </c>
      <c r="L100" s="53">
        <v>2</v>
      </c>
      <c r="M100" s="54">
        <v>4</v>
      </c>
    </row>
    <row r="101" spans="1:13" ht="19.5" customHeight="1">
      <c r="A101" s="34" t="s">
        <v>104</v>
      </c>
      <c r="B101" s="17">
        <v>-32</v>
      </c>
      <c r="C101" s="18">
        <v>-35</v>
      </c>
      <c r="D101" s="18">
        <v>3</v>
      </c>
      <c r="E101" s="17">
        <v>45</v>
      </c>
      <c r="F101" s="18">
        <v>33</v>
      </c>
      <c r="G101" s="19">
        <v>12</v>
      </c>
      <c r="H101" s="18">
        <v>55</v>
      </c>
      <c r="I101" s="18">
        <v>24</v>
      </c>
      <c r="J101" s="18">
        <v>31</v>
      </c>
      <c r="K101" s="17">
        <v>42</v>
      </c>
      <c r="L101" s="51">
        <v>26</v>
      </c>
      <c r="M101" s="52">
        <v>16</v>
      </c>
    </row>
    <row r="102" spans="1:13">
      <c r="A102" s="40" t="s">
        <v>105</v>
      </c>
      <c r="B102" s="21">
        <v>-6</v>
      </c>
      <c r="C102" s="22">
        <v>-6</v>
      </c>
      <c r="D102" s="22">
        <v>0</v>
      </c>
      <c r="E102" s="21">
        <v>9</v>
      </c>
      <c r="F102" s="22">
        <v>6</v>
      </c>
      <c r="G102" s="23">
        <v>3</v>
      </c>
      <c r="H102" s="22">
        <v>13</v>
      </c>
      <c r="I102" s="22">
        <v>5</v>
      </c>
      <c r="J102" s="22">
        <v>8</v>
      </c>
      <c r="K102" s="21">
        <v>10</v>
      </c>
      <c r="L102" s="53">
        <v>5</v>
      </c>
      <c r="M102" s="54">
        <v>5</v>
      </c>
    </row>
    <row r="103" spans="1:13">
      <c r="A103" s="40" t="s">
        <v>106</v>
      </c>
      <c r="B103" s="21">
        <v>-14</v>
      </c>
      <c r="C103" s="22">
        <v>-14</v>
      </c>
      <c r="D103" s="22">
        <v>0</v>
      </c>
      <c r="E103" s="21">
        <v>13</v>
      </c>
      <c r="F103" s="22">
        <v>9</v>
      </c>
      <c r="G103" s="23">
        <v>4</v>
      </c>
      <c r="H103" s="22">
        <v>10</v>
      </c>
      <c r="I103" s="22">
        <v>3</v>
      </c>
      <c r="J103" s="22">
        <v>7</v>
      </c>
      <c r="K103" s="21">
        <v>11</v>
      </c>
      <c r="L103" s="53">
        <v>8</v>
      </c>
      <c r="M103" s="54">
        <v>3</v>
      </c>
    </row>
    <row r="104" spans="1:13">
      <c r="A104" s="40" t="s">
        <v>107</v>
      </c>
      <c r="B104" s="21">
        <v>0</v>
      </c>
      <c r="C104" s="22">
        <v>-4</v>
      </c>
      <c r="D104" s="22">
        <v>4</v>
      </c>
      <c r="E104" s="21">
        <v>8</v>
      </c>
      <c r="F104" s="22">
        <v>6</v>
      </c>
      <c r="G104" s="23">
        <v>2</v>
      </c>
      <c r="H104" s="22">
        <v>15</v>
      </c>
      <c r="I104" s="22">
        <v>7</v>
      </c>
      <c r="J104" s="22">
        <v>8</v>
      </c>
      <c r="K104" s="21">
        <v>7</v>
      </c>
      <c r="L104" s="53">
        <v>5</v>
      </c>
      <c r="M104" s="54">
        <v>2</v>
      </c>
    </row>
    <row r="105" spans="1:13">
      <c r="A105" s="40" t="s">
        <v>108</v>
      </c>
      <c r="B105" s="21">
        <v>-3</v>
      </c>
      <c r="C105" s="22">
        <v>-3</v>
      </c>
      <c r="D105" s="22">
        <v>0</v>
      </c>
      <c r="E105" s="21">
        <v>10</v>
      </c>
      <c r="F105" s="22">
        <v>8</v>
      </c>
      <c r="G105" s="23">
        <v>2</v>
      </c>
      <c r="H105" s="22">
        <v>11</v>
      </c>
      <c r="I105" s="22">
        <v>6</v>
      </c>
      <c r="J105" s="22">
        <v>5</v>
      </c>
      <c r="K105" s="21">
        <v>4</v>
      </c>
      <c r="L105" s="53">
        <v>1</v>
      </c>
      <c r="M105" s="54">
        <v>3</v>
      </c>
    </row>
    <row r="106" spans="1:13">
      <c r="A106" s="40" t="s">
        <v>109</v>
      </c>
      <c r="B106" s="21">
        <v>-9</v>
      </c>
      <c r="C106" s="22">
        <v>-8</v>
      </c>
      <c r="D106" s="22">
        <v>-1</v>
      </c>
      <c r="E106" s="21">
        <v>5</v>
      </c>
      <c r="F106" s="22">
        <v>4</v>
      </c>
      <c r="G106" s="23">
        <v>1</v>
      </c>
      <c r="H106" s="22">
        <v>6</v>
      </c>
      <c r="I106" s="22">
        <v>3</v>
      </c>
      <c r="J106" s="22">
        <v>3</v>
      </c>
      <c r="K106" s="21">
        <v>10</v>
      </c>
      <c r="L106" s="53">
        <v>7</v>
      </c>
      <c r="M106" s="54">
        <v>3</v>
      </c>
    </row>
    <row r="107" spans="1:13" ht="19.5" customHeight="1">
      <c r="A107" s="34" t="s">
        <v>110</v>
      </c>
      <c r="B107" s="17">
        <v>-50</v>
      </c>
      <c r="C107" s="18">
        <v>-26</v>
      </c>
      <c r="D107" s="18">
        <v>-24</v>
      </c>
      <c r="E107" s="17">
        <v>56</v>
      </c>
      <c r="F107" s="18">
        <v>31</v>
      </c>
      <c r="G107" s="19">
        <v>25</v>
      </c>
      <c r="H107" s="18">
        <v>46</v>
      </c>
      <c r="I107" s="18">
        <v>21</v>
      </c>
      <c r="J107" s="18">
        <v>25</v>
      </c>
      <c r="K107" s="17">
        <v>40</v>
      </c>
      <c r="L107" s="51">
        <v>16</v>
      </c>
      <c r="M107" s="52">
        <v>24</v>
      </c>
    </row>
    <row r="108" spans="1:13">
      <c r="A108" s="40" t="s">
        <v>111</v>
      </c>
      <c r="B108" s="21">
        <v>-1</v>
      </c>
      <c r="C108" s="22">
        <v>-5</v>
      </c>
      <c r="D108" s="22">
        <v>4</v>
      </c>
      <c r="E108" s="21">
        <v>9</v>
      </c>
      <c r="F108" s="22">
        <v>7</v>
      </c>
      <c r="G108" s="23">
        <v>2</v>
      </c>
      <c r="H108" s="22">
        <v>16</v>
      </c>
      <c r="I108" s="22">
        <v>6</v>
      </c>
      <c r="J108" s="22">
        <v>10</v>
      </c>
      <c r="K108" s="21">
        <v>8</v>
      </c>
      <c r="L108" s="53">
        <v>4</v>
      </c>
      <c r="M108" s="54">
        <v>4</v>
      </c>
    </row>
    <row r="109" spans="1:13">
      <c r="A109" s="40" t="s">
        <v>112</v>
      </c>
      <c r="B109" s="21">
        <v>-20</v>
      </c>
      <c r="C109" s="22">
        <v>-16</v>
      </c>
      <c r="D109" s="22">
        <v>-4</v>
      </c>
      <c r="E109" s="21">
        <v>11</v>
      </c>
      <c r="F109" s="22">
        <v>10</v>
      </c>
      <c r="G109" s="23">
        <v>1</v>
      </c>
      <c r="H109" s="22">
        <v>2</v>
      </c>
      <c r="I109" s="22">
        <v>0</v>
      </c>
      <c r="J109" s="22">
        <v>2</v>
      </c>
      <c r="K109" s="21">
        <v>11</v>
      </c>
      <c r="L109" s="53">
        <v>6</v>
      </c>
      <c r="M109" s="54">
        <v>5</v>
      </c>
    </row>
    <row r="110" spans="1:13">
      <c r="A110" s="40" t="s">
        <v>113</v>
      </c>
      <c r="B110" s="21">
        <v>-11</v>
      </c>
      <c r="C110" s="22">
        <v>1</v>
      </c>
      <c r="D110" s="22">
        <v>-12</v>
      </c>
      <c r="E110" s="21">
        <v>13</v>
      </c>
      <c r="F110" s="22">
        <v>5</v>
      </c>
      <c r="G110" s="23">
        <v>8</v>
      </c>
      <c r="H110" s="22">
        <v>9</v>
      </c>
      <c r="I110" s="22">
        <v>8</v>
      </c>
      <c r="J110" s="22">
        <v>1</v>
      </c>
      <c r="K110" s="21">
        <v>7</v>
      </c>
      <c r="L110" s="53">
        <v>2</v>
      </c>
      <c r="M110" s="54">
        <v>5</v>
      </c>
    </row>
    <row r="111" spans="1:13">
      <c r="A111" s="40" t="s">
        <v>114</v>
      </c>
      <c r="B111" s="21">
        <v>-11</v>
      </c>
      <c r="C111" s="22">
        <v>-4</v>
      </c>
      <c r="D111" s="22">
        <v>-7</v>
      </c>
      <c r="E111" s="21">
        <v>10</v>
      </c>
      <c r="F111" s="22">
        <v>4</v>
      </c>
      <c r="G111" s="23">
        <v>6</v>
      </c>
      <c r="H111" s="22">
        <v>7</v>
      </c>
      <c r="I111" s="22">
        <v>3</v>
      </c>
      <c r="J111" s="22">
        <v>4</v>
      </c>
      <c r="K111" s="21">
        <v>8</v>
      </c>
      <c r="L111" s="53">
        <v>3</v>
      </c>
      <c r="M111" s="54">
        <v>5</v>
      </c>
    </row>
    <row r="112" spans="1:13">
      <c r="A112" s="40" t="s">
        <v>115</v>
      </c>
      <c r="B112" s="21">
        <v>-7</v>
      </c>
      <c r="C112" s="22">
        <v>-2</v>
      </c>
      <c r="D112" s="22">
        <v>-5</v>
      </c>
      <c r="E112" s="21">
        <v>13</v>
      </c>
      <c r="F112" s="22">
        <v>5</v>
      </c>
      <c r="G112" s="23">
        <v>8</v>
      </c>
      <c r="H112" s="22">
        <v>12</v>
      </c>
      <c r="I112" s="22">
        <v>4</v>
      </c>
      <c r="J112" s="22">
        <v>8</v>
      </c>
      <c r="K112" s="21">
        <v>6</v>
      </c>
      <c r="L112" s="53">
        <v>1</v>
      </c>
      <c r="M112" s="54">
        <v>5</v>
      </c>
    </row>
    <row r="113" spans="1:13" ht="19.5" customHeight="1">
      <c r="A113" s="34" t="s">
        <v>116</v>
      </c>
      <c r="B113" s="17">
        <v>-65</v>
      </c>
      <c r="C113" s="18">
        <v>-33</v>
      </c>
      <c r="D113" s="18">
        <v>-32</v>
      </c>
      <c r="E113" s="17">
        <v>83</v>
      </c>
      <c r="F113" s="18">
        <v>40</v>
      </c>
      <c r="G113" s="19">
        <v>43</v>
      </c>
      <c r="H113" s="18">
        <v>40</v>
      </c>
      <c r="I113" s="18">
        <v>16</v>
      </c>
      <c r="J113" s="18">
        <v>24</v>
      </c>
      <c r="K113" s="17">
        <v>22</v>
      </c>
      <c r="L113" s="51">
        <v>9</v>
      </c>
      <c r="M113" s="52">
        <v>13</v>
      </c>
    </row>
    <row r="114" spans="1:13">
      <c r="A114" s="40" t="s">
        <v>117</v>
      </c>
      <c r="B114" s="21">
        <v>-11</v>
      </c>
      <c r="C114" s="22">
        <v>-8</v>
      </c>
      <c r="D114" s="22">
        <v>-3</v>
      </c>
      <c r="E114" s="21">
        <v>15</v>
      </c>
      <c r="F114" s="22">
        <v>9</v>
      </c>
      <c r="G114" s="23">
        <v>6</v>
      </c>
      <c r="H114" s="22">
        <v>6</v>
      </c>
      <c r="I114" s="22">
        <v>2</v>
      </c>
      <c r="J114" s="22">
        <v>4</v>
      </c>
      <c r="K114" s="21">
        <v>2</v>
      </c>
      <c r="L114" s="53">
        <v>1</v>
      </c>
      <c r="M114" s="54">
        <v>1</v>
      </c>
    </row>
    <row r="115" spans="1:13">
      <c r="A115" s="40" t="s">
        <v>118</v>
      </c>
      <c r="B115" s="21">
        <v>-8</v>
      </c>
      <c r="C115" s="22">
        <v>-9</v>
      </c>
      <c r="D115" s="22">
        <v>1</v>
      </c>
      <c r="E115" s="21">
        <v>15</v>
      </c>
      <c r="F115" s="22">
        <v>9</v>
      </c>
      <c r="G115" s="23">
        <v>6</v>
      </c>
      <c r="H115" s="22">
        <v>9</v>
      </c>
      <c r="I115" s="22">
        <v>2</v>
      </c>
      <c r="J115" s="22">
        <v>7</v>
      </c>
      <c r="K115" s="21">
        <v>2</v>
      </c>
      <c r="L115" s="53">
        <v>2</v>
      </c>
      <c r="M115" s="54">
        <v>0</v>
      </c>
    </row>
    <row r="116" spans="1:13">
      <c r="A116" s="40" t="s">
        <v>119</v>
      </c>
      <c r="B116" s="21">
        <v>-16</v>
      </c>
      <c r="C116" s="22">
        <v>-7</v>
      </c>
      <c r="D116" s="22">
        <v>-9</v>
      </c>
      <c r="E116" s="21">
        <v>19</v>
      </c>
      <c r="F116" s="22">
        <v>8</v>
      </c>
      <c r="G116" s="23">
        <v>11</v>
      </c>
      <c r="H116" s="22">
        <v>8</v>
      </c>
      <c r="I116" s="22">
        <v>2</v>
      </c>
      <c r="J116" s="22">
        <v>6</v>
      </c>
      <c r="K116" s="21">
        <v>5</v>
      </c>
      <c r="L116" s="53">
        <v>1</v>
      </c>
      <c r="M116" s="54">
        <v>4</v>
      </c>
    </row>
    <row r="117" spans="1:13">
      <c r="A117" s="40" t="s">
        <v>120</v>
      </c>
      <c r="B117" s="21">
        <v>-22</v>
      </c>
      <c r="C117" s="22">
        <v>-7</v>
      </c>
      <c r="D117" s="22">
        <v>-15</v>
      </c>
      <c r="E117" s="21">
        <v>23</v>
      </c>
      <c r="F117" s="22">
        <v>9</v>
      </c>
      <c r="G117" s="23">
        <v>14</v>
      </c>
      <c r="H117" s="22">
        <v>5</v>
      </c>
      <c r="I117" s="22">
        <v>3</v>
      </c>
      <c r="J117" s="22">
        <v>2</v>
      </c>
      <c r="K117" s="21">
        <v>4</v>
      </c>
      <c r="L117" s="53">
        <v>1</v>
      </c>
      <c r="M117" s="54">
        <v>3</v>
      </c>
    </row>
    <row r="118" spans="1:13">
      <c r="A118" s="40" t="s">
        <v>121</v>
      </c>
      <c r="B118" s="21">
        <v>-8</v>
      </c>
      <c r="C118" s="22">
        <v>-2</v>
      </c>
      <c r="D118" s="22">
        <v>-6</v>
      </c>
      <c r="E118" s="21">
        <v>11</v>
      </c>
      <c r="F118" s="22">
        <v>5</v>
      </c>
      <c r="G118" s="23">
        <v>6</v>
      </c>
      <c r="H118" s="22">
        <v>12</v>
      </c>
      <c r="I118" s="22">
        <v>7</v>
      </c>
      <c r="J118" s="22">
        <v>5</v>
      </c>
      <c r="K118" s="21">
        <v>9</v>
      </c>
      <c r="L118" s="53">
        <v>4</v>
      </c>
      <c r="M118" s="54">
        <v>5</v>
      </c>
    </row>
    <row r="119" spans="1:13" ht="19.5" customHeight="1">
      <c r="A119" s="34" t="s">
        <v>122</v>
      </c>
      <c r="B119" s="17">
        <v>-82</v>
      </c>
      <c r="C119" s="18">
        <v>-42</v>
      </c>
      <c r="D119" s="18">
        <v>-40</v>
      </c>
      <c r="E119" s="17">
        <v>86</v>
      </c>
      <c r="F119" s="18">
        <v>42</v>
      </c>
      <c r="G119" s="19">
        <v>44</v>
      </c>
      <c r="H119" s="18">
        <v>18</v>
      </c>
      <c r="I119" s="18">
        <v>6</v>
      </c>
      <c r="J119" s="18">
        <v>12</v>
      </c>
      <c r="K119" s="17">
        <v>14</v>
      </c>
      <c r="L119" s="51">
        <v>6</v>
      </c>
      <c r="M119" s="52">
        <v>8</v>
      </c>
    </row>
    <row r="120" spans="1:13">
      <c r="A120" s="40" t="s">
        <v>123</v>
      </c>
      <c r="B120" s="21">
        <v>-10</v>
      </c>
      <c r="C120" s="22">
        <v>-8</v>
      </c>
      <c r="D120" s="22">
        <v>-2</v>
      </c>
      <c r="E120" s="21">
        <v>14</v>
      </c>
      <c r="F120" s="22">
        <v>9</v>
      </c>
      <c r="G120" s="23">
        <v>5</v>
      </c>
      <c r="H120" s="22">
        <v>4</v>
      </c>
      <c r="I120" s="22">
        <v>1</v>
      </c>
      <c r="J120" s="22">
        <v>3</v>
      </c>
      <c r="K120" s="21">
        <v>0</v>
      </c>
      <c r="L120" s="53">
        <v>0</v>
      </c>
      <c r="M120" s="54">
        <v>0</v>
      </c>
    </row>
    <row r="121" spans="1:13">
      <c r="A121" s="40" t="s">
        <v>124</v>
      </c>
      <c r="B121" s="21">
        <v>-15</v>
      </c>
      <c r="C121" s="22">
        <v>-7</v>
      </c>
      <c r="D121" s="22">
        <v>-8</v>
      </c>
      <c r="E121" s="21">
        <v>14</v>
      </c>
      <c r="F121" s="22">
        <v>7</v>
      </c>
      <c r="G121" s="23">
        <v>7</v>
      </c>
      <c r="H121" s="22">
        <v>3</v>
      </c>
      <c r="I121" s="22">
        <v>1</v>
      </c>
      <c r="J121" s="22">
        <v>2</v>
      </c>
      <c r="K121" s="21">
        <v>4</v>
      </c>
      <c r="L121" s="53">
        <v>1</v>
      </c>
      <c r="M121" s="54">
        <v>3</v>
      </c>
    </row>
    <row r="122" spans="1:13">
      <c r="A122" s="40" t="s">
        <v>125</v>
      </c>
      <c r="B122" s="21">
        <v>-21</v>
      </c>
      <c r="C122" s="22">
        <v>-11</v>
      </c>
      <c r="D122" s="22">
        <v>-10</v>
      </c>
      <c r="E122" s="21">
        <v>20</v>
      </c>
      <c r="F122" s="22">
        <v>10</v>
      </c>
      <c r="G122" s="23">
        <v>10</v>
      </c>
      <c r="H122" s="22">
        <v>4</v>
      </c>
      <c r="I122" s="22">
        <v>1</v>
      </c>
      <c r="J122" s="22">
        <v>3</v>
      </c>
      <c r="K122" s="21">
        <v>5</v>
      </c>
      <c r="L122" s="53">
        <v>2</v>
      </c>
      <c r="M122" s="54">
        <v>3</v>
      </c>
    </row>
    <row r="123" spans="1:13">
      <c r="A123" s="40" t="s">
        <v>126</v>
      </c>
      <c r="B123" s="21">
        <v>-22</v>
      </c>
      <c r="C123" s="22">
        <v>-14</v>
      </c>
      <c r="D123" s="22">
        <v>-8</v>
      </c>
      <c r="E123" s="21">
        <v>22</v>
      </c>
      <c r="F123" s="22">
        <v>13</v>
      </c>
      <c r="G123" s="23">
        <v>9</v>
      </c>
      <c r="H123" s="22">
        <v>4</v>
      </c>
      <c r="I123" s="22">
        <v>2</v>
      </c>
      <c r="J123" s="22">
        <v>2</v>
      </c>
      <c r="K123" s="21">
        <v>4</v>
      </c>
      <c r="L123" s="53">
        <v>3</v>
      </c>
      <c r="M123" s="54">
        <v>1</v>
      </c>
    </row>
    <row r="124" spans="1:13">
      <c r="A124" s="40" t="s">
        <v>127</v>
      </c>
      <c r="B124" s="21">
        <v>-14</v>
      </c>
      <c r="C124" s="22">
        <v>-2</v>
      </c>
      <c r="D124" s="22">
        <v>-12</v>
      </c>
      <c r="E124" s="21">
        <v>16</v>
      </c>
      <c r="F124" s="22">
        <v>3</v>
      </c>
      <c r="G124" s="23">
        <v>13</v>
      </c>
      <c r="H124" s="22">
        <v>3</v>
      </c>
      <c r="I124" s="22">
        <v>1</v>
      </c>
      <c r="J124" s="22">
        <v>2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72</v>
      </c>
      <c r="C125" s="18">
        <v>-26</v>
      </c>
      <c r="D125" s="18">
        <v>-46</v>
      </c>
      <c r="E125" s="17">
        <v>69</v>
      </c>
      <c r="F125" s="18">
        <v>24</v>
      </c>
      <c r="G125" s="19">
        <v>45</v>
      </c>
      <c r="H125" s="18">
        <v>8</v>
      </c>
      <c r="I125" s="18">
        <v>1</v>
      </c>
      <c r="J125" s="18">
        <v>7</v>
      </c>
      <c r="K125" s="17">
        <v>11</v>
      </c>
      <c r="L125" s="51">
        <v>3</v>
      </c>
      <c r="M125" s="52">
        <v>8</v>
      </c>
    </row>
    <row r="126" spans="1:13">
      <c r="A126" s="40" t="s">
        <v>129</v>
      </c>
      <c r="B126" s="21">
        <v>-15</v>
      </c>
      <c r="C126" s="22">
        <v>-7</v>
      </c>
      <c r="D126" s="22">
        <v>-8</v>
      </c>
      <c r="E126" s="21">
        <v>15</v>
      </c>
      <c r="F126" s="22">
        <v>6</v>
      </c>
      <c r="G126" s="23">
        <v>9</v>
      </c>
      <c r="H126" s="22">
        <v>2</v>
      </c>
      <c r="I126" s="22">
        <v>0</v>
      </c>
      <c r="J126" s="22">
        <v>2</v>
      </c>
      <c r="K126" s="21">
        <v>2</v>
      </c>
      <c r="L126" s="53">
        <v>1</v>
      </c>
      <c r="M126" s="54">
        <v>1</v>
      </c>
    </row>
    <row r="127" spans="1:13">
      <c r="A127" s="40" t="s">
        <v>130</v>
      </c>
      <c r="B127" s="21">
        <v>-15</v>
      </c>
      <c r="C127" s="22">
        <v>-4</v>
      </c>
      <c r="D127" s="22">
        <v>-11</v>
      </c>
      <c r="E127" s="21">
        <v>13</v>
      </c>
      <c r="F127" s="22">
        <v>2</v>
      </c>
      <c r="G127" s="23">
        <v>11</v>
      </c>
      <c r="H127" s="22">
        <v>2</v>
      </c>
      <c r="I127" s="22">
        <v>0</v>
      </c>
      <c r="J127" s="22">
        <v>2</v>
      </c>
      <c r="K127" s="21">
        <v>4</v>
      </c>
      <c r="L127" s="53">
        <v>2</v>
      </c>
      <c r="M127" s="54">
        <v>2</v>
      </c>
    </row>
    <row r="128" spans="1:13">
      <c r="A128" s="40" t="s">
        <v>131</v>
      </c>
      <c r="B128" s="21">
        <v>-14</v>
      </c>
      <c r="C128" s="22">
        <v>-5</v>
      </c>
      <c r="D128" s="22">
        <v>-9</v>
      </c>
      <c r="E128" s="21">
        <v>15</v>
      </c>
      <c r="F128" s="22">
        <v>6</v>
      </c>
      <c r="G128" s="23">
        <v>9</v>
      </c>
      <c r="H128" s="22">
        <v>3</v>
      </c>
      <c r="I128" s="22">
        <v>1</v>
      </c>
      <c r="J128" s="22">
        <v>2</v>
      </c>
      <c r="K128" s="21">
        <v>2</v>
      </c>
      <c r="L128" s="53">
        <v>0</v>
      </c>
      <c r="M128" s="54">
        <v>2</v>
      </c>
    </row>
    <row r="129" spans="1:13">
      <c r="A129" s="40" t="s">
        <v>132</v>
      </c>
      <c r="B129" s="21">
        <v>-16</v>
      </c>
      <c r="C129" s="22">
        <v>-6</v>
      </c>
      <c r="D129" s="22">
        <v>-10</v>
      </c>
      <c r="E129" s="21">
        <v>16</v>
      </c>
      <c r="F129" s="22">
        <v>6</v>
      </c>
      <c r="G129" s="23">
        <v>10</v>
      </c>
      <c r="H129" s="22">
        <v>1</v>
      </c>
      <c r="I129" s="22">
        <v>0</v>
      </c>
      <c r="J129" s="22">
        <v>1</v>
      </c>
      <c r="K129" s="21">
        <v>1</v>
      </c>
      <c r="L129" s="53">
        <v>0</v>
      </c>
      <c r="M129" s="54">
        <v>1</v>
      </c>
    </row>
    <row r="130" spans="1:13">
      <c r="A130" s="40" t="s">
        <v>133</v>
      </c>
      <c r="B130" s="21">
        <v>-12</v>
      </c>
      <c r="C130" s="22">
        <v>-4</v>
      </c>
      <c r="D130" s="22">
        <v>-8</v>
      </c>
      <c r="E130" s="21">
        <v>10</v>
      </c>
      <c r="F130" s="22">
        <v>4</v>
      </c>
      <c r="G130" s="23">
        <v>6</v>
      </c>
      <c r="H130" s="22">
        <v>0</v>
      </c>
      <c r="I130" s="22">
        <v>0</v>
      </c>
      <c r="J130" s="22">
        <v>0</v>
      </c>
      <c r="K130" s="21">
        <v>2</v>
      </c>
      <c r="L130" s="53">
        <v>0</v>
      </c>
      <c r="M130" s="54">
        <v>2</v>
      </c>
    </row>
    <row r="131" spans="1:13" ht="19.5" customHeight="1">
      <c r="A131" s="34" t="s">
        <v>134</v>
      </c>
      <c r="B131" s="17">
        <v>-36</v>
      </c>
      <c r="C131" s="18">
        <v>-9</v>
      </c>
      <c r="D131" s="18">
        <v>-27</v>
      </c>
      <c r="E131" s="17">
        <v>35</v>
      </c>
      <c r="F131" s="18">
        <v>8</v>
      </c>
      <c r="G131" s="19">
        <v>27</v>
      </c>
      <c r="H131" s="18">
        <v>1</v>
      </c>
      <c r="I131" s="18">
        <v>0</v>
      </c>
      <c r="J131" s="18">
        <v>1</v>
      </c>
      <c r="K131" s="17">
        <v>2</v>
      </c>
      <c r="L131" s="51">
        <v>1</v>
      </c>
      <c r="M131" s="52">
        <v>1</v>
      </c>
    </row>
    <row r="132" spans="1:13">
      <c r="A132" s="40" t="s">
        <v>135</v>
      </c>
      <c r="B132" s="21">
        <v>-12</v>
      </c>
      <c r="C132" s="22">
        <v>-7</v>
      </c>
      <c r="D132" s="22">
        <v>-5</v>
      </c>
      <c r="E132" s="21">
        <v>10</v>
      </c>
      <c r="F132" s="22">
        <v>6</v>
      </c>
      <c r="G132" s="23">
        <v>4</v>
      </c>
      <c r="H132" s="22">
        <v>0</v>
      </c>
      <c r="I132" s="22">
        <v>0</v>
      </c>
      <c r="J132" s="22">
        <v>0</v>
      </c>
      <c r="K132" s="21">
        <v>2</v>
      </c>
      <c r="L132" s="53">
        <v>1</v>
      </c>
      <c r="M132" s="54">
        <v>1</v>
      </c>
    </row>
    <row r="133" spans="1:13">
      <c r="A133" s="40" t="s">
        <v>136</v>
      </c>
      <c r="B133" s="21">
        <v>-11</v>
      </c>
      <c r="C133" s="22">
        <v>-1</v>
      </c>
      <c r="D133" s="22">
        <v>-10</v>
      </c>
      <c r="E133" s="21">
        <v>11</v>
      </c>
      <c r="F133" s="22">
        <v>1</v>
      </c>
      <c r="G133" s="23">
        <v>10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4</v>
      </c>
      <c r="C134" s="22">
        <v>0</v>
      </c>
      <c r="D134" s="22">
        <v>-4</v>
      </c>
      <c r="E134" s="21">
        <v>4</v>
      </c>
      <c r="F134" s="22">
        <v>0</v>
      </c>
      <c r="G134" s="23">
        <v>4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7</v>
      </c>
      <c r="C135" s="22">
        <v>0</v>
      </c>
      <c r="D135" s="22">
        <v>-7</v>
      </c>
      <c r="E135" s="21">
        <v>8</v>
      </c>
      <c r="F135" s="22">
        <v>0</v>
      </c>
      <c r="G135" s="23">
        <v>8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</v>
      </c>
      <c r="C136" s="22">
        <v>-1</v>
      </c>
      <c r="D136" s="22">
        <v>-1</v>
      </c>
      <c r="E136" s="21">
        <v>2</v>
      </c>
      <c r="F136" s="22">
        <v>1</v>
      </c>
      <c r="G136" s="23">
        <v>1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4</v>
      </c>
      <c r="C137" s="43">
        <v>-4</v>
      </c>
      <c r="D137" s="43">
        <v>-10</v>
      </c>
      <c r="E137" s="42">
        <v>14</v>
      </c>
      <c r="F137" s="43">
        <v>4</v>
      </c>
      <c r="G137" s="44">
        <v>10</v>
      </c>
      <c r="H137" s="43">
        <v>0</v>
      </c>
      <c r="I137" s="43">
        <v>0</v>
      </c>
      <c r="J137" s="43">
        <v>0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58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5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40</v>
      </c>
      <c r="C5" s="14">
        <v>219</v>
      </c>
      <c r="D5" s="14">
        <v>-79</v>
      </c>
      <c r="E5" s="13">
        <v>2248</v>
      </c>
      <c r="F5" s="14">
        <v>1202</v>
      </c>
      <c r="G5" s="15">
        <v>1046</v>
      </c>
      <c r="H5" s="14">
        <v>13789</v>
      </c>
      <c r="I5" s="14">
        <v>7378</v>
      </c>
      <c r="J5" s="14">
        <v>6411</v>
      </c>
      <c r="K5" s="13">
        <v>12637</v>
      </c>
      <c r="L5" s="49">
        <v>6586</v>
      </c>
      <c r="M5" s="50">
        <v>6051</v>
      </c>
    </row>
    <row r="6" spans="1:13" ht="19.5" customHeight="1">
      <c r="A6" s="16" t="s">
        <v>13</v>
      </c>
      <c r="B6" s="17">
        <v>1174</v>
      </c>
      <c r="C6" s="18">
        <v>620</v>
      </c>
      <c r="D6" s="18">
        <v>554</v>
      </c>
      <c r="E6" s="17">
        <v>3</v>
      </c>
      <c r="F6" s="18">
        <v>1</v>
      </c>
      <c r="G6" s="19">
        <v>2</v>
      </c>
      <c r="H6" s="18">
        <v>517</v>
      </c>
      <c r="I6" s="18">
        <v>289</v>
      </c>
      <c r="J6" s="18">
        <v>228</v>
      </c>
      <c r="K6" s="17">
        <v>576</v>
      </c>
      <c r="L6" s="51">
        <v>297</v>
      </c>
      <c r="M6" s="52">
        <v>279</v>
      </c>
    </row>
    <row r="7" spans="1:13">
      <c r="A7" s="20" t="s">
        <v>14</v>
      </c>
      <c r="B7" s="21">
        <v>1214</v>
      </c>
      <c r="C7" s="22">
        <v>623</v>
      </c>
      <c r="D7" s="22">
        <v>591</v>
      </c>
      <c r="E7" s="21">
        <v>2</v>
      </c>
      <c r="F7" s="22">
        <v>0</v>
      </c>
      <c r="G7" s="23">
        <v>2</v>
      </c>
      <c r="H7" s="22">
        <v>86</v>
      </c>
      <c r="I7" s="22">
        <v>53</v>
      </c>
      <c r="J7" s="22">
        <v>33</v>
      </c>
      <c r="K7" s="21">
        <v>106</v>
      </c>
      <c r="L7" s="53">
        <v>59</v>
      </c>
      <c r="M7" s="54">
        <v>47</v>
      </c>
    </row>
    <row r="8" spans="1:13">
      <c r="A8" s="20" t="s">
        <v>15</v>
      </c>
      <c r="B8" s="21">
        <v>-19</v>
      </c>
      <c r="C8" s="22">
        <v>-6</v>
      </c>
      <c r="D8" s="22">
        <v>-13</v>
      </c>
      <c r="E8" s="21">
        <v>1</v>
      </c>
      <c r="F8" s="22">
        <v>1</v>
      </c>
      <c r="G8" s="23">
        <v>0</v>
      </c>
      <c r="H8" s="22">
        <v>133</v>
      </c>
      <c r="I8" s="22">
        <v>74</v>
      </c>
      <c r="J8" s="22">
        <v>59</v>
      </c>
      <c r="K8" s="21">
        <v>151</v>
      </c>
      <c r="L8" s="53">
        <v>79</v>
      </c>
      <c r="M8" s="54">
        <v>72</v>
      </c>
    </row>
    <row r="9" spans="1:13">
      <c r="A9" s="20" t="s">
        <v>16</v>
      </c>
      <c r="B9" s="21">
        <v>-14</v>
      </c>
      <c r="C9" s="22">
        <v>-3</v>
      </c>
      <c r="D9" s="22">
        <v>-11</v>
      </c>
      <c r="E9" s="21">
        <v>0</v>
      </c>
      <c r="F9" s="22">
        <v>0</v>
      </c>
      <c r="G9" s="23">
        <v>0</v>
      </c>
      <c r="H9" s="22">
        <v>119</v>
      </c>
      <c r="I9" s="22">
        <v>62</v>
      </c>
      <c r="J9" s="22">
        <v>57</v>
      </c>
      <c r="K9" s="21">
        <v>133</v>
      </c>
      <c r="L9" s="53">
        <v>65</v>
      </c>
      <c r="M9" s="54">
        <v>68</v>
      </c>
    </row>
    <row r="10" spans="1:13">
      <c r="A10" s="20" t="s">
        <v>17</v>
      </c>
      <c r="B10" s="21">
        <v>6</v>
      </c>
      <c r="C10" s="22">
        <v>-1</v>
      </c>
      <c r="D10" s="22">
        <v>7</v>
      </c>
      <c r="E10" s="21">
        <v>0</v>
      </c>
      <c r="F10" s="22">
        <v>0</v>
      </c>
      <c r="G10" s="23">
        <v>0</v>
      </c>
      <c r="H10" s="22">
        <v>104</v>
      </c>
      <c r="I10" s="22">
        <v>53</v>
      </c>
      <c r="J10" s="22">
        <v>51</v>
      </c>
      <c r="K10" s="21">
        <v>98</v>
      </c>
      <c r="L10" s="53">
        <v>54</v>
      </c>
      <c r="M10" s="54">
        <v>44</v>
      </c>
    </row>
    <row r="11" spans="1:13">
      <c r="A11" s="20" t="s">
        <v>18</v>
      </c>
      <c r="B11" s="21">
        <v>-13</v>
      </c>
      <c r="C11" s="22">
        <v>7</v>
      </c>
      <c r="D11" s="22">
        <v>-20</v>
      </c>
      <c r="E11" s="21">
        <v>0</v>
      </c>
      <c r="F11" s="22">
        <v>0</v>
      </c>
      <c r="G11" s="23">
        <v>0</v>
      </c>
      <c r="H11" s="22">
        <v>75</v>
      </c>
      <c r="I11" s="22">
        <v>47</v>
      </c>
      <c r="J11" s="22">
        <v>28</v>
      </c>
      <c r="K11" s="21">
        <v>88</v>
      </c>
      <c r="L11" s="53">
        <v>40</v>
      </c>
      <c r="M11" s="54">
        <v>48</v>
      </c>
    </row>
    <row r="12" spans="1:13" ht="20.100000000000001" customHeight="1">
      <c r="A12" s="16" t="s">
        <v>19</v>
      </c>
      <c r="B12" s="17">
        <v>-3</v>
      </c>
      <c r="C12" s="18">
        <v>15</v>
      </c>
      <c r="D12" s="18">
        <v>-18</v>
      </c>
      <c r="E12" s="17">
        <v>0</v>
      </c>
      <c r="F12" s="18">
        <v>0</v>
      </c>
      <c r="G12" s="19">
        <v>0</v>
      </c>
      <c r="H12" s="18">
        <v>305</v>
      </c>
      <c r="I12" s="18">
        <v>159</v>
      </c>
      <c r="J12" s="18">
        <v>146</v>
      </c>
      <c r="K12" s="17">
        <v>308</v>
      </c>
      <c r="L12" s="51">
        <v>144</v>
      </c>
      <c r="M12" s="52">
        <v>164</v>
      </c>
    </row>
    <row r="13" spans="1:13">
      <c r="A13" s="20" t="s">
        <v>20</v>
      </c>
      <c r="B13" s="21">
        <v>3</v>
      </c>
      <c r="C13" s="22">
        <v>-1</v>
      </c>
      <c r="D13" s="22">
        <v>4</v>
      </c>
      <c r="E13" s="21">
        <v>0</v>
      </c>
      <c r="F13" s="22">
        <v>0</v>
      </c>
      <c r="G13" s="23">
        <v>0</v>
      </c>
      <c r="H13" s="22">
        <v>77</v>
      </c>
      <c r="I13" s="22">
        <v>37</v>
      </c>
      <c r="J13" s="22">
        <v>40</v>
      </c>
      <c r="K13" s="21">
        <v>74</v>
      </c>
      <c r="L13" s="53">
        <v>38</v>
      </c>
      <c r="M13" s="54">
        <v>36</v>
      </c>
    </row>
    <row r="14" spans="1:13">
      <c r="A14" s="20" t="s">
        <v>21</v>
      </c>
      <c r="B14" s="21">
        <v>1</v>
      </c>
      <c r="C14" s="22">
        <v>-3</v>
      </c>
      <c r="D14" s="22">
        <v>4</v>
      </c>
      <c r="E14" s="21">
        <v>0</v>
      </c>
      <c r="F14" s="22">
        <v>0</v>
      </c>
      <c r="G14" s="23">
        <v>0</v>
      </c>
      <c r="H14" s="22">
        <v>68</v>
      </c>
      <c r="I14" s="22">
        <v>31</v>
      </c>
      <c r="J14" s="22">
        <v>37</v>
      </c>
      <c r="K14" s="21">
        <v>67</v>
      </c>
      <c r="L14" s="53">
        <v>34</v>
      </c>
      <c r="M14" s="54">
        <v>33</v>
      </c>
    </row>
    <row r="15" spans="1:13">
      <c r="A15" s="20" t="s">
        <v>22</v>
      </c>
      <c r="B15" s="21">
        <v>-16</v>
      </c>
      <c r="C15" s="22">
        <v>1</v>
      </c>
      <c r="D15" s="22">
        <v>-17</v>
      </c>
      <c r="E15" s="21">
        <v>0</v>
      </c>
      <c r="F15" s="22">
        <v>0</v>
      </c>
      <c r="G15" s="23">
        <v>0</v>
      </c>
      <c r="H15" s="22">
        <v>72</v>
      </c>
      <c r="I15" s="22">
        <v>39</v>
      </c>
      <c r="J15" s="22">
        <v>33</v>
      </c>
      <c r="K15" s="21">
        <v>88</v>
      </c>
      <c r="L15" s="53">
        <v>38</v>
      </c>
      <c r="M15" s="54">
        <v>50</v>
      </c>
    </row>
    <row r="16" spans="1:13">
      <c r="A16" s="20" t="s">
        <v>23</v>
      </c>
      <c r="B16" s="21">
        <v>10</v>
      </c>
      <c r="C16" s="22">
        <v>12</v>
      </c>
      <c r="D16" s="22">
        <v>-2</v>
      </c>
      <c r="E16" s="21">
        <v>0</v>
      </c>
      <c r="F16" s="22">
        <v>0</v>
      </c>
      <c r="G16" s="23">
        <v>0</v>
      </c>
      <c r="H16" s="22">
        <v>49</v>
      </c>
      <c r="I16" s="22">
        <v>28</v>
      </c>
      <c r="J16" s="22">
        <v>21</v>
      </c>
      <c r="K16" s="21">
        <v>39</v>
      </c>
      <c r="L16" s="53">
        <v>16</v>
      </c>
      <c r="M16" s="54">
        <v>23</v>
      </c>
    </row>
    <row r="17" spans="1:13">
      <c r="A17" s="20" t="s">
        <v>24</v>
      </c>
      <c r="B17" s="21">
        <v>-1</v>
      </c>
      <c r="C17" s="22">
        <v>6</v>
      </c>
      <c r="D17" s="22">
        <v>-7</v>
      </c>
      <c r="E17" s="21">
        <v>0</v>
      </c>
      <c r="F17" s="22">
        <v>0</v>
      </c>
      <c r="G17" s="23">
        <v>0</v>
      </c>
      <c r="H17" s="22">
        <v>39</v>
      </c>
      <c r="I17" s="22">
        <v>24</v>
      </c>
      <c r="J17" s="22">
        <v>15</v>
      </c>
      <c r="K17" s="21">
        <v>40</v>
      </c>
      <c r="L17" s="53">
        <v>18</v>
      </c>
      <c r="M17" s="54">
        <v>22</v>
      </c>
    </row>
    <row r="18" spans="1:13" ht="20.100000000000001" customHeight="1">
      <c r="A18" s="16" t="s">
        <v>25</v>
      </c>
      <c r="B18" s="17">
        <v>14</v>
      </c>
      <c r="C18" s="18">
        <v>-1</v>
      </c>
      <c r="D18" s="18">
        <v>15</v>
      </c>
      <c r="E18" s="17">
        <v>1</v>
      </c>
      <c r="F18" s="18">
        <v>0</v>
      </c>
      <c r="G18" s="19">
        <v>1</v>
      </c>
      <c r="H18" s="18">
        <v>196</v>
      </c>
      <c r="I18" s="18">
        <v>94</v>
      </c>
      <c r="J18" s="18">
        <v>102</v>
      </c>
      <c r="K18" s="17">
        <v>181</v>
      </c>
      <c r="L18" s="51">
        <v>95</v>
      </c>
      <c r="M18" s="52">
        <v>86</v>
      </c>
    </row>
    <row r="19" spans="1:13">
      <c r="A19" s="20" t="s">
        <v>26</v>
      </c>
      <c r="B19" s="21">
        <v>-2</v>
      </c>
      <c r="C19" s="22">
        <v>0</v>
      </c>
      <c r="D19" s="22">
        <v>-2</v>
      </c>
      <c r="E19" s="21">
        <v>1</v>
      </c>
      <c r="F19" s="22">
        <v>0</v>
      </c>
      <c r="G19" s="23">
        <v>1</v>
      </c>
      <c r="H19" s="22">
        <v>48</v>
      </c>
      <c r="I19" s="22">
        <v>25</v>
      </c>
      <c r="J19" s="22">
        <v>23</v>
      </c>
      <c r="K19" s="21">
        <v>49</v>
      </c>
      <c r="L19" s="53">
        <v>25</v>
      </c>
      <c r="M19" s="54">
        <v>24</v>
      </c>
    </row>
    <row r="20" spans="1:13">
      <c r="A20" s="20" t="s">
        <v>27</v>
      </c>
      <c r="B20" s="21">
        <v>15</v>
      </c>
      <c r="C20" s="22">
        <v>5</v>
      </c>
      <c r="D20" s="22">
        <v>10</v>
      </c>
      <c r="E20" s="21">
        <v>0</v>
      </c>
      <c r="F20" s="22">
        <v>0</v>
      </c>
      <c r="G20" s="23">
        <v>0</v>
      </c>
      <c r="H20" s="22">
        <v>39</v>
      </c>
      <c r="I20" s="22">
        <v>15</v>
      </c>
      <c r="J20" s="22">
        <v>24</v>
      </c>
      <c r="K20" s="21">
        <v>24</v>
      </c>
      <c r="L20" s="53">
        <v>10</v>
      </c>
      <c r="M20" s="54">
        <v>14</v>
      </c>
    </row>
    <row r="21" spans="1:13">
      <c r="A21" s="20" t="s">
        <v>28</v>
      </c>
      <c r="B21" s="21">
        <v>-4</v>
      </c>
      <c r="C21" s="22">
        <v>-2</v>
      </c>
      <c r="D21" s="22">
        <v>-2</v>
      </c>
      <c r="E21" s="21">
        <v>0</v>
      </c>
      <c r="F21" s="22">
        <v>0</v>
      </c>
      <c r="G21" s="23">
        <v>0</v>
      </c>
      <c r="H21" s="22">
        <v>37</v>
      </c>
      <c r="I21" s="22">
        <v>19</v>
      </c>
      <c r="J21" s="22">
        <v>18</v>
      </c>
      <c r="K21" s="21">
        <v>41</v>
      </c>
      <c r="L21" s="53">
        <v>21</v>
      </c>
      <c r="M21" s="54">
        <v>20</v>
      </c>
    </row>
    <row r="22" spans="1:13">
      <c r="A22" s="20" t="s">
        <v>29</v>
      </c>
      <c r="B22" s="21">
        <v>-5</v>
      </c>
      <c r="C22" s="22">
        <v>-9</v>
      </c>
      <c r="D22" s="22">
        <v>4</v>
      </c>
      <c r="E22" s="21">
        <v>0</v>
      </c>
      <c r="F22" s="22">
        <v>0</v>
      </c>
      <c r="G22" s="23">
        <v>0</v>
      </c>
      <c r="H22" s="22">
        <v>40</v>
      </c>
      <c r="I22" s="22">
        <v>18</v>
      </c>
      <c r="J22" s="22">
        <v>22</v>
      </c>
      <c r="K22" s="21">
        <v>45</v>
      </c>
      <c r="L22" s="53">
        <v>27</v>
      </c>
      <c r="M22" s="54">
        <v>18</v>
      </c>
    </row>
    <row r="23" spans="1:13">
      <c r="A23" s="20" t="s">
        <v>30</v>
      </c>
      <c r="B23" s="21">
        <v>10</v>
      </c>
      <c r="C23" s="22">
        <v>5</v>
      </c>
      <c r="D23" s="22">
        <v>5</v>
      </c>
      <c r="E23" s="21">
        <v>0</v>
      </c>
      <c r="F23" s="22">
        <v>0</v>
      </c>
      <c r="G23" s="23">
        <v>0</v>
      </c>
      <c r="H23" s="22">
        <v>32</v>
      </c>
      <c r="I23" s="22">
        <v>17</v>
      </c>
      <c r="J23" s="22">
        <v>15</v>
      </c>
      <c r="K23" s="21">
        <v>22</v>
      </c>
      <c r="L23" s="53">
        <v>12</v>
      </c>
      <c r="M23" s="54">
        <v>10</v>
      </c>
    </row>
    <row r="24" spans="1:13" ht="20.100000000000001" customHeight="1">
      <c r="A24" s="16" t="s">
        <v>31</v>
      </c>
      <c r="B24" s="17">
        <v>279</v>
      </c>
      <c r="C24" s="18">
        <v>120</v>
      </c>
      <c r="D24" s="18">
        <v>159</v>
      </c>
      <c r="E24" s="17">
        <v>1</v>
      </c>
      <c r="F24" s="18">
        <v>1</v>
      </c>
      <c r="G24" s="19">
        <v>0</v>
      </c>
      <c r="H24" s="18">
        <v>563</v>
      </c>
      <c r="I24" s="18">
        <v>262</v>
      </c>
      <c r="J24" s="18">
        <v>301</v>
      </c>
      <c r="K24" s="17">
        <v>283</v>
      </c>
      <c r="L24" s="51">
        <v>141</v>
      </c>
      <c r="M24" s="52">
        <v>142</v>
      </c>
    </row>
    <row r="25" spans="1:13">
      <c r="A25" s="20" t="s">
        <v>32</v>
      </c>
      <c r="B25" s="21">
        <v>9</v>
      </c>
      <c r="C25" s="22">
        <v>1</v>
      </c>
      <c r="D25" s="22">
        <v>8</v>
      </c>
      <c r="E25" s="21">
        <v>0</v>
      </c>
      <c r="F25" s="22">
        <v>0</v>
      </c>
      <c r="G25" s="23">
        <v>0</v>
      </c>
      <c r="H25" s="22">
        <v>41</v>
      </c>
      <c r="I25" s="22">
        <v>20</v>
      </c>
      <c r="J25" s="22">
        <v>21</v>
      </c>
      <c r="K25" s="21">
        <v>32</v>
      </c>
      <c r="L25" s="53">
        <v>19</v>
      </c>
      <c r="M25" s="54">
        <v>13</v>
      </c>
    </row>
    <row r="26" spans="1:13">
      <c r="A26" s="20" t="s">
        <v>33</v>
      </c>
      <c r="B26" s="21">
        <v>9</v>
      </c>
      <c r="C26" s="22">
        <v>3</v>
      </c>
      <c r="D26" s="22">
        <v>6</v>
      </c>
      <c r="E26" s="21">
        <v>0</v>
      </c>
      <c r="F26" s="22">
        <v>0</v>
      </c>
      <c r="G26" s="23">
        <v>0</v>
      </c>
      <c r="H26" s="22">
        <v>59</v>
      </c>
      <c r="I26" s="22">
        <v>23</v>
      </c>
      <c r="J26" s="22">
        <v>36</v>
      </c>
      <c r="K26" s="21">
        <v>50</v>
      </c>
      <c r="L26" s="53">
        <v>20</v>
      </c>
      <c r="M26" s="54">
        <v>30</v>
      </c>
    </row>
    <row r="27" spans="1:13">
      <c r="A27" s="20" t="s">
        <v>34</v>
      </c>
      <c r="B27" s="21">
        <v>11</v>
      </c>
      <c r="C27" s="22">
        <v>10</v>
      </c>
      <c r="D27" s="22">
        <v>1</v>
      </c>
      <c r="E27" s="21">
        <v>0</v>
      </c>
      <c r="F27" s="22">
        <v>0</v>
      </c>
      <c r="G27" s="23">
        <v>0</v>
      </c>
      <c r="H27" s="22">
        <v>43</v>
      </c>
      <c r="I27" s="22">
        <v>20</v>
      </c>
      <c r="J27" s="22">
        <v>23</v>
      </c>
      <c r="K27" s="21">
        <v>32</v>
      </c>
      <c r="L27" s="53">
        <v>10</v>
      </c>
      <c r="M27" s="54">
        <v>22</v>
      </c>
    </row>
    <row r="28" spans="1:13">
      <c r="A28" s="20" t="s">
        <v>35</v>
      </c>
      <c r="B28" s="21">
        <v>52</v>
      </c>
      <c r="C28" s="22">
        <v>20</v>
      </c>
      <c r="D28" s="22">
        <v>32</v>
      </c>
      <c r="E28" s="21">
        <v>0</v>
      </c>
      <c r="F28" s="22">
        <v>0</v>
      </c>
      <c r="G28" s="23">
        <v>0</v>
      </c>
      <c r="H28" s="22">
        <v>106</v>
      </c>
      <c r="I28" s="22">
        <v>47</v>
      </c>
      <c r="J28" s="22">
        <v>59</v>
      </c>
      <c r="K28" s="21">
        <v>54</v>
      </c>
      <c r="L28" s="53">
        <v>27</v>
      </c>
      <c r="M28" s="54">
        <v>27</v>
      </c>
    </row>
    <row r="29" spans="1:13">
      <c r="A29" s="20" t="s">
        <v>36</v>
      </c>
      <c r="B29" s="21">
        <v>198</v>
      </c>
      <c r="C29" s="22">
        <v>86</v>
      </c>
      <c r="D29" s="22">
        <v>112</v>
      </c>
      <c r="E29" s="21">
        <v>1</v>
      </c>
      <c r="F29" s="22">
        <v>1</v>
      </c>
      <c r="G29" s="23">
        <v>0</v>
      </c>
      <c r="H29" s="22">
        <v>314</v>
      </c>
      <c r="I29" s="22">
        <v>152</v>
      </c>
      <c r="J29" s="22">
        <v>162</v>
      </c>
      <c r="K29" s="21">
        <v>115</v>
      </c>
      <c r="L29" s="53">
        <v>65</v>
      </c>
      <c r="M29" s="54">
        <v>50</v>
      </c>
    </row>
    <row r="30" spans="1:13" ht="20.100000000000001" customHeight="1">
      <c r="A30" s="16" t="s">
        <v>37</v>
      </c>
      <c r="B30" s="17">
        <v>888</v>
      </c>
      <c r="C30" s="18">
        <v>458</v>
      </c>
      <c r="D30" s="18">
        <v>430</v>
      </c>
      <c r="E30" s="17">
        <v>3</v>
      </c>
      <c r="F30" s="18">
        <v>3</v>
      </c>
      <c r="G30" s="19">
        <v>0</v>
      </c>
      <c r="H30" s="18">
        <v>2684</v>
      </c>
      <c r="I30" s="18">
        <v>1296</v>
      </c>
      <c r="J30" s="18">
        <v>1388</v>
      </c>
      <c r="K30" s="17">
        <v>1793</v>
      </c>
      <c r="L30" s="51">
        <v>835</v>
      </c>
      <c r="M30" s="52">
        <v>958</v>
      </c>
    </row>
    <row r="31" spans="1:13">
      <c r="A31" s="20" t="s">
        <v>38</v>
      </c>
      <c r="B31" s="21">
        <v>90</v>
      </c>
      <c r="C31" s="22">
        <v>69</v>
      </c>
      <c r="D31" s="22">
        <v>21</v>
      </c>
      <c r="E31" s="21">
        <v>0</v>
      </c>
      <c r="F31" s="22">
        <v>0</v>
      </c>
      <c r="G31" s="23">
        <v>0</v>
      </c>
      <c r="H31" s="22">
        <v>267</v>
      </c>
      <c r="I31" s="22">
        <v>145</v>
      </c>
      <c r="J31" s="22">
        <v>122</v>
      </c>
      <c r="K31" s="21">
        <v>177</v>
      </c>
      <c r="L31" s="53">
        <v>76</v>
      </c>
      <c r="M31" s="54">
        <v>101</v>
      </c>
    </row>
    <row r="32" spans="1:13">
      <c r="A32" s="20" t="s">
        <v>39</v>
      </c>
      <c r="B32" s="21">
        <v>129</v>
      </c>
      <c r="C32" s="22">
        <v>78</v>
      </c>
      <c r="D32" s="22">
        <v>51</v>
      </c>
      <c r="E32" s="21">
        <v>0</v>
      </c>
      <c r="F32" s="22">
        <v>0</v>
      </c>
      <c r="G32" s="23">
        <v>0</v>
      </c>
      <c r="H32" s="22">
        <v>382</v>
      </c>
      <c r="I32" s="22">
        <v>181</v>
      </c>
      <c r="J32" s="22">
        <v>201</v>
      </c>
      <c r="K32" s="21">
        <v>253</v>
      </c>
      <c r="L32" s="53">
        <v>103</v>
      </c>
      <c r="M32" s="54">
        <v>150</v>
      </c>
    </row>
    <row r="33" spans="1:13">
      <c r="A33" s="20" t="s">
        <v>40</v>
      </c>
      <c r="B33" s="21">
        <v>166</v>
      </c>
      <c r="C33" s="22">
        <v>87</v>
      </c>
      <c r="D33" s="22">
        <v>79</v>
      </c>
      <c r="E33" s="21">
        <v>0</v>
      </c>
      <c r="F33" s="22">
        <v>0</v>
      </c>
      <c r="G33" s="23">
        <v>0</v>
      </c>
      <c r="H33" s="22">
        <v>508</v>
      </c>
      <c r="I33" s="22">
        <v>236</v>
      </c>
      <c r="J33" s="22">
        <v>272</v>
      </c>
      <c r="K33" s="21">
        <v>342</v>
      </c>
      <c r="L33" s="53">
        <v>149</v>
      </c>
      <c r="M33" s="54">
        <v>193</v>
      </c>
    </row>
    <row r="34" spans="1:13">
      <c r="A34" s="20" t="s">
        <v>41</v>
      </c>
      <c r="B34" s="21">
        <v>377</v>
      </c>
      <c r="C34" s="22">
        <v>145</v>
      </c>
      <c r="D34" s="22">
        <v>232</v>
      </c>
      <c r="E34" s="21">
        <v>2</v>
      </c>
      <c r="F34" s="22">
        <v>2</v>
      </c>
      <c r="G34" s="23">
        <v>0</v>
      </c>
      <c r="H34" s="22">
        <v>855</v>
      </c>
      <c r="I34" s="22">
        <v>394</v>
      </c>
      <c r="J34" s="22">
        <v>461</v>
      </c>
      <c r="K34" s="21">
        <v>476</v>
      </c>
      <c r="L34" s="53">
        <v>247</v>
      </c>
      <c r="M34" s="54">
        <v>229</v>
      </c>
    </row>
    <row r="35" spans="1:13">
      <c r="A35" s="20" t="s">
        <v>42</v>
      </c>
      <c r="B35" s="21">
        <v>126</v>
      </c>
      <c r="C35" s="22">
        <v>79</v>
      </c>
      <c r="D35" s="22">
        <v>47</v>
      </c>
      <c r="E35" s="21">
        <v>1</v>
      </c>
      <c r="F35" s="22">
        <v>1</v>
      </c>
      <c r="G35" s="23">
        <v>0</v>
      </c>
      <c r="H35" s="22">
        <v>672</v>
      </c>
      <c r="I35" s="22">
        <v>340</v>
      </c>
      <c r="J35" s="22">
        <v>332</v>
      </c>
      <c r="K35" s="21">
        <v>545</v>
      </c>
      <c r="L35" s="53">
        <v>260</v>
      </c>
      <c r="M35" s="54">
        <v>285</v>
      </c>
    </row>
    <row r="36" spans="1:13" ht="20.100000000000001" customHeight="1">
      <c r="A36" s="16" t="s">
        <v>43</v>
      </c>
      <c r="B36" s="17">
        <v>183</v>
      </c>
      <c r="C36" s="18">
        <v>209</v>
      </c>
      <c r="D36" s="18">
        <v>-26</v>
      </c>
      <c r="E36" s="17">
        <v>5</v>
      </c>
      <c r="F36" s="18">
        <v>2</v>
      </c>
      <c r="G36" s="19">
        <v>3</v>
      </c>
      <c r="H36" s="18">
        <v>3004</v>
      </c>
      <c r="I36" s="18">
        <v>1621</v>
      </c>
      <c r="J36" s="18">
        <v>1383</v>
      </c>
      <c r="K36" s="17">
        <v>2816</v>
      </c>
      <c r="L36" s="51">
        <v>1410</v>
      </c>
      <c r="M36" s="52">
        <v>1406</v>
      </c>
    </row>
    <row r="37" spans="1:13">
      <c r="A37" s="20" t="s">
        <v>44</v>
      </c>
      <c r="B37" s="21">
        <v>131</v>
      </c>
      <c r="C37" s="22">
        <v>120</v>
      </c>
      <c r="D37" s="22">
        <v>11</v>
      </c>
      <c r="E37" s="21">
        <v>0</v>
      </c>
      <c r="F37" s="22">
        <v>0</v>
      </c>
      <c r="G37" s="23">
        <v>0</v>
      </c>
      <c r="H37" s="22">
        <v>741</v>
      </c>
      <c r="I37" s="22">
        <v>411</v>
      </c>
      <c r="J37" s="22">
        <v>330</v>
      </c>
      <c r="K37" s="21">
        <v>610</v>
      </c>
      <c r="L37" s="53">
        <v>291</v>
      </c>
      <c r="M37" s="54">
        <v>319</v>
      </c>
    </row>
    <row r="38" spans="1:13">
      <c r="A38" s="20" t="s">
        <v>45</v>
      </c>
      <c r="B38" s="21">
        <v>17</v>
      </c>
      <c r="C38" s="22">
        <v>30</v>
      </c>
      <c r="D38" s="22">
        <v>-13</v>
      </c>
      <c r="E38" s="21">
        <v>2</v>
      </c>
      <c r="F38" s="22">
        <v>2</v>
      </c>
      <c r="G38" s="23">
        <v>0</v>
      </c>
      <c r="H38" s="22">
        <v>643</v>
      </c>
      <c r="I38" s="22">
        <v>346</v>
      </c>
      <c r="J38" s="22">
        <v>297</v>
      </c>
      <c r="K38" s="21">
        <v>624</v>
      </c>
      <c r="L38" s="53">
        <v>314</v>
      </c>
      <c r="M38" s="54">
        <v>310</v>
      </c>
    </row>
    <row r="39" spans="1:13">
      <c r="A39" s="20" t="s">
        <v>46</v>
      </c>
      <c r="B39" s="21">
        <v>47</v>
      </c>
      <c r="C39" s="22">
        <v>64</v>
      </c>
      <c r="D39" s="22">
        <v>-17</v>
      </c>
      <c r="E39" s="21">
        <v>1</v>
      </c>
      <c r="F39" s="22">
        <v>0</v>
      </c>
      <c r="G39" s="23">
        <v>1</v>
      </c>
      <c r="H39" s="22">
        <v>583</v>
      </c>
      <c r="I39" s="22">
        <v>309</v>
      </c>
      <c r="J39" s="22">
        <v>274</v>
      </c>
      <c r="K39" s="21">
        <v>535</v>
      </c>
      <c r="L39" s="53">
        <v>245</v>
      </c>
      <c r="M39" s="54">
        <v>290</v>
      </c>
    </row>
    <row r="40" spans="1:13">
      <c r="A40" s="20" t="s">
        <v>47</v>
      </c>
      <c r="B40" s="21">
        <v>17</v>
      </c>
      <c r="C40" s="22">
        <v>0</v>
      </c>
      <c r="D40" s="22">
        <v>17</v>
      </c>
      <c r="E40" s="21">
        <v>0</v>
      </c>
      <c r="F40" s="22">
        <v>0</v>
      </c>
      <c r="G40" s="23">
        <v>0</v>
      </c>
      <c r="H40" s="22">
        <v>550</v>
      </c>
      <c r="I40" s="22">
        <v>289</v>
      </c>
      <c r="J40" s="22">
        <v>261</v>
      </c>
      <c r="K40" s="21">
        <v>533</v>
      </c>
      <c r="L40" s="53">
        <v>289</v>
      </c>
      <c r="M40" s="54">
        <v>244</v>
      </c>
    </row>
    <row r="41" spans="1:13">
      <c r="A41" s="20" t="s">
        <v>48</v>
      </c>
      <c r="B41" s="21">
        <v>-29</v>
      </c>
      <c r="C41" s="22">
        <v>-5</v>
      </c>
      <c r="D41" s="22">
        <v>-24</v>
      </c>
      <c r="E41" s="21">
        <v>2</v>
      </c>
      <c r="F41" s="22">
        <v>0</v>
      </c>
      <c r="G41" s="23">
        <v>2</v>
      </c>
      <c r="H41" s="22">
        <v>487</v>
      </c>
      <c r="I41" s="22">
        <v>266</v>
      </c>
      <c r="J41" s="22">
        <v>221</v>
      </c>
      <c r="K41" s="21">
        <v>514</v>
      </c>
      <c r="L41" s="53">
        <v>271</v>
      </c>
      <c r="M41" s="54">
        <v>243</v>
      </c>
    </row>
    <row r="42" spans="1:13" ht="20.100000000000001" customHeight="1">
      <c r="A42" s="16" t="s">
        <v>49</v>
      </c>
      <c r="B42" s="17">
        <v>-80</v>
      </c>
      <c r="C42" s="18">
        <v>-6</v>
      </c>
      <c r="D42" s="18">
        <v>-74</v>
      </c>
      <c r="E42" s="17">
        <v>3</v>
      </c>
      <c r="F42" s="18">
        <v>1</v>
      </c>
      <c r="G42" s="19">
        <v>2</v>
      </c>
      <c r="H42" s="18">
        <v>1865</v>
      </c>
      <c r="I42" s="18">
        <v>1040</v>
      </c>
      <c r="J42" s="18">
        <v>825</v>
      </c>
      <c r="K42" s="17">
        <v>1942</v>
      </c>
      <c r="L42" s="51">
        <v>1045</v>
      </c>
      <c r="M42" s="52">
        <v>897</v>
      </c>
    </row>
    <row r="43" spans="1:13">
      <c r="A43" s="20" t="s">
        <v>50</v>
      </c>
      <c r="B43" s="21">
        <v>-2</v>
      </c>
      <c r="C43" s="22">
        <v>17</v>
      </c>
      <c r="D43" s="22">
        <v>-19</v>
      </c>
      <c r="E43" s="21">
        <v>1</v>
      </c>
      <c r="F43" s="22">
        <v>1</v>
      </c>
      <c r="G43" s="23">
        <v>0</v>
      </c>
      <c r="H43" s="22">
        <v>459</v>
      </c>
      <c r="I43" s="22">
        <v>249</v>
      </c>
      <c r="J43" s="22">
        <v>210</v>
      </c>
      <c r="K43" s="21">
        <v>460</v>
      </c>
      <c r="L43" s="53">
        <v>231</v>
      </c>
      <c r="M43" s="54">
        <v>229</v>
      </c>
    </row>
    <row r="44" spans="1:13">
      <c r="A44" s="20" t="s">
        <v>51</v>
      </c>
      <c r="B44" s="21">
        <v>-2</v>
      </c>
      <c r="C44" s="22">
        <v>8</v>
      </c>
      <c r="D44" s="22">
        <v>-10</v>
      </c>
      <c r="E44" s="21">
        <v>1</v>
      </c>
      <c r="F44" s="22">
        <v>0</v>
      </c>
      <c r="G44" s="23">
        <v>1</v>
      </c>
      <c r="H44" s="22">
        <v>417</v>
      </c>
      <c r="I44" s="22">
        <v>245</v>
      </c>
      <c r="J44" s="22">
        <v>172</v>
      </c>
      <c r="K44" s="21">
        <v>418</v>
      </c>
      <c r="L44" s="53">
        <v>237</v>
      </c>
      <c r="M44" s="54">
        <v>181</v>
      </c>
    </row>
    <row r="45" spans="1:13">
      <c r="A45" s="20" t="s">
        <v>52</v>
      </c>
      <c r="B45" s="21">
        <v>-27</v>
      </c>
      <c r="C45" s="22">
        <v>-24</v>
      </c>
      <c r="D45" s="22">
        <v>-3</v>
      </c>
      <c r="E45" s="21">
        <v>0</v>
      </c>
      <c r="F45" s="22">
        <v>0</v>
      </c>
      <c r="G45" s="23">
        <v>0</v>
      </c>
      <c r="H45" s="22">
        <v>371</v>
      </c>
      <c r="I45" s="22">
        <v>198</v>
      </c>
      <c r="J45" s="22">
        <v>173</v>
      </c>
      <c r="K45" s="21">
        <v>398</v>
      </c>
      <c r="L45" s="53">
        <v>222</v>
      </c>
      <c r="M45" s="54">
        <v>176</v>
      </c>
    </row>
    <row r="46" spans="1:13">
      <c r="A46" s="20" t="s">
        <v>53</v>
      </c>
      <c r="B46" s="21">
        <v>-38</v>
      </c>
      <c r="C46" s="22">
        <v>-31</v>
      </c>
      <c r="D46" s="22">
        <v>-7</v>
      </c>
      <c r="E46" s="21">
        <v>0</v>
      </c>
      <c r="F46" s="22">
        <v>0</v>
      </c>
      <c r="G46" s="23">
        <v>0</v>
      </c>
      <c r="H46" s="22">
        <v>323</v>
      </c>
      <c r="I46" s="22">
        <v>171</v>
      </c>
      <c r="J46" s="22">
        <v>152</v>
      </c>
      <c r="K46" s="21">
        <v>361</v>
      </c>
      <c r="L46" s="53">
        <v>202</v>
      </c>
      <c r="M46" s="54">
        <v>159</v>
      </c>
    </row>
    <row r="47" spans="1:13">
      <c r="A47" s="20" t="s">
        <v>54</v>
      </c>
      <c r="B47" s="21">
        <v>-11</v>
      </c>
      <c r="C47" s="22">
        <v>24</v>
      </c>
      <c r="D47" s="22">
        <v>-35</v>
      </c>
      <c r="E47" s="21">
        <v>1</v>
      </c>
      <c r="F47" s="22">
        <v>0</v>
      </c>
      <c r="G47" s="23">
        <v>1</v>
      </c>
      <c r="H47" s="22">
        <v>295</v>
      </c>
      <c r="I47" s="22">
        <v>177</v>
      </c>
      <c r="J47" s="22">
        <v>118</v>
      </c>
      <c r="K47" s="21">
        <v>305</v>
      </c>
      <c r="L47" s="53">
        <v>153</v>
      </c>
      <c r="M47" s="54">
        <v>152</v>
      </c>
    </row>
    <row r="48" spans="1:13" ht="20.100000000000001" customHeight="1">
      <c r="A48" s="16" t="s">
        <v>55</v>
      </c>
      <c r="B48" s="17">
        <v>-54</v>
      </c>
      <c r="C48" s="18">
        <v>-21</v>
      </c>
      <c r="D48" s="18">
        <v>-33</v>
      </c>
      <c r="E48" s="17">
        <v>8</v>
      </c>
      <c r="F48" s="18">
        <v>5</v>
      </c>
      <c r="G48" s="19">
        <v>3</v>
      </c>
      <c r="H48" s="18">
        <v>1175</v>
      </c>
      <c r="I48" s="18">
        <v>664</v>
      </c>
      <c r="J48" s="18">
        <v>511</v>
      </c>
      <c r="K48" s="17">
        <v>1221</v>
      </c>
      <c r="L48" s="51">
        <v>680</v>
      </c>
      <c r="M48" s="52">
        <v>541</v>
      </c>
    </row>
    <row r="49" spans="1:13">
      <c r="A49" s="20" t="s">
        <v>56</v>
      </c>
      <c r="B49" s="21">
        <v>-23</v>
      </c>
      <c r="C49" s="22">
        <v>-11</v>
      </c>
      <c r="D49" s="22">
        <v>-12</v>
      </c>
      <c r="E49" s="21">
        <v>3</v>
      </c>
      <c r="F49" s="22">
        <v>3</v>
      </c>
      <c r="G49" s="23">
        <v>0</v>
      </c>
      <c r="H49" s="22">
        <v>281</v>
      </c>
      <c r="I49" s="22">
        <v>152</v>
      </c>
      <c r="J49" s="22">
        <v>129</v>
      </c>
      <c r="K49" s="21">
        <v>301</v>
      </c>
      <c r="L49" s="53">
        <v>160</v>
      </c>
      <c r="M49" s="54">
        <v>141</v>
      </c>
    </row>
    <row r="50" spans="1:13">
      <c r="A50" s="20" t="s">
        <v>57</v>
      </c>
      <c r="B50" s="21">
        <v>-39</v>
      </c>
      <c r="C50" s="22">
        <v>-24</v>
      </c>
      <c r="D50" s="22">
        <v>-15</v>
      </c>
      <c r="E50" s="21">
        <v>2</v>
      </c>
      <c r="F50" s="22">
        <v>1</v>
      </c>
      <c r="G50" s="23">
        <v>1</v>
      </c>
      <c r="H50" s="22">
        <v>230</v>
      </c>
      <c r="I50" s="22">
        <v>136</v>
      </c>
      <c r="J50" s="22">
        <v>94</v>
      </c>
      <c r="K50" s="21">
        <v>267</v>
      </c>
      <c r="L50" s="53">
        <v>159</v>
      </c>
      <c r="M50" s="54">
        <v>108</v>
      </c>
    </row>
    <row r="51" spans="1:13">
      <c r="A51" s="20" t="s">
        <v>58</v>
      </c>
      <c r="B51" s="21">
        <v>-21</v>
      </c>
      <c r="C51" s="22">
        <v>4</v>
      </c>
      <c r="D51" s="22">
        <v>-25</v>
      </c>
      <c r="E51" s="21">
        <v>1</v>
      </c>
      <c r="F51" s="22">
        <v>0</v>
      </c>
      <c r="G51" s="23">
        <v>1</v>
      </c>
      <c r="H51" s="22">
        <v>238</v>
      </c>
      <c r="I51" s="22">
        <v>133</v>
      </c>
      <c r="J51" s="22">
        <v>105</v>
      </c>
      <c r="K51" s="21">
        <v>258</v>
      </c>
      <c r="L51" s="53">
        <v>129</v>
      </c>
      <c r="M51" s="54">
        <v>129</v>
      </c>
    </row>
    <row r="52" spans="1:13">
      <c r="A52" s="20" t="s">
        <v>59</v>
      </c>
      <c r="B52" s="21">
        <v>24</v>
      </c>
      <c r="C52" s="22">
        <v>-2</v>
      </c>
      <c r="D52" s="22">
        <v>26</v>
      </c>
      <c r="E52" s="21">
        <v>1</v>
      </c>
      <c r="F52" s="22">
        <v>1</v>
      </c>
      <c r="G52" s="23">
        <v>0</v>
      </c>
      <c r="H52" s="22">
        <v>224</v>
      </c>
      <c r="I52" s="22">
        <v>118</v>
      </c>
      <c r="J52" s="22">
        <v>106</v>
      </c>
      <c r="K52" s="21">
        <v>199</v>
      </c>
      <c r="L52" s="53">
        <v>119</v>
      </c>
      <c r="M52" s="54">
        <v>80</v>
      </c>
    </row>
    <row r="53" spans="1:13">
      <c r="A53" s="20" t="s">
        <v>60</v>
      </c>
      <c r="B53" s="21">
        <v>5</v>
      </c>
      <c r="C53" s="22">
        <v>12</v>
      </c>
      <c r="D53" s="22">
        <v>-7</v>
      </c>
      <c r="E53" s="21">
        <v>1</v>
      </c>
      <c r="F53" s="22">
        <v>0</v>
      </c>
      <c r="G53" s="23">
        <v>1</v>
      </c>
      <c r="H53" s="22">
        <v>202</v>
      </c>
      <c r="I53" s="22">
        <v>125</v>
      </c>
      <c r="J53" s="22">
        <v>77</v>
      </c>
      <c r="K53" s="21">
        <v>196</v>
      </c>
      <c r="L53" s="53">
        <v>113</v>
      </c>
      <c r="M53" s="54">
        <v>83</v>
      </c>
    </row>
    <row r="54" spans="1:13" ht="20.100000000000001" customHeight="1">
      <c r="A54" s="16" t="s">
        <v>61</v>
      </c>
      <c r="B54" s="17">
        <v>18</v>
      </c>
      <c r="C54" s="18">
        <v>10</v>
      </c>
      <c r="D54" s="18">
        <v>8</v>
      </c>
      <c r="E54" s="17">
        <v>17</v>
      </c>
      <c r="F54" s="18">
        <v>10</v>
      </c>
      <c r="G54" s="19">
        <v>7</v>
      </c>
      <c r="H54" s="18">
        <v>823</v>
      </c>
      <c r="I54" s="18">
        <v>467</v>
      </c>
      <c r="J54" s="18">
        <v>356</v>
      </c>
      <c r="K54" s="17">
        <v>788</v>
      </c>
      <c r="L54" s="51">
        <v>447</v>
      </c>
      <c r="M54" s="52">
        <v>341</v>
      </c>
    </row>
    <row r="55" spans="1:13">
      <c r="A55" s="20" t="s">
        <v>62</v>
      </c>
      <c r="B55" s="21">
        <v>-5</v>
      </c>
      <c r="C55" s="22">
        <v>-7</v>
      </c>
      <c r="D55" s="22">
        <v>2</v>
      </c>
      <c r="E55" s="21">
        <v>3</v>
      </c>
      <c r="F55" s="22">
        <v>3</v>
      </c>
      <c r="G55" s="23">
        <v>0</v>
      </c>
      <c r="H55" s="22">
        <v>192</v>
      </c>
      <c r="I55" s="22">
        <v>109</v>
      </c>
      <c r="J55" s="22">
        <v>83</v>
      </c>
      <c r="K55" s="21">
        <v>194</v>
      </c>
      <c r="L55" s="53">
        <v>113</v>
      </c>
      <c r="M55" s="54">
        <v>81</v>
      </c>
    </row>
    <row r="56" spans="1:13">
      <c r="A56" s="20" t="s">
        <v>63</v>
      </c>
      <c r="B56" s="21">
        <v>2</v>
      </c>
      <c r="C56" s="22">
        <v>-8</v>
      </c>
      <c r="D56" s="22">
        <v>10</v>
      </c>
      <c r="E56" s="21">
        <v>5</v>
      </c>
      <c r="F56" s="22">
        <v>3</v>
      </c>
      <c r="G56" s="23">
        <v>2</v>
      </c>
      <c r="H56" s="22">
        <v>165</v>
      </c>
      <c r="I56" s="22">
        <v>93</v>
      </c>
      <c r="J56" s="22">
        <v>72</v>
      </c>
      <c r="K56" s="21">
        <v>158</v>
      </c>
      <c r="L56" s="53">
        <v>98</v>
      </c>
      <c r="M56" s="54">
        <v>60</v>
      </c>
    </row>
    <row r="57" spans="1:13">
      <c r="A57" s="20" t="s">
        <v>64</v>
      </c>
      <c r="B57" s="21">
        <v>24</v>
      </c>
      <c r="C57" s="22">
        <v>18</v>
      </c>
      <c r="D57" s="22">
        <v>6</v>
      </c>
      <c r="E57" s="21">
        <v>5</v>
      </c>
      <c r="F57" s="22">
        <v>3</v>
      </c>
      <c r="G57" s="23">
        <v>2</v>
      </c>
      <c r="H57" s="22">
        <v>174</v>
      </c>
      <c r="I57" s="22">
        <v>102</v>
      </c>
      <c r="J57" s="22">
        <v>72</v>
      </c>
      <c r="K57" s="21">
        <v>145</v>
      </c>
      <c r="L57" s="53">
        <v>81</v>
      </c>
      <c r="M57" s="54">
        <v>64</v>
      </c>
    </row>
    <row r="58" spans="1:13">
      <c r="A58" s="20" t="s">
        <v>65</v>
      </c>
      <c r="B58" s="21">
        <v>-13</v>
      </c>
      <c r="C58" s="22">
        <v>-7</v>
      </c>
      <c r="D58" s="22">
        <v>-6</v>
      </c>
      <c r="E58" s="21">
        <v>2</v>
      </c>
      <c r="F58" s="22">
        <v>1</v>
      </c>
      <c r="G58" s="23">
        <v>1</v>
      </c>
      <c r="H58" s="22">
        <v>138</v>
      </c>
      <c r="I58" s="22">
        <v>79</v>
      </c>
      <c r="J58" s="22">
        <v>59</v>
      </c>
      <c r="K58" s="21">
        <v>149</v>
      </c>
      <c r="L58" s="53">
        <v>85</v>
      </c>
      <c r="M58" s="54">
        <v>64</v>
      </c>
    </row>
    <row r="59" spans="1:13">
      <c r="A59" s="20" t="s">
        <v>66</v>
      </c>
      <c r="B59" s="21">
        <v>10</v>
      </c>
      <c r="C59" s="22">
        <v>14</v>
      </c>
      <c r="D59" s="22">
        <v>-4</v>
      </c>
      <c r="E59" s="21">
        <v>2</v>
      </c>
      <c r="F59" s="22">
        <v>0</v>
      </c>
      <c r="G59" s="23">
        <v>2</v>
      </c>
      <c r="H59" s="22">
        <v>154</v>
      </c>
      <c r="I59" s="22">
        <v>84</v>
      </c>
      <c r="J59" s="22">
        <v>70</v>
      </c>
      <c r="K59" s="21">
        <v>142</v>
      </c>
      <c r="L59" s="53">
        <v>70</v>
      </c>
      <c r="M59" s="54">
        <v>72</v>
      </c>
    </row>
    <row r="60" spans="1:13" ht="20.100000000000001" customHeight="1">
      <c r="A60" s="16" t="s">
        <v>67</v>
      </c>
      <c r="B60" s="17">
        <v>6</v>
      </c>
      <c r="C60" s="18">
        <v>-17</v>
      </c>
      <c r="D60" s="18">
        <v>23</v>
      </c>
      <c r="E60" s="17">
        <v>25</v>
      </c>
      <c r="F60" s="18">
        <v>15</v>
      </c>
      <c r="G60" s="19">
        <v>10</v>
      </c>
      <c r="H60" s="18">
        <v>689</v>
      </c>
      <c r="I60" s="18">
        <v>389</v>
      </c>
      <c r="J60" s="18">
        <v>300</v>
      </c>
      <c r="K60" s="17">
        <v>658</v>
      </c>
      <c r="L60" s="51">
        <v>391</v>
      </c>
      <c r="M60" s="52">
        <v>267</v>
      </c>
    </row>
    <row r="61" spans="1:13">
      <c r="A61" s="20" t="s">
        <v>68</v>
      </c>
      <c r="B61" s="21">
        <v>-15</v>
      </c>
      <c r="C61" s="22">
        <v>-4</v>
      </c>
      <c r="D61" s="22">
        <v>-11</v>
      </c>
      <c r="E61" s="21">
        <v>3</v>
      </c>
      <c r="F61" s="22">
        <v>1</v>
      </c>
      <c r="G61" s="23">
        <v>2</v>
      </c>
      <c r="H61" s="22">
        <v>139</v>
      </c>
      <c r="I61" s="22">
        <v>85</v>
      </c>
      <c r="J61" s="22">
        <v>54</v>
      </c>
      <c r="K61" s="21">
        <v>151</v>
      </c>
      <c r="L61" s="53">
        <v>88</v>
      </c>
      <c r="M61" s="54">
        <v>63</v>
      </c>
    </row>
    <row r="62" spans="1:13">
      <c r="A62" s="20" t="s">
        <v>69</v>
      </c>
      <c r="B62" s="21">
        <v>-9</v>
      </c>
      <c r="C62" s="22">
        <v>-16</v>
      </c>
      <c r="D62" s="22">
        <v>7</v>
      </c>
      <c r="E62" s="21">
        <v>5</v>
      </c>
      <c r="F62" s="22">
        <v>4</v>
      </c>
      <c r="G62" s="23">
        <v>1</v>
      </c>
      <c r="H62" s="22">
        <v>136</v>
      </c>
      <c r="I62" s="22">
        <v>73</v>
      </c>
      <c r="J62" s="22">
        <v>63</v>
      </c>
      <c r="K62" s="21">
        <v>140</v>
      </c>
      <c r="L62" s="53">
        <v>85</v>
      </c>
      <c r="M62" s="54">
        <v>55</v>
      </c>
    </row>
    <row r="63" spans="1:13">
      <c r="A63" s="20" t="s">
        <v>70</v>
      </c>
      <c r="B63" s="21">
        <v>12</v>
      </c>
      <c r="C63" s="22">
        <v>-1</v>
      </c>
      <c r="D63" s="22">
        <v>13</v>
      </c>
      <c r="E63" s="21">
        <v>6</v>
      </c>
      <c r="F63" s="22">
        <v>3</v>
      </c>
      <c r="G63" s="23">
        <v>3</v>
      </c>
      <c r="H63" s="22">
        <v>136</v>
      </c>
      <c r="I63" s="22">
        <v>77</v>
      </c>
      <c r="J63" s="22">
        <v>59</v>
      </c>
      <c r="K63" s="21">
        <v>118</v>
      </c>
      <c r="L63" s="53">
        <v>75</v>
      </c>
      <c r="M63" s="54">
        <v>43</v>
      </c>
    </row>
    <row r="64" spans="1:13">
      <c r="A64" s="20" t="s">
        <v>71</v>
      </c>
      <c r="B64" s="21">
        <v>8</v>
      </c>
      <c r="C64" s="22">
        <v>-7</v>
      </c>
      <c r="D64" s="22">
        <v>15</v>
      </c>
      <c r="E64" s="21">
        <v>7</v>
      </c>
      <c r="F64" s="22">
        <v>4</v>
      </c>
      <c r="G64" s="23">
        <v>3</v>
      </c>
      <c r="H64" s="22">
        <v>153</v>
      </c>
      <c r="I64" s="22">
        <v>84</v>
      </c>
      <c r="J64" s="22">
        <v>69</v>
      </c>
      <c r="K64" s="21">
        <v>138</v>
      </c>
      <c r="L64" s="53">
        <v>87</v>
      </c>
      <c r="M64" s="54">
        <v>51</v>
      </c>
    </row>
    <row r="65" spans="1:13">
      <c r="A65" s="24" t="s">
        <v>72</v>
      </c>
      <c r="B65" s="25">
        <v>10</v>
      </c>
      <c r="C65" s="26">
        <v>11</v>
      </c>
      <c r="D65" s="26">
        <v>-1</v>
      </c>
      <c r="E65" s="25">
        <v>4</v>
      </c>
      <c r="F65" s="26">
        <v>3</v>
      </c>
      <c r="G65" s="27">
        <v>1</v>
      </c>
      <c r="H65" s="26">
        <v>125</v>
      </c>
      <c r="I65" s="26">
        <v>70</v>
      </c>
      <c r="J65" s="26">
        <v>55</v>
      </c>
      <c r="K65" s="25">
        <v>111</v>
      </c>
      <c r="L65" s="55">
        <v>56</v>
      </c>
      <c r="M65" s="56">
        <v>5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236</v>
      </c>
      <c r="C69" s="58">
        <v>629</v>
      </c>
      <c r="D69" s="59">
        <v>60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236</v>
      </c>
      <c r="C70" s="61">
        <v>629</v>
      </c>
      <c r="D70" s="62">
        <v>607</v>
      </c>
    </row>
    <row r="71" spans="1:13">
      <c r="A71" s="24" t="s">
        <v>14</v>
      </c>
      <c r="B71" s="63">
        <v>1236</v>
      </c>
      <c r="C71" s="64">
        <v>629</v>
      </c>
      <c r="D71" s="65">
        <v>607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79" t="s">
        <v>15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4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10</v>
      </c>
      <c r="C77" s="18">
        <v>9</v>
      </c>
      <c r="D77" s="18">
        <v>1</v>
      </c>
      <c r="E77" s="17">
        <v>38</v>
      </c>
      <c r="F77" s="18">
        <v>23</v>
      </c>
      <c r="G77" s="19">
        <v>15</v>
      </c>
      <c r="H77" s="18">
        <v>523</v>
      </c>
      <c r="I77" s="18">
        <v>306</v>
      </c>
      <c r="J77" s="18">
        <v>217</v>
      </c>
      <c r="K77" s="17">
        <v>475</v>
      </c>
      <c r="L77" s="51">
        <v>274</v>
      </c>
      <c r="M77" s="52">
        <v>201</v>
      </c>
    </row>
    <row r="78" spans="1:13">
      <c r="A78" s="40" t="s">
        <v>81</v>
      </c>
      <c r="B78" s="21">
        <v>6</v>
      </c>
      <c r="C78" s="22">
        <v>3</v>
      </c>
      <c r="D78" s="22">
        <v>3</v>
      </c>
      <c r="E78" s="21">
        <v>5</v>
      </c>
      <c r="F78" s="22">
        <v>1</v>
      </c>
      <c r="G78" s="23">
        <v>4</v>
      </c>
      <c r="H78" s="22">
        <v>115</v>
      </c>
      <c r="I78" s="22">
        <v>71</v>
      </c>
      <c r="J78" s="22">
        <v>44</v>
      </c>
      <c r="K78" s="21">
        <v>104</v>
      </c>
      <c r="L78" s="53">
        <v>67</v>
      </c>
      <c r="M78" s="54">
        <v>37</v>
      </c>
    </row>
    <row r="79" spans="1:13">
      <c r="A79" s="40" t="s">
        <v>82</v>
      </c>
      <c r="B79" s="21">
        <v>-2</v>
      </c>
      <c r="C79" s="22">
        <v>7</v>
      </c>
      <c r="D79" s="22">
        <v>-9</v>
      </c>
      <c r="E79" s="21">
        <v>7</v>
      </c>
      <c r="F79" s="22">
        <v>5</v>
      </c>
      <c r="G79" s="23">
        <v>2</v>
      </c>
      <c r="H79" s="22">
        <v>114</v>
      </c>
      <c r="I79" s="22">
        <v>67</v>
      </c>
      <c r="J79" s="22">
        <v>47</v>
      </c>
      <c r="K79" s="21">
        <v>109</v>
      </c>
      <c r="L79" s="53">
        <v>55</v>
      </c>
      <c r="M79" s="54">
        <v>54</v>
      </c>
    </row>
    <row r="80" spans="1:13">
      <c r="A80" s="40" t="s">
        <v>83</v>
      </c>
      <c r="B80" s="21">
        <v>5</v>
      </c>
      <c r="C80" s="22">
        <v>6</v>
      </c>
      <c r="D80" s="22">
        <v>-1</v>
      </c>
      <c r="E80" s="21">
        <v>7</v>
      </c>
      <c r="F80" s="22">
        <v>5</v>
      </c>
      <c r="G80" s="23">
        <v>2</v>
      </c>
      <c r="H80" s="22">
        <v>100</v>
      </c>
      <c r="I80" s="22">
        <v>62</v>
      </c>
      <c r="J80" s="22">
        <v>38</v>
      </c>
      <c r="K80" s="21">
        <v>88</v>
      </c>
      <c r="L80" s="53">
        <v>51</v>
      </c>
      <c r="M80" s="54">
        <v>37</v>
      </c>
    </row>
    <row r="81" spans="1:13">
      <c r="A81" s="40" t="s">
        <v>84</v>
      </c>
      <c r="B81" s="21">
        <v>2</v>
      </c>
      <c r="C81" s="22">
        <v>-4</v>
      </c>
      <c r="D81" s="22">
        <v>6</v>
      </c>
      <c r="E81" s="21">
        <v>10</v>
      </c>
      <c r="F81" s="22">
        <v>4</v>
      </c>
      <c r="G81" s="23">
        <v>6</v>
      </c>
      <c r="H81" s="22">
        <v>95</v>
      </c>
      <c r="I81" s="22">
        <v>50</v>
      </c>
      <c r="J81" s="22">
        <v>45</v>
      </c>
      <c r="K81" s="21">
        <v>83</v>
      </c>
      <c r="L81" s="53">
        <v>50</v>
      </c>
      <c r="M81" s="54">
        <v>33</v>
      </c>
    </row>
    <row r="82" spans="1:13">
      <c r="A82" s="40" t="s">
        <v>85</v>
      </c>
      <c r="B82" s="21">
        <v>-1</v>
      </c>
      <c r="C82" s="22">
        <v>-3</v>
      </c>
      <c r="D82" s="22">
        <v>2</v>
      </c>
      <c r="E82" s="21">
        <v>9</v>
      </c>
      <c r="F82" s="22">
        <v>8</v>
      </c>
      <c r="G82" s="23">
        <v>1</v>
      </c>
      <c r="H82" s="22">
        <v>99</v>
      </c>
      <c r="I82" s="22">
        <v>56</v>
      </c>
      <c r="J82" s="22">
        <v>43</v>
      </c>
      <c r="K82" s="21">
        <v>91</v>
      </c>
      <c r="L82" s="53">
        <v>51</v>
      </c>
      <c r="M82" s="54">
        <v>40</v>
      </c>
    </row>
    <row r="83" spans="1:13" ht="19.5" customHeight="1">
      <c r="A83" s="34" t="s">
        <v>86</v>
      </c>
      <c r="B83" s="17">
        <v>-32</v>
      </c>
      <c r="C83" s="18">
        <v>-16</v>
      </c>
      <c r="D83" s="18">
        <v>-16</v>
      </c>
      <c r="E83" s="17">
        <v>56</v>
      </c>
      <c r="F83" s="18">
        <v>44</v>
      </c>
      <c r="G83" s="19">
        <v>12</v>
      </c>
      <c r="H83" s="18">
        <v>411</v>
      </c>
      <c r="I83" s="18">
        <v>251</v>
      </c>
      <c r="J83" s="18">
        <v>160</v>
      </c>
      <c r="K83" s="17">
        <v>387</v>
      </c>
      <c r="L83" s="51">
        <v>223</v>
      </c>
      <c r="M83" s="52">
        <v>164</v>
      </c>
    </row>
    <row r="84" spans="1:13">
      <c r="A84" s="40" t="s">
        <v>87</v>
      </c>
      <c r="B84" s="21">
        <v>-18</v>
      </c>
      <c r="C84" s="22">
        <v>-5</v>
      </c>
      <c r="D84" s="22">
        <v>-13</v>
      </c>
      <c r="E84" s="21">
        <v>14</v>
      </c>
      <c r="F84" s="22">
        <v>10</v>
      </c>
      <c r="G84" s="23">
        <v>4</v>
      </c>
      <c r="H84" s="22">
        <v>90</v>
      </c>
      <c r="I84" s="22">
        <v>57</v>
      </c>
      <c r="J84" s="22">
        <v>33</v>
      </c>
      <c r="K84" s="21">
        <v>94</v>
      </c>
      <c r="L84" s="53">
        <v>52</v>
      </c>
      <c r="M84" s="54">
        <v>42</v>
      </c>
    </row>
    <row r="85" spans="1:13">
      <c r="A85" s="40" t="s">
        <v>88</v>
      </c>
      <c r="B85" s="21">
        <v>-3</v>
      </c>
      <c r="C85" s="22">
        <v>7</v>
      </c>
      <c r="D85" s="22">
        <v>-10</v>
      </c>
      <c r="E85" s="21">
        <v>6</v>
      </c>
      <c r="F85" s="22">
        <v>5</v>
      </c>
      <c r="G85" s="23">
        <v>1</v>
      </c>
      <c r="H85" s="22">
        <v>85</v>
      </c>
      <c r="I85" s="22">
        <v>50</v>
      </c>
      <c r="J85" s="22">
        <v>35</v>
      </c>
      <c r="K85" s="21">
        <v>82</v>
      </c>
      <c r="L85" s="53">
        <v>38</v>
      </c>
      <c r="M85" s="54">
        <v>44</v>
      </c>
    </row>
    <row r="86" spans="1:13">
      <c r="A86" s="40" t="s">
        <v>89</v>
      </c>
      <c r="B86" s="21">
        <v>-11</v>
      </c>
      <c r="C86" s="22">
        <v>-17</v>
      </c>
      <c r="D86" s="22">
        <v>6</v>
      </c>
      <c r="E86" s="21">
        <v>14</v>
      </c>
      <c r="F86" s="22">
        <v>12</v>
      </c>
      <c r="G86" s="23">
        <v>2</v>
      </c>
      <c r="H86" s="22">
        <v>82</v>
      </c>
      <c r="I86" s="22">
        <v>46</v>
      </c>
      <c r="J86" s="22">
        <v>36</v>
      </c>
      <c r="K86" s="21">
        <v>79</v>
      </c>
      <c r="L86" s="53">
        <v>51</v>
      </c>
      <c r="M86" s="54">
        <v>28</v>
      </c>
    </row>
    <row r="87" spans="1:13">
      <c r="A87" s="40" t="s">
        <v>90</v>
      </c>
      <c r="B87" s="21">
        <v>8</v>
      </c>
      <c r="C87" s="22">
        <v>7</v>
      </c>
      <c r="D87" s="22">
        <v>1</v>
      </c>
      <c r="E87" s="21">
        <v>11</v>
      </c>
      <c r="F87" s="22">
        <v>8</v>
      </c>
      <c r="G87" s="23">
        <v>3</v>
      </c>
      <c r="H87" s="22">
        <v>88</v>
      </c>
      <c r="I87" s="22">
        <v>58</v>
      </c>
      <c r="J87" s="22">
        <v>30</v>
      </c>
      <c r="K87" s="21">
        <v>69</v>
      </c>
      <c r="L87" s="53">
        <v>43</v>
      </c>
      <c r="M87" s="54">
        <v>26</v>
      </c>
    </row>
    <row r="88" spans="1:13">
      <c r="A88" s="40" t="s">
        <v>91</v>
      </c>
      <c r="B88" s="21">
        <v>-8</v>
      </c>
      <c r="C88" s="22">
        <v>-8</v>
      </c>
      <c r="D88" s="22">
        <v>0</v>
      </c>
      <c r="E88" s="21">
        <v>11</v>
      </c>
      <c r="F88" s="22">
        <v>9</v>
      </c>
      <c r="G88" s="23">
        <v>2</v>
      </c>
      <c r="H88" s="22">
        <v>66</v>
      </c>
      <c r="I88" s="22">
        <v>40</v>
      </c>
      <c r="J88" s="22">
        <v>26</v>
      </c>
      <c r="K88" s="21">
        <v>63</v>
      </c>
      <c r="L88" s="53">
        <v>39</v>
      </c>
      <c r="M88" s="54">
        <v>24</v>
      </c>
    </row>
    <row r="89" spans="1:13" ht="19.5" customHeight="1">
      <c r="A89" s="34" t="s">
        <v>92</v>
      </c>
      <c r="B89" s="17">
        <v>-104</v>
      </c>
      <c r="C89" s="18">
        <v>-62</v>
      </c>
      <c r="D89" s="18">
        <v>-42</v>
      </c>
      <c r="E89" s="17">
        <v>74</v>
      </c>
      <c r="F89" s="18">
        <v>49</v>
      </c>
      <c r="G89" s="19">
        <v>25</v>
      </c>
      <c r="H89" s="18">
        <v>267</v>
      </c>
      <c r="I89" s="18">
        <v>179</v>
      </c>
      <c r="J89" s="18">
        <v>88</v>
      </c>
      <c r="K89" s="17">
        <v>297</v>
      </c>
      <c r="L89" s="51">
        <v>192</v>
      </c>
      <c r="M89" s="52">
        <v>105</v>
      </c>
    </row>
    <row r="90" spans="1:13">
      <c r="A90" s="40" t="s">
        <v>93</v>
      </c>
      <c r="B90" s="21">
        <v>-24</v>
      </c>
      <c r="C90" s="22">
        <v>-16</v>
      </c>
      <c r="D90" s="22">
        <v>-8</v>
      </c>
      <c r="E90" s="21">
        <v>15</v>
      </c>
      <c r="F90" s="22">
        <v>10</v>
      </c>
      <c r="G90" s="23">
        <v>5</v>
      </c>
      <c r="H90" s="22">
        <v>65</v>
      </c>
      <c r="I90" s="22">
        <v>44</v>
      </c>
      <c r="J90" s="22">
        <v>21</v>
      </c>
      <c r="K90" s="21">
        <v>74</v>
      </c>
      <c r="L90" s="53">
        <v>50</v>
      </c>
      <c r="M90" s="54">
        <v>24</v>
      </c>
    </row>
    <row r="91" spans="1:13">
      <c r="A91" s="40" t="s">
        <v>94</v>
      </c>
      <c r="B91" s="21">
        <v>-34</v>
      </c>
      <c r="C91" s="22">
        <v>-18</v>
      </c>
      <c r="D91" s="22">
        <v>-16</v>
      </c>
      <c r="E91" s="21">
        <v>17</v>
      </c>
      <c r="F91" s="22">
        <v>12</v>
      </c>
      <c r="G91" s="23">
        <v>5</v>
      </c>
      <c r="H91" s="22">
        <v>62</v>
      </c>
      <c r="I91" s="22">
        <v>46</v>
      </c>
      <c r="J91" s="22">
        <v>16</v>
      </c>
      <c r="K91" s="21">
        <v>79</v>
      </c>
      <c r="L91" s="53">
        <v>52</v>
      </c>
      <c r="M91" s="54">
        <v>27</v>
      </c>
    </row>
    <row r="92" spans="1:13">
      <c r="A92" s="40" t="s">
        <v>95</v>
      </c>
      <c r="B92" s="21">
        <v>-6</v>
      </c>
      <c r="C92" s="22">
        <v>5</v>
      </c>
      <c r="D92" s="22">
        <v>-11</v>
      </c>
      <c r="E92" s="21">
        <v>9</v>
      </c>
      <c r="F92" s="22">
        <v>6</v>
      </c>
      <c r="G92" s="23">
        <v>3</v>
      </c>
      <c r="H92" s="22">
        <v>52</v>
      </c>
      <c r="I92" s="22">
        <v>42</v>
      </c>
      <c r="J92" s="22">
        <v>10</v>
      </c>
      <c r="K92" s="21">
        <v>49</v>
      </c>
      <c r="L92" s="53">
        <v>31</v>
      </c>
      <c r="M92" s="54">
        <v>18</v>
      </c>
    </row>
    <row r="93" spans="1:13">
      <c r="A93" s="40" t="s">
        <v>96</v>
      </c>
      <c r="B93" s="21">
        <v>-13</v>
      </c>
      <c r="C93" s="22">
        <v>-10</v>
      </c>
      <c r="D93" s="22">
        <v>-3</v>
      </c>
      <c r="E93" s="21">
        <v>17</v>
      </c>
      <c r="F93" s="22">
        <v>9</v>
      </c>
      <c r="G93" s="23">
        <v>8</v>
      </c>
      <c r="H93" s="22">
        <v>44</v>
      </c>
      <c r="I93" s="22">
        <v>22</v>
      </c>
      <c r="J93" s="22">
        <v>22</v>
      </c>
      <c r="K93" s="21">
        <v>40</v>
      </c>
      <c r="L93" s="53">
        <v>23</v>
      </c>
      <c r="M93" s="54">
        <v>17</v>
      </c>
    </row>
    <row r="94" spans="1:13">
      <c r="A94" s="40" t="s">
        <v>97</v>
      </c>
      <c r="B94" s="21">
        <v>-27</v>
      </c>
      <c r="C94" s="22">
        <v>-23</v>
      </c>
      <c r="D94" s="22">
        <v>-4</v>
      </c>
      <c r="E94" s="21">
        <v>16</v>
      </c>
      <c r="F94" s="22">
        <v>12</v>
      </c>
      <c r="G94" s="23">
        <v>4</v>
      </c>
      <c r="H94" s="22">
        <v>44</v>
      </c>
      <c r="I94" s="22">
        <v>25</v>
      </c>
      <c r="J94" s="22">
        <v>19</v>
      </c>
      <c r="K94" s="21">
        <v>55</v>
      </c>
      <c r="L94" s="53">
        <v>36</v>
      </c>
      <c r="M94" s="54">
        <v>19</v>
      </c>
    </row>
    <row r="95" spans="1:13" ht="19.5" customHeight="1">
      <c r="A95" s="34" t="s">
        <v>98</v>
      </c>
      <c r="B95" s="17">
        <v>-201</v>
      </c>
      <c r="C95" s="18">
        <v>-135</v>
      </c>
      <c r="D95" s="18">
        <v>-66</v>
      </c>
      <c r="E95" s="17">
        <v>141</v>
      </c>
      <c r="F95" s="18">
        <v>108</v>
      </c>
      <c r="G95" s="19">
        <v>33</v>
      </c>
      <c r="H95" s="18">
        <v>199</v>
      </c>
      <c r="I95" s="18">
        <v>122</v>
      </c>
      <c r="J95" s="18">
        <v>77</v>
      </c>
      <c r="K95" s="17">
        <v>259</v>
      </c>
      <c r="L95" s="51">
        <v>149</v>
      </c>
      <c r="M95" s="52">
        <v>110</v>
      </c>
    </row>
    <row r="96" spans="1:13">
      <c r="A96" s="40" t="s">
        <v>99</v>
      </c>
      <c r="B96" s="21">
        <v>-46</v>
      </c>
      <c r="C96" s="22">
        <v>-22</v>
      </c>
      <c r="D96" s="22">
        <v>-24</v>
      </c>
      <c r="E96" s="21">
        <v>23</v>
      </c>
      <c r="F96" s="22">
        <v>18</v>
      </c>
      <c r="G96" s="23">
        <v>5</v>
      </c>
      <c r="H96" s="22">
        <v>46</v>
      </c>
      <c r="I96" s="22">
        <v>25</v>
      </c>
      <c r="J96" s="22">
        <v>21</v>
      </c>
      <c r="K96" s="21">
        <v>69</v>
      </c>
      <c r="L96" s="53">
        <v>29</v>
      </c>
      <c r="M96" s="54">
        <v>40</v>
      </c>
    </row>
    <row r="97" spans="1:13">
      <c r="A97" s="40" t="s">
        <v>100</v>
      </c>
      <c r="B97" s="21">
        <v>-36</v>
      </c>
      <c r="C97" s="22">
        <v>-27</v>
      </c>
      <c r="D97" s="22">
        <v>-9</v>
      </c>
      <c r="E97" s="21">
        <v>26</v>
      </c>
      <c r="F97" s="22">
        <v>22</v>
      </c>
      <c r="G97" s="23">
        <v>4</v>
      </c>
      <c r="H97" s="22">
        <v>36</v>
      </c>
      <c r="I97" s="22">
        <v>22</v>
      </c>
      <c r="J97" s="22">
        <v>14</v>
      </c>
      <c r="K97" s="21">
        <v>46</v>
      </c>
      <c r="L97" s="53">
        <v>27</v>
      </c>
      <c r="M97" s="54">
        <v>19</v>
      </c>
    </row>
    <row r="98" spans="1:13">
      <c r="A98" s="40" t="s">
        <v>101</v>
      </c>
      <c r="B98" s="21">
        <v>-50</v>
      </c>
      <c r="C98" s="22">
        <v>-33</v>
      </c>
      <c r="D98" s="22">
        <v>-17</v>
      </c>
      <c r="E98" s="21">
        <v>28</v>
      </c>
      <c r="F98" s="22">
        <v>22</v>
      </c>
      <c r="G98" s="23">
        <v>6</v>
      </c>
      <c r="H98" s="22">
        <v>31</v>
      </c>
      <c r="I98" s="22">
        <v>21</v>
      </c>
      <c r="J98" s="22">
        <v>10</v>
      </c>
      <c r="K98" s="21">
        <v>53</v>
      </c>
      <c r="L98" s="53">
        <v>32</v>
      </c>
      <c r="M98" s="54">
        <v>21</v>
      </c>
    </row>
    <row r="99" spans="1:13">
      <c r="A99" s="40" t="s">
        <v>102</v>
      </c>
      <c r="B99" s="21">
        <v>-40</v>
      </c>
      <c r="C99" s="22">
        <v>-30</v>
      </c>
      <c r="D99" s="22">
        <v>-10</v>
      </c>
      <c r="E99" s="21">
        <v>38</v>
      </c>
      <c r="F99" s="22">
        <v>26</v>
      </c>
      <c r="G99" s="23">
        <v>12</v>
      </c>
      <c r="H99" s="22">
        <v>44</v>
      </c>
      <c r="I99" s="22">
        <v>26</v>
      </c>
      <c r="J99" s="22">
        <v>18</v>
      </c>
      <c r="K99" s="21">
        <v>46</v>
      </c>
      <c r="L99" s="53">
        <v>30</v>
      </c>
      <c r="M99" s="54">
        <v>16</v>
      </c>
    </row>
    <row r="100" spans="1:13">
      <c r="A100" s="40" t="s">
        <v>103</v>
      </c>
      <c r="B100" s="21">
        <v>-29</v>
      </c>
      <c r="C100" s="22">
        <v>-23</v>
      </c>
      <c r="D100" s="22">
        <v>-6</v>
      </c>
      <c r="E100" s="21">
        <v>26</v>
      </c>
      <c r="F100" s="22">
        <v>20</v>
      </c>
      <c r="G100" s="23">
        <v>6</v>
      </c>
      <c r="H100" s="22">
        <v>42</v>
      </c>
      <c r="I100" s="22">
        <v>28</v>
      </c>
      <c r="J100" s="22">
        <v>14</v>
      </c>
      <c r="K100" s="21">
        <v>45</v>
      </c>
      <c r="L100" s="53">
        <v>31</v>
      </c>
      <c r="M100" s="54">
        <v>14</v>
      </c>
    </row>
    <row r="101" spans="1:13" ht="19.5" customHeight="1">
      <c r="A101" s="34" t="s">
        <v>104</v>
      </c>
      <c r="B101" s="17">
        <v>-238</v>
      </c>
      <c r="C101" s="18">
        <v>-162</v>
      </c>
      <c r="D101" s="18">
        <v>-76</v>
      </c>
      <c r="E101" s="17">
        <v>227</v>
      </c>
      <c r="F101" s="18">
        <v>158</v>
      </c>
      <c r="G101" s="19">
        <v>69</v>
      </c>
      <c r="H101" s="18">
        <v>181</v>
      </c>
      <c r="I101" s="18">
        <v>98</v>
      </c>
      <c r="J101" s="18">
        <v>83</v>
      </c>
      <c r="K101" s="17">
        <v>192</v>
      </c>
      <c r="L101" s="51">
        <v>102</v>
      </c>
      <c r="M101" s="52">
        <v>90</v>
      </c>
    </row>
    <row r="102" spans="1:13">
      <c r="A102" s="40" t="s">
        <v>105</v>
      </c>
      <c r="B102" s="21">
        <v>-39</v>
      </c>
      <c r="C102" s="22">
        <v>-18</v>
      </c>
      <c r="D102" s="22">
        <v>-21</v>
      </c>
      <c r="E102" s="21">
        <v>40</v>
      </c>
      <c r="F102" s="22">
        <v>26</v>
      </c>
      <c r="G102" s="23">
        <v>14</v>
      </c>
      <c r="H102" s="22">
        <v>50</v>
      </c>
      <c r="I102" s="22">
        <v>33</v>
      </c>
      <c r="J102" s="22">
        <v>17</v>
      </c>
      <c r="K102" s="21">
        <v>49</v>
      </c>
      <c r="L102" s="53">
        <v>25</v>
      </c>
      <c r="M102" s="54">
        <v>24</v>
      </c>
    </row>
    <row r="103" spans="1:13">
      <c r="A103" s="40" t="s">
        <v>106</v>
      </c>
      <c r="B103" s="21">
        <v>-65</v>
      </c>
      <c r="C103" s="22">
        <v>-48</v>
      </c>
      <c r="D103" s="22">
        <v>-17</v>
      </c>
      <c r="E103" s="21">
        <v>56</v>
      </c>
      <c r="F103" s="22">
        <v>42</v>
      </c>
      <c r="G103" s="23">
        <v>14</v>
      </c>
      <c r="H103" s="22">
        <v>39</v>
      </c>
      <c r="I103" s="22">
        <v>17</v>
      </c>
      <c r="J103" s="22">
        <v>22</v>
      </c>
      <c r="K103" s="21">
        <v>48</v>
      </c>
      <c r="L103" s="53">
        <v>23</v>
      </c>
      <c r="M103" s="54">
        <v>25</v>
      </c>
    </row>
    <row r="104" spans="1:13">
      <c r="A104" s="40" t="s">
        <v>107</v>
      </c>
      <c r="B104" s="21">
        <v>-60</v>
      </c>
      <c r="C104" s="22">
        <v>-45</v>
      </c>
      <c r="D104" s="22">
        <v>-15</v>
      </c>
      <c r="E104" s="21">
        <v>53</v>
      </c>
      <c r="F104" s="22">
        <v>41</v>
      </c>
      <c r="G104" s="23">
        <v>12</v>
      </c>
      <c r="H104" s="22">
        <v>42</v>
      </c>
      <c r="I104" s="22">
        <v>23</v>
      </c>
      <c r="J104" s="22">
        <v>19</v>
      </c>
      <c r="K104" s="21">
        <v>49</v>
      </c>
      <c r="L104" s="53">
        <v>27</v>
      </c>
      <c r="M104" s="54">
        <v>22</v>
      </c>
    </row>
    <row r="105" spans="1:13">
      <c r="A105" s="40" t="s">
        <v>108</v>
      </c>
      <c r="B105" s="21">
        <v>-41</v>
      </c>
      <c r="C105" s="22">
        <v>-28</v>
      </c>
      <c r="D105" s="22">
        <v>-13</v>
      </c>
      <c r="E105" s="21">
        <v>36</v>
      </c>
      <c r="F105" s="22">
        <v>22</v>
      </c>
      <c r="G105" s="23">
        <v>14</v>
      </c>
      <c r="H105" s="22">
        <v>23</v>
      </c>
      <c r="I105" s="22">
        <v>12</v>
      </c>
      <c r="J105" s="22">
        <v>11</v>
      </c>
      <c r="K105" s="21">
        <v>28</v>
      </c>
      <c r="L105" s="53">
        <v>18</v>
      </c>
      <c r="M105" s="54">
        <v>10</v>
      </c>
    </row>
    <row r="106" spans="1:13">
      <c r="A106" s="40" t="s">
        <v>109</v>
      </c>
      <c r="B106" s="21">
        <v>-33</v>
      </c>
      <c r="C106" s="22">
        <v>-23</v>
      </c>
      <c r="D106" s="22">
        <v>-10</v>
      </c>
      <c r="E106" s="21">
        <v>42</v>
      </c>
      <c r="F106" s="22">
        <v>27</v>
      </c>
      <c r="G106" s="23">
        <v>15</v>
      </c>
      <c r="H106" s="22">
        <v>27</v>
      </c>
      <c r="I106" s="22">
        <v>13</v>
      </c>
      <c r="J106" s="22">
        <v>14</v>
      </c>
      <c r="K106" s="21">
        <v>18</v>
      </c>
      <c r="L106" s="53">
        <v>9</v>
      </c>
      <c r="M106" s="54">
        <v>9</v>
      </c>
    </row>
    <row r="107" spans="1:13" ht="19.5" customHeight="1">
      <c r="A107" s="34" t="s">
        <v>110</v>
      </c>
      <c r="B107" s="17">
        <v>-301</v>
      </c>
      <c r="C107" s="18">
        <v>-194</v>
      </c>
      <c r="D107" s="18">
        <v>-107</v>
      </c>
      <c r="E107" s="17">
        <v>290</v>
      </c>
      <c r="F107" s="18">
        <v>186</v>
      </c>
      <c r="G107" s="19">
        <v>104</v>
      </c>
      <c r="H107" s="18">
        <v>132</v>
      </c>
      <c r="I107" s="18">
        <v>54</v>
      </c>
      <c r="J107" s="18">
        <v>78</v>
      </c>
      <c r="K107" s="17">
        <v>143</v>
      </c>
      <c r="L107" s="51">
        <v>62</v>
      </c>
      <c r="M107" s="52">
        <v>81</v>
      </c>
    </row>
    <row r="108" spans="1:13">
      <c r="A108" s="40" t="s">
        <v>111</v>
      </c>
      <c r="B108" s="21">
        <v>-43</v>
      </c>
      <c r="C108" s="22">
        <v>-27</v>
      </c>
      <c r="D108" s="22">
        <v>-16</v>
      </c>
      <c r="E108" s="21">
        <v>45</v>
      </c>
      <c r="F108" s="22">
        <v>28</v>
      </c>
      <c r="G108" s="23">
        <v>17</v>
      </c>
      <c r="H108" s="22">
        <v>28</v>
      </c>
      <c r="I108" s="22">
        <v>12</v>
      </c>
      <c r="J108" s="22">
        <v>16</v>
      </c>
      <c r="K108" s="21">
        <v>26</v>
      </c>
      <c r="L108" s="53">
        <v>11</v>
      </c>
      <c r="M108" s="54">
        <v>15</v>
      </c>
    </row>
    <row r="109" spans="1:13">
      <c r="A109" s="40" t="s">
        <v>112</v>
      </c>
      <c r="B109" s="21">
        <v>-61</v>
      </c>
      <c r="C109" s="22">
        <v>-47</v>
      </c>
      <c r="D109" s="22">
        <v>-14</v>
      </c>
      <c r="E109" s="21">
        <v>55</v>
      </c>
      <c r="F109" s="22">
        <v>37</v>
      </c>
      <c r="G109" s="23">
        <v>18</v>
      </c>
      <c r="H109" s="22">
        <v>32</v>
      </c>
      <c r="I109" s="22">
        <v>11</v>
      </c>
      <c r="J109" s="22">
        <v>21</v>
      </c>
      <c r="K109" s="21">
        <v>38</v>
      </c>
      <c r="L109" s="53">
        <v>21</v>
      </c>
      <c r="M109" s="54">
        <v>17</v>
      </c>
    </row>
    <row r="110" spans="1:13">
      <c r="A110" s="40" t="s">
        <v>113</v>
      </c>
      <c r="B110" s="21">
        <v>-63</v>
      </c>
      <c r="C110" s="22">
        <v>-36</v>
      </c>
      <c r="D110" s="22">
        <v>-27</v>
      </c>
      <c r="E110" s="21">
        <v>60</v>
      </c>
      <c r="F110" s="22">
        <v>36</v>
      </c>
      <c r="G110" s="23">
        <v>24</v>
      </c>
      <c r="H110" s="22">
        <v>27</v>
      </c>
      <c r="I110" s="22">
        <v>10</v>
      </c>
      <c r="J110" s="22">
        <v>17</v>
      </c>
      <c r="K110" s="21">
        <v>30</v>
      </c>
      <c r="L110" s="53">
        <v>10</v>
      </c>
      <c r="M110" s="54">
        <v>20</v>
      </c>
    </row>
    <row r="111" spans="1:13">
      <c r="A111" s="40" t="s">
        <v>114</v>
      </c>
      <c r="B111" s="21">
        <v>-70</v>
      </c>
      <c r="C111" s="22">
        <v>-51</v>
      </c>
      <c r="D111" s="22">
        <v>-19</v>
      </c>
      <c r="E111" s="21">
        <v>66</v>
      </c>
      <c r="F111" s="22">
        <v>47</v>
      </c>
      <c r="G111" s="23">
        <v>19</v>
      </c>
      <c r="H111" s="22">
        <v>22</v>
      </c>
      <c r="I111" s="22">
        <v>8</v>
      </c>
      <c r="J111" s="22">
        <v>14</v>
      </c>
      <c r="K111" s="21">
        <v>26</v>
      </c>
      <c r="L111" s="53">
        <v>12</v>
      </c>
      <c r="M111" s="54">
        <v>14</v>
      </c>
    </row>
    <row r="112" spans="1:13">
      <c r="A112" s="40" t="s">
        <v>115</v>
      </c>
      <c r="B112" s="21">
        <v>-64</v>
      </c>
      <c r="C112" s="22">
        <v>-33</v>
      </c>
      <c r="D112" s="22">
        <v>-31</v>
      </c>
      <c r="E112" s="21">
        <v>64</v>
      </c>
      <c r="F112" s="22">
        <v>38</v>
      </c>
      <c r="G112" s="23">
        <v>26</v>
      </c>
      <c r="H112" s="22">
        <v>23</v>
      </c>
      <c r="I112" s="22">
        <v>13</v>
      </c>
      <c r="J112" s="22">
        <v>10</v>
      </c>
      <c r="K112" s="21">
        <v>23</v>
      </c>
      <c r="L112" s="53">
        <v>8</v>
      </c>
      <c r="M112" s="54">
        <v>15</v>
      </c>
    </row>
    <row r="113" spans="1:13" ht="19.5" customHeight="1">
      <c r="A113" s="34" t="s">
        <v>116</v>
      </c>
      <c r="B113" s="17">
        <v>-371</v>
      </c>
      <c r="C113" s="18">
        <v>-218</v>
      </c>
      <c r="D113" s="18">
        <v>-153</v>
      </c>
      <c r="E113" s="17">
        <v>355</v>
      </c>
      <c r="F113" s="18">
        <v>213</v>
      </c>
      <c r="G113" s="19">
        <v>142</v>
      </c>
      <c r="H113" s="18">
        <v>107</v>
      </c>
      <c r="I113" s="18">
        <v>44</v>
      </c>
      <c r="J113" s="18">
        <v>63</v>
      </c>
      <c r="K113" s="17">
        <v>123</v>
      </c>
      <c r="L113" s="51">
        <v>49</v>
      </c>
      <c r="M113" s="52">
        <v>74</v>
      </c>
    </row>
    <row r="114" spans="1:13">
      <c r="A114" s="40" t="s">
        <v>117</v>
      </c>
      <c r="B114" s="21">
        <v>-39</v>
      </c>
      <c r="C114" s="22">
        <v>-29</v>
      </c>
      <c r="D114" s="22">
        <v>-10</v>
      </c>
      <c r="E114" s="21">
        <v>48</v>
      </c>
      <c r="F114" s="22">
        <v>33</v>
      </c>
      <c r="G114" s="23">
        <v>15</v>
      </c>
      <c r="H114" s="22">
        <v>25</v>
      </c>
      <c r="I114" s="22">
        <v>13</v>
      </c>
      <c r="J114" s="22">
        <v>12</v>
      </c>
      <c r="K114" s="21">
        <v>16</v>
      </c>
      <c r="L114" s="53">
        <v>9</v>
      </c>
      <c r="M114" s="54">
        <v>7</v>
      </c>
    </row>
    <row r="115" spans="1:13">
      <c r="A115" s="40" t="s">
        <v>118</v>
      </c>
      <c r="B115" s="21">
        <v>-79</v>
      </c>
      <c r="C115" s="22">
        <v>-43</v>
      </c>
      <c r="D115" s="22">
        <v>-36</v>
      </c>
      <c r="E115" s="21">
        <v>63</v>
      </c>
      <c r="F115" s="22">
        <v>37</v>
      </c>
      <c r="G115" s="23">
        <v>26</v>
      </c>
      <c r="H115" s="22">
        <v>9</v>
      </c>
      <c r="I115" s="22">
        <v>1</v>
      </c>
      <c r="J115" s="22">
        <v>8</v>
      </c>
      <c r="K115" s="21">
        <v>25</v>
      </c>
      <c r="L115" s="53">
        <v>7</v>
      </c>
      <c r="M115" s="54">
        <v>18</v>
      </c>
    </row>
    <row r="116" spans="1:13">
      <c r="A116" s="40" t="s">
        <v>119</v>
      </c>
      <c r="B116" s="21">
        <v>-75</v>
      </c>
      <c r="C116" s="22">
        <v>-40</v>
      </c>
      <c r="D116" s="22">
        <v>-35</v>
      </c>
      <c r="E116" s="21">
        <v>72</v>
      </c>
      <c r="F116" s="22">
        <v>42</v>
      </c>
      <c r="G116" s="23">
        <v>30</v>
      </c>
      <c r="H116" s="22">
        <v>23</v>
      </c>
      <c r="I116" s="22">
        <v>13</v>
      </c>
      <c r="J116" s="22">
        <v>10</v>
      </c>
      <c r="K116" s="21">
        <v>26</v>
      </c>
      <c r="L116" s="53">
        <v>11</v>
      </c>
      <c r="M116" s="54">
        <v>15</v>
      </c>
    </row>
    <row r="117" spans="1:13">
      <c r="A117" s="40" t="s">
        <v>120</v>
      </c>
      <c r="B117" s="21">
        <v>-93</v>
      </c>
      <c r="C117" s="22">
        <v>-56</v>
      </c>
      <c r="D117" s="22">
        <v>-37</v>
      </c>
      <c r="E117" s="21">
        <v>90</v>
      </c>
      <c r="F117" s="22">
        <v>54</v>
      </c>
      <c r="G117" s="23">
        <v>36</v>
      </c>
      <c r="H117" s="22">
        <v>25</v>
      </c>
      <c r="I117" s="22">
        <v>8</v>
      </c>
      <c r="J117" s="22">
        <v>17</v>
      </c>
      <c r="K117" s="21">
        <v>28</v>
      </c>
      <c r="L117" s="53">
        <v>10</v>
      </c>
      <c r="M117" s="54">
        <v>18</v>
      </c>
    </row>
    <row r="118" spans="1:13">
      <c r="A118" s="40" t="s">
        <v>121</v>
      </c>
      <c r="B118" s="21">
        <v>-85</v>
      </c>
      <c r="C118" s="22">
        <v>-50</v>
      </c>
      <c r="D118" s="22">
        <v>-35</v>
      </c>
      <c r="E118" s="21">
        <v>82</v>
      </c>
      <c r="F118" s="22">
        <v>47</v>
      </c>
      <c r="G118" s="23">
        <v>35</v>
      </c>
      <c r="H118" s="22">
        <v>25</v>
      </c>
      <c r="I118" s="22">
        <v>9</v>
      </c>
      <c r="J118" s="22">
        <v>16</v>
      </c>
      <c r="K118" s="21">
        <v>28</v>
      </c>
      <c r="L118" s="53">
        <v>12</v>
      </c>
      <c r="M118" s="54">
        <v>16</v>
      </c>
    </row>
    <row r="119" spans="1:13" ht="19.5" customHeight="1">
      <c r="A119" s="34" t="s">
        <v>122</v>
      </c>
      <c r="B119" s="17">
        <v>-448</v>
      </c>
      <c r="C119" s="18">
        <v>-216</v>
      </c>
      <c r="D119" s="18">
        <v>-232</v>
      </c>
      <c r="E119" s="17">
        <v>416</v>
      </c>
      <c r="F119" s="18">
        <v>207</v>
      </c>
      <c r="G119" s="19">
        <v>209</v>
      </c>
      <c r="H119" s="18">
        <v>75</v>
      </c>
      <c r="I119" s="18">
        <v>19</v>
      </c>
      <c r="J119" s="18">
        <v>56</v>
      </c>
      <c r="K119" s="17">
        <v>107</v>
      </c>
      <c r="L119" s="51">
        <v>28</v>
      </c>
      <c r="M119" s="52">
        <v>79</v>
      </c>
    </row>
    <row r="120" spans="1:13">
      <c r="A120" s="40" t="s">
        <v>123</v>
      </c>
      <c r="B120" s="21">
        <v>-79</v>
      </c>
      <c r="C120" s="22">
        <v>-38</v>
      </c>
      <c r="D120" s="22">
        <v>-41</v>
      </c>
      <c r="E120" s="21">
        <v>71</v>
      </c>
      <c r="F120" s="22">
        <v>33</v>
      </c>
      <c r="G120" s="23">
        <v>38</v>
      </c>
      <c r="H120" s="22">
        <v>16</v>
      </c>
      <c r="I120" s="22">
        <v>5</v>
      </c>
      <c r="J120" s="22">
        <v>11</v>
      </c>
      <c r="K120" s="21">
        <v>24</v>
      </c>
      <c r="L120" s="53">
        <v>10</v>
      </c>
      <c r="M120" s="54">
        <v>14</v>
      </c>
    </row>
    <row r="121" spans="1:13">
      <c r="A121" s="40" t="s">
        <v>124</v>
      </c>
      <c r="B121" s="21">
        <v>-76</v>
      </c>
      <c r="C121" s="22">
        <v>-37</v>
      </c>
      <c r="D121" s="22">
        <v>-39</v>
      </c>
      <c r="E121" s="21">
        <v>73</v>
      </c>
      <c r="F121" s="22">
        <v>38</v>
      </c>
      <c r="G121" s="23">
        <v>35</v>
      </c>
      <c r="H121" s="22">
        <v>20</v>
      </c>
      <c r="I121" s="22">
        <v>4</v>
      </c>
      <c r="J121" s="22">
        <v>16</v>
      </c>
      <c r="K121" s="21">
        <v>23</v>
      </c>
      <c r="L121" s="53">
        <v>3</v>
      </c>
      <c r="M121" s="54">
        <v>20</v>
      </c>
    </row>
    <row r="122" spans="1:13">
      <c r="A122" s="40" t="s">
        <v>125</v>
      </c>
      <c r="B122" s="21">
        <v>-92</v>
      </c>
      <c r="C122" s="22">
        <v>-41</v>
      </c>
      <c r="D122" s="22">
        <v>-51</v>
      </c>
      <c r="E122" s="21">
        <v>81</v>
      </c>
      <c r="F122" s="22">
        <v>39</v>
      </c>
      <c r="G122" s="23">
        <v>42</v>
      </c>
      <c r="H122" s="22">
        <v>16</v>
      </c>
      <c r="I122" s="22">
        <v>4</v>
      </c>
      <c r="J122" s="22">
        <v>12</v>
      </c>
      <c r="K122" s="21">
        <v>27</v>
      </c>
      <c r="L122" s="53">
        <v>6</v>
      </c>
      <c r="M122" s="54">
        <v>21</v>
      </c>
    </row>
    <row r="123" spans="1:13">
      <c r="A123" s="40" t="s">
        <v>126</v>
      </c>
      <c r="B123" s="21">
        <v>-108</v>
      </c>
      <c r="C123" s="22">
        <v>-51</v>
      </c>
      <c r="D123" s="22">
        <v>-57</v>
      </c>
      <c r="E123" s="21">
        <v>100</v>
      </c>
      <c r="F123" s="22">
        <v>47</v>
      </c>
      <c r="G123" s="23">
        <v>53</v>
      </c>
      <c r="H123" s="22">
        <v>13</v>
      </c>
      <c r="I123" s="22">
        <v>2</v>
      </c>
      <c r="J123" s="22">
        <v>11</v>
      </c>
      <c r="K123" s="21">
        <v>21</v>
      </c>
      <c r="L123" s="53">
        <v>6</v>
      </c>
      <c r="M123" s="54">
        <v>15</v>
      </c>
    </row>
    <row r="124" spans="1:13">
      <c r="A124" s="40" t="s">
        <v>127</v>
      </c>
      <c r="B124" s="21">
        <v>-93</v>
      </c>
      <c r="C124" s="22">
        <v>-49</v>
      </c>
      <c r="D124" s="22">
        <v>-44</v>
      </c>
      <c r="E124" s="21">
        <v>91</v>
      </c>
      <c r="F124" s="22">
        <v>50</v>
      </c>
      <c r="G124" s="23">
        <v>41</v>
      </c>
      <c r="H124" s="22">
        <v>10</v>
      </c>
      <c r="I124" s="22">
        <v>4</v>
      </c>
      <c r="J124" s="22">
        <v>6</v>
      </c>
      <c r="K124" s="21">
        <v>12</v>
      </c>
      <c r="L124" s="53">
        <v>3</v>
      </c>
      <c r="M124" s="54">
        <v>9</v>
      </c>
    </row>
    <row r="125" spans="1:13" ht="19.5" customHeight="1">
      <c r="A125" s="34" t="s">
        <v>128</v>
      </c>
      <c r="B125" s="17">
        <v>-370</v>
      </c>
      <c r="C125" s="18">
        <v>-129</v>
      </c>
      <c r="D125" s="18">
        <v>-241</v>
      </c>
      <c r="E125" s="17">
        <v>361</v>
      </c>
      <c r="F125" s="18">
        <v>130</v>
      </c>
      <c r="G125" s="19">
        <v>231</v>
      </c>
      <c r="H125" s="18">
        <v>54</v>
      </c>
      <c r="I125" s="18">
        <v>19</v>
      </c>
      <c r="J125" s="18">
        <v>35</v>
      </c>
      <c r="K125" s="17">
        <v>63</v>
      </c>
      <c r="L125" s="51">
        <v>18</v>
      </c>
      <c r="M125" s="52">
        <v>45</v>
      </c>
    </row>
    <row r="126" spans="1:13">
      <c r="A126" s="40" t="s">
        <v>129</v>
      </c>
      <c r="B126" s="21">
        <v>-88</v>
      </c>
      <c r="C126" s="22">
        <v>-35</v>
      </c>
      <c r="D126" s="22">
        <v>-53</v>
      </c>
      <c r="E126" s="21">
        <v>86</v>
      </c>
      <c r="F126" s="22">
        <v>35</v>
      </c>
      <c r="G126" s="23">
        <v>51</v>
      </c>
      <c r="H126" s="22">
        <v>14</v>
      </c>
      <c r="I126" s="22">
        <v>6</v>
      </c>
      <c r="J126" s="22">
        <v>8</v>
      </c>
      <c r="K126" s="21">
        <v>16</v>
      </c>
      <c r="L126" s="53">
        <v>6</v>
      </c>
      <c r="M126" s="54">
        <v>10</v>
      </c>
    </row>
    <row r="127" spans="1:13">
      <c r="A127" s="40" t="s">
        <v>130</v>
      </c>
      <c r="B127" s="21">
        <v>-76</v>
      </c>
      <c r="C127" s="22">
        <v>-30</v>
      </c>
      <c r="D127" s="22">
        <v>-46</v>
      </c>
      <c r="E127" s="21">
        <v>71</v>
      </c>
      <c r="F127" s="22">
        <v>30</v>
      </c>
      <c r="G127" s="23">
        <v>41</v>
      </c>
      <c r="H127" s="22">
        <v>15</v>
      </c>
      <c r="I127" s="22">
        <v>7</v>
      </c>
      <c r="J127" s="22">
        <v>8</v>
      </c>
      <c r="K127" s="21">
        <v>20</v>
      </c>
      <c r="L127" s="53">
        <v>7</v>
      </c>
      <c r="M127" s="54">
        <v>13</v>
      </c>
    </row>
    <row r="128" spans="1:13">
      <c r="A128" s="40" t="s">
        <v>131</v>
      </c>
      <c r="B128" s="21">
        <v>-70</v>
      </c>
      <c r="C128" s="22">
        <v>-29</v>
      </c>
      <c r="D128" s="22">
        <v>-41</v>
      </c>
      <c r="E128" s="21">
        <v>71</v>
      </c>
      <c r="F128" s="22">
        <v>29</v>
      </c>
      <c r="G128" s="23">
        <v>42</v>
      </c>
      <c r="H128" s="22">
        <v>12</v>
      </c>
      <c r="I128" s="22">
        <v>2</v>
      </c>
      <c r="J128" s="22">
        <v>10</v>
      </c>
      <c r="K128" s="21">
        <v>11</v>
      </c>
      <c r="L128" s="53">
        <v>2</v>
      </c>
      <c r="M128" s="54">
        <v>9</v>
      </c>
    </row>
    <row r="129" spans="1:13">
      <c r="A129" s="40" t="s">
        <v>132</v>
      </c>
      <c r="B129" s="21">
        <v>-56</v>
      </c>
      <c r="C129" s="22">
        <v>-16</v>
      </c>
      <c r="D129" s="22">
        <v>-40</v>
      </c>
      <c r="E129" s="21">
        <v>57</v>
      </c>
      <c r="F129" s="22">
        <v>19</v>
      </c>
      <c r="G129" s="23">
        <v>38</v>
      </c>
      <c r="H129" s="22">
        <v>8</v>
      </c>
      <c r="I129" s="22">
        <v>4</v>
      </c>
      <c r="J129" s="22">
        <v>4</v>
      </c>
      <c r="K129" s="21">
        <v>7</v>
      </c>
      <c r="L129" s="53">
        <v>1</v>
      </c>
      <c r="M129" s="54">
        <v>6</v>
      </c>
    </row>
    <row r="130" spans="1:13">
      <c r="A130" s="40" t="s">
        <v>133</v>
      </c>
      <c r="B130" s="21">
        <v>-80</v>
      </c>
      <c r="C130" s="22">
        <v>-19</v>
      </c>
      <c r="D130" s="22">
        <v>-61</v>
      </c>
      <c r="E130" s="21">
        <v>76</v>
      </c>
      <c r="F130" s="22">
        <v>17</v>
      </c>
      <c r="G130" s="23">
        <v>59</v>
      </c>
      <c r="H130" s="22">
        <v>5</v>
      </c>
      <c r="I130" s="22">
        <v>0</v>
      </c>
      <c r="J130" s="22">
        <v>5</v>
      </c>
      <c r="K130" s="21">
        <v>9</v>
      </c>
      <c r="L130" s="53">
        <v>2</v>
      </c>
      <c r="M130" s="54">
        <v>7</v>
      </c>
    </row>
    <row r="131" spans="1:13" ht="19.5" customHeight="1">
      <c r="A131" s="34" t="s">
        <v>134</v>
      </c>
      <c r="B131" s="17">
        <v>-193</v>
      </c>
      <c r="C131" s="18">
        <v>-42</v>
      </c>
      <c r="D131" s="18">
        <v>-151</v>
      </c>
      <c r="E131" s="17">
        <v>185</v>
      </c>
      <c r="F131" s="18">
        <v>43</v>
      </c>
      <c r="G131" s="19">
        <v>142</v>
      </c>
      <c r="H131" s="18">
        <v>16</v>
      </c>
      <c r="I131" s="18">
        <v>5</v>
      </c>
      <c r="J131" s="18">
        <v>11</v>
      </c>
      <c r="K131" s="17">
        <v>24</v>
      </c>
      <c r="L131" s="51">
        <v>4</v>
      </c>
      <c r="M131" s="52">
        <v>20</v>
      </c>
    </row>
    <row r="132" spans="1:13">
      <c r="A132" s="40" t="s">
        <v>135</v>
      </c>
      <c r="B132" s="21">
        <v>-66</v>
      </c>
      <c r="C132" s="22">
        <v>-16</v>
      </c>
      <c r="D132" s="22">
        <v>-50</v>
      </c>
      <c r="E132" s="21">
        <v>60</v>
      </c>
      <c r="F132" s="22">
        <v>16</v>
      </c>
      <c r="G132" s="23">
        <v>44</v>
      </c>
      <c r="H132" s="22">
        <v>4</v>
      </c>
      <c r="I132" s="22">
        <v>2</v>
      </c>
      <c r="J132" s="22">
        <v>2</v>
      </c>
      <c r="K132" s="21">
        <v>10</v>
      </c>
      <c r="L132" s="53">
        <v>2</v>
      </c>
      <c r="M132" s="54">
        <v>8</v>
      </c>
    </row>
    <row r="133" spans="1:13">
      <c r="A133" s="40" t="s">
        <v>136</v>
      </c>
      <c r="B133" s="21">
        <v>-36</v>
      </c>
      <c r="C133" s="22">
        <v>-11</v>
      </c>
      <c r="D133" s="22">
        <v>-25</v>
      </c>
      <c r="E133" s="21">
        <v>40</v>
      </c>
      <c r="F133" s="22">
        <v>12</v>
      </c>
      <c r="G133" s="23">
        <v>28</v>
      </c>
      <c r="H133" s="22">
        <v>6</v>
      </c>
      <c r="I133" s="22">
        <v>2</v>
      </c>
      <c r="J133" s="22">
        <v>4</v>
      </c>
      <c r="K133" s="21">
        <v>2</v>
      </c>
      <c r="L133" s="53">
        <v>1</v>
      </c>
      <c r="M133" s="54">
        <v>1</v>
      </c>
    </row>
    <row r="134" spans="1:13">
      <c r="A134" s="40" t="s">
        <v>137</v>
      </c>
      <c r="B134" s="21">
        <v>-39</v>
      </c>
      <c r="C134" s="22">
        <v>-10</v>
      </c>
      <c r="D134" s="22">
        <v>-29</v>
      </c>
      <c r="E134" s="21">
        <v>34</v>
      </c>
      <c r="F134" s="22">
        <v>10</v>
      </c>
      <c r="G134" s="23">
        <v>24</v>
      </c>
      <c r="H134" s="22">
        <v>4</v>
      </c>
      <c r="I134" s="22">
        <v>1</v>
      </c>
      <c r="J134" s="22">
        <v>3</v>
      </c>
      <c r="K134" s="21">
        <v>9</v>
      </c>
      <c r="L134" s="53">
        <v>1</v>
      </c>
      <c r="M134" s="54">
        <v>8</v>
      </c>
    </row>
    <row r="135" spans="1:13">
      <c r="A135" s="40" t="s">
        <v>138</v>
      </c>
      <c r="B135" s="21">
        <v>-27</v>
      </c>
      <c r="C135" s="22">
        <v>-5</v>
      </c>
      <c r="D135" s="22">
        <v>-22</v>
      </c>
      <c r="E135" s="21">
        <v>25</v>
      </c>
      <c r="F135" s="22">
        <v>5</v>
      </c>
      <c r="G135" s="23">
        <v>20</v>
      </c>
      <c r="H135" s="22">
        <v>1</v>
      </c>
      <c r="I135" s="22">
        <v>0</v>
      </c>
      <c r="J135" s="22">
        <v>1</v>
      </c>
      <c r="K135" s="21">
        <v>3</v>
      </c>
      <c r="L135" s="53">
        <v>0</v>
      </c>
      <c r="M135" s="54">
        <v>3</v>
      </c>
    </row>
    <row r="136" spans="1:13">
      <c r="A136" s="40" t="s">
        <v>139</v>
      </c>
      <c r="B136" s="21">
        <v>-25</v>
      </c>
      <c r="C136" s="22">
        <v>0</v>
      </c>
      <c r="D136" s="22">
        <v>-25</v>
      </c>
      <c r="E136" s="21">
        <v>26</v>
      </c>
      <c r="F136" s="22">
        <v>0</v>
      </c>
      <c r="G136" s="23">
        <v>26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37</v>
      </c>
      <c r="C137" s="43">
        <v>-3</v>
      </c>
      <c r="D137" s="43">
        <v>-34</v>
      </c>
      <c r="E137" s="42">
        <v>39</v>
      </c>
      <c r="F137" s="43">
        <v>3</v>
      </c>
      <c r="G137" s="44">
        <v>36</v>
      </c>
      <c r="H137" s="43">
        <v>3</v>
      </c>
      <c r="I137" s="43">
        <v>0</v>
      </c>
      <c r="J137" s="43">
        <v>3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40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5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362</v>
      </c>
      <c r="C5" s="14">
        <v>100</v>
      </c>
      <c r="D5" s="14">
        <v>262</v>
      </c>
      <c r="E5" s="13">
        <v>2064</v>
      </c>
      <c r="F5" s="14">
        <v>1110</v>
      </c>
      <c r="G5" s="15">
        <v>954</v>
      </c>
      <c r="H5" s="14">
        <v>12547</v>
      </c>
      <c r="I5" s="14">
        <v>6667</v>
      </c>
      <c r="J5" s="14">
        <v>5880</v>
      </c>
      <c r="K5" s="13">
        <v>11400</v>
      </c>
      <c r="L5" s="49">
        <v>6127</v>
      </c>
      <c r="M5" s="50">
        <v>5273</v>
      </c>
    </row>
    <row r="6" spans="1:13" ht="19.5" customHeight="1">
      <c r="A6" s="16" t="s">
        <v>13</v>
      </c>
      <c r="B6" s="17">
        <v>1325</v>
      </c>
      <c r="C6" s="18">
        <v>692</v>
      </c>
      <c r="D6" s="18">
        <v>633</v>
      </c>
      <c r="E6" s="17">
        <v>4</v>
      </c>
      <c r="F6" s="18">
        <v>2</v>
      </c>
      <c r="G6" s="19">
        <v>2</v>
      </c>
      <c r="H6" s="18">
        <v>604</v>
      </c>
      <c r="I6" s="18">
        <v>309</v>
      </c>
      <c r="J6" s="18">
        <v>295</v>
      </c>
      <c r="K6" s="17">
        <v>554</v>
      </c>
      <c r="L6" s="51">
        <v>285</v>
      </c>
      <c r="M6" s="52">
        <v>269</v>
      </c>
    </row>
    <row r="7" spans="1:13">
      <c r="A7" s="20" t="s">
        <v>14</v>
      </c>
      <c r="B7" s="21">
        <v>1290</v>
      </c>
      <c r="C7" s="22">
        <v>679</v>
      </c>
      <c r="D7" s="22">
        <v>611</v>
      </c>
      <c r="E7" s="21">
        <v>3</v>
      </c>
      <c r="F7" s="22">
        <v>1</v>
      </c>
      <c r="G7" s="23">
        <v>2</v>
      </c>
      <c r="H7" s="22">
        <v>93</v>
      </c>
      <c r="I7" s="22">
        <v>48</v>
      </c>
      <c r="J7" s="22">
        <v>45</v>
      </c>
      <c r="K7" s="21">
        <v>79</v>
      </c>
      <c r="L7" s="53">
        <v>38</v>
      </c>
      <c r="M7" s="54">
        <v>41</v>
      </c>
    </row>
    <row r="8" spans="1:13">
      <c r="A8" s="20" t="s">
        <v>15</v>
      </c>
      <c r="B8" s="21">
        <v>-2</v>
      </c>
      <c r="C8" s="22">
        <v>-8</v>
      </c>
      <c r="D8" s="22">
        <v>6</v>
      </c>
      <c r="E8" s="21">
        <v>1</v>
      </c>
      <c r="F8" s="22">
        <v>1</v>
      </c>
      <c r="G8" s="23">
        <v>0</v>
      </c>
      <c r="H8" s="22">
        <v>169</v>
      </c>
      <c r="I8" s="22">
        <v>84</v>
      </c>
      <c r="J8" s="22">
        <v>85</v>
      </c>
      <c r="K8" s="21">
        <v>170</v>
      </c>
      <c r="L8" s="53">
        <v>91</v>
      </c>
      <c r="M8" s="54">
        <v>79</v>
      </c>
    </row>
    <row r="9" spans="1:13">
      <c r="A9" s="20" t="s">
        <v>16</v>
      </c>
      <c r="B9" s="21">
        <v>7</v>
      </c>
      <c r="C9" s="22">
        <v>-2</v>
      </c>
      <c r="D9" s="22">
        <v>9</v>
      </c>
      <c r="E9" s="21">
        <v>0</v>
      </c>
      <c r="F9" s="22">
        <v>0</v>
      </c>
      <c r="G9" s="23">
        <v>0</v>
      </c>
      <c r="H9" s="22">
        <v>132</v>
      </c>
      <c r="I9" s="22">
        <v>60</v>
      </c>
      <c r="J9" s="22">
        <v>72</v>
      </c>
      <c r="K9" s="21">
        <v>125</v>
      </c>
      <c r="L9" s="53">
        <v>62</v>
      </c>
      <c r="M9" s="54">
        <v>63</v>
      </c>
    </row>
    <row r="10" spans="1:13">
      <c r="A10" s="20" t="s">
        <v>17</v>
      </c>
      <c r="B10" s="21">
        <v>17</v>
      </c>
      <c r="C10" s="22">
        <v>17</v>
      </c>
      <c r="D10" s="22">
        <v>0</v>
      </c>
      <c r="E10" s="21">
        <v>0</v>
      </c>
      <c r="F10" s="22">
        <v>0</v>
      </c>
      <c r="G10" s="23">
        <v>0</v>
      </c>
      <c r="H10" s="22">
        <v>110</v>
      </c>
      <c r="I10" s="22">
        <v>65</v>
      </c>
      <c r="J10" s="22">
        <v>45</v>
      </c>
      <c r="K10" s="21">
        <v>93</v>
      </c>
      <c r="L10" s="53">
        <v>48</v>
      </c>
      <c r="M10" s="54">
        <v>45</v>
      </c>
    </row>
    <row r="11" spans="1:13">
      <c r="A11" s="20" t="s">
        <v>18</v>
      </c>
      <c r="B11" s="21">
        <v>13</v>
      </c>
      <c r="C11" s="22">
        <v>6</v>
      </c>
      <c r="D11" s="22">
        <v>7</v>
      </c>
      <c r="E11" s="21">
        <v>0</v>
      </c>
      <c r="F11" s="22">
        <v>0</v>
      </c>
      <c r="G11" s="23">
        <v>0</v>
      </c>
      <c r="H11" s="22">
        <v>100</v>
      </c>
      <c r="I11" s="22">
        <v>52</v>
      </c>
      <c r="J11" s="22">
        <v>48</v>
      </c>
      <c r="K11" s="21">
        <v>87</v>
      </c>
      <c r="L11" s="53">
        <v>46</v>
      </c>
      <c r="M11" s="54">
        <v>41</v>
      </c>
    </row>
    <row r="12" spans="1:13" ht="20.100000000000001" customHeight="1">
      <c r="A12" s="16" t="s">
        <v>19</v>
      </c>
      <c r="B12" s="17">
        <v>-1</v>
      </c>
      <c r="C12" s="18">
        <v>-8</v>
      </c>
      <c r="D12" s="18">
        <v>7</v>
      </c>
      <c r="E12" s="17">
        <v>0</v>
      </c>
      <c r="F12" s="18">
        <v>0</v>
      </c>
      <c r="G12" s="19">
        <v>0</v>
      </c>
      <c r="H12" s="18">
        <v>295</v>
      </c>
      <c r="I12" s="18">
        <v>154</v>
      </c>
      <c r="J12" s="18">
        <v>141</v>
      </c>
      <c r="K12" s="17">
        <v>296</v>
      </c>
      <c r="L12" s="51">
        <v>162</v>
      </c>
      <c r="M12" s="52">
        <v>134</v>
      </c>
    </row>
    <row r="13" spans="1:13">
      <c r="A13" s="20" t="s">
        <v>20</v>
      </c>
      <c r="B13" s="21">
        <v>-6</v>
      </c>
      <c r="C13" s="22">
        <v>-2</v>
      </c>
      <c r="D13" s="22">
        <v>-4</v>
      </c>
      <c r="E13" s="21">
        <v>0</v>
      </c>
      <c r="F13" s="22">
        <v>0</v>
      </c>
      <c r="G13" s="23">
        <v>0</v>
      </c>
      <c r="H13" s="22">
        <v>86</v>
      </c>
      <c r="I13" s="22">
        <v>43</v>
      </c>
      <c r="J13" s="22">
        <v>43</v>
      </c>
      <c r="K13" s="21">
        <v>92</v>
      </c>
      <c r="L13" s="53">
        <v>45</v>
      </c>
      <c r="M13" s="54">
        <v>47</v>
      </c>
    </row>
    <row r="14" spans="1:13">
      <c r="A14" s="20" t="s">
        <v>21</v>
      </c>
      <c r="B14" s="21">
        <v>-10</v>
      </c>
      <c r="C14" s="22">
        <v>-9</v>
      </c>
      <c r="D14" s="22">
        <v>-1</v>
      </c>
      <c r="E14" s="21">
        <v>0</v>
      </c>
      <c r="F14" s="22">
        <v>0</v>
      </c>
      <c r="G14" s="23">
        <v>0</v>
      </c>
      <c r="H14" s="22">
        <v>64</v>
      </c>
      <c r="I14" s="22">
        <v>34</v>
      </c>
      <c r="J14" s="22">
        <v>30</v>
      </c>
      <c r="K14" s="21">
        <v>74</v>
      </c>
      <c r="L14" s="53">
        <v>43</v>
      </c>
      <c r="M14" s="54">
        <v>31</v>
      </c>
    </row>
    <row r="15" spans="1:13">
      <c r="A15" s="20" t="s">
        <v>22</v>
      </c>
      <c r="B15" s="21">
        <v>7</v>
      </c>
      <c r="C15" s="22">
        <v>-4</v>
      </c>
      <c r="D15" s="22">
        <v>11</v>
      </c>
      <c r="E15" s="21">
        <v>0</v>
      </c>
      <c r="F15" s="22">
        <v>0</v>
      </c>
      <c r="G15" s="23">
        <v>0</v>
      </c>
      <c r="H15" s="22">
        <v>65</v>
      </c>
      <c r="I15" s="22">
        <v>28</v>
      </c>
      <c r="J15" s="22">
        <v>37</v>
      </c>
      <c r="K15" s="21">
        <v>58</v>
      </c>
      <c r="L15" s="53">
        <v>32</v>
      </c>
      <c r="M15" s="54">
        <v>26</v>
      </c>
    </row>
    <row r="16" spans="1:13">
      <c r="A16" s="20" t="s">
        <v>23</v>
      </c>
      <c r="B16" s="21">
        <v>8</v>
      </c>
      <c r="C16" s="22">
        <v>0</v>
      </c>
      <c r="D16" s="22">
        <v>8</v>
      </c>
      <c r="E16" s="21">
        <v>0</v>
      </c>
      <c r="F16" s="22">
        <v>0</v>
      </c>
      <c r="G16" s="23">
        <v>0</v>
      </c>
      <c r="H16" s="22">
        <v>42</v>
      </c>
      <c r="I16" s="22">
        <v>23</v>
      </c>
      <c r="J16" s="22">
        <v>19</v>
      </c>
      <c r="K16" s="21">
        <v>34</v>
      </c>
      <c r="L16" s="53">
        <v>23</v>
      </c>
      <c r="M16" s="54">
        <v>11</v>
      </c>
    </row>
    <row r="17" spans="1:13">
      <c r="A17" s="20" t="s">
        <v>24</v>
      </c>
      <c r="B17" s="21">
        <v>0</v>
      </c>
      <c r="C17" s="22">
        <v>7</v>
      </c>
      <c r="D17" s="22">
        <v>-7</v>
      </c>
      <c r="E17" s="21">
        <v>0</v>
      </c>
      <c r="F17" s="22">
        <v>0</v>
      </c>
      <c r="G17" s="23">
        <v>0</v>
      </c>
      <c r="H17" s="22">
        <v>38</v>
      </c>
      <c r="I17" s="22">
        <v>26</v>
      </c>
      <c r="J17" s="22">
        <v>12</v>
      </c>
      <c r="K17" s="21">
        <v>38</v>
      </c>
      <c r="L17" s="53">
        <v>19</v>
      </c>
      <c r="M17" s="54">
        <v>19</v>
      </c>
    </row>
    <row r="18" spans="1:13" ht="20.100000000000001" customHeight="1">
      <c r="A18" s="16" t="s">
        <v>25</v>
      </c>
      <c r="B18" s="17">
        <v>1</v>
      </c>
      <c r="C18" s="18">
        <v>-2</v>
      </c>
      <c r="D18" s="18">
        <v>3</v>
      </c>
      <c r="E18" s="17">
        <v>0</v>
      </c>
      <c r="F18" s="18">
        <v>0</v>
      </c>
      <c r="G18" s="19">
        <v>0</v>
      </c>
      <c r="H18" s="18">
        <v>167</v>
      </c>
      <c r="I18" s="18">
        <v>85</v>
      </c>
      <c r="J18" s="18">
        <v>82</v>
      </c>
      <c r="K18" s="17">
        <v>166</v>
      </c>
      <c r="L18" s="51">
        <v>87</v>
      </c>
      <c r="M18" s="52">
        <v>79</v>
      </c>
    </row>
    <row r="19" spans="1:13">
      <c r="A19" s="20" t="s">
        <v>26</v>
      </c>
      <c r="B19" s="21">
        <v>4</v>
      </c>
      <c r="C19" s="22">
        <v>7</v>
      </c>
      <c r="D19" s="22">
        <v>-3</v>
      </c>
      <c r="E19" s="21">
        <v>0</v>
      </c>
      <c r="F19" s="22">
        <v>0</v>
      </c>
      <c r="G19" s="23">
        <v>0</v>
      </c>
      <c r="H19" s="22">
        <v>40</v>
      </c>
      <c r="I19" s="22">
        <v>24</v>
      </c>
      <c r="J19" s="22">
        <v>16</v>
      </c>
      <c r="K19" s="21">
        <v>36</v>
      </c>
      <c r="L19" s="53">
        <v>17</v>
      </c>
      <c r="M19" s="54">
        <v>19</v>
      </c>
    </row>
    <row r="20" spans="1:13">
      <c r="A20" s="20" t="s">
        <v>27</v>
      </c>
      <c r="B20" s="21">
        <v>3</v>
      </c>
      <c r="C20" s="22">
        <v>-1</v>
      </c>
      <c r="D20" s="22">
        <v>4</v>
      </c>
      <c r="E20" s="21">
        <v>0</v>
      </c>
      <c r="F20" s="22">
        <v>0</v>
      </c>
      <c r="G20" s="23">
        <v>0</v>
      </c>
      <c r="H20" s="22">
        <v>34</v>
      </c>
      <c r="I20" s="22">
        <v>18</v>
      </c>
      <c r="J20" s="22">
        <v>16</v>
      </c>
      <c r="K20" s="21">
        <v>31</v>
      </c>
      <c r="L20" s="53">
        <v>19</v>
      </c>
      <c r="M20" s="54">
        <v>12</v>
      </c>
    </row>
    <row r="21" spans="1:13">
      <c r="A21" s="20" t="s">
        <v>28</v>
      </c>
      <c r="B21" s="21">
        <v>0</v>
      </c>
      <c r="C21" s="22">
        <v>-1</v>
      </c>
      <c r="D21" s="22">
        <v>1</v>
      </c>
      <c r="E21" s="21">
        <v>0</v>
      </c>
      <c r="F21" s="22">
        <v>0</v>
      </c>
      <c r="G21" s="23">
        <v>0</v>
      </c>
      <c r="H21" s="22">
        <v>28</v>
      </c>
      <c r="I21" s="22">
        <v>10</v>
      </c>
      <c r="J21" s="22">
        <v>18</v>
      </c>
      <c r="K21" s="21">
        <v>28</v>
      </c>
      <c r="L21" s="53">
        <v>11</v>
      </c>
      <c r="M21" s="54">
        <v>17</v>
      </c>
    </row>
    <row r="22" spans="1:13">
      <c r="A22" s="20" t="s">
        <v>29</v>
      </c>
      <c r="B22" s="21">
        <v>-9</v>
      </c>
      <c r="C22" s="22">
        <v>-11</v>
      </c>
      <c r="D22" s="22">
        <v>2</v>
      </c>
      <c r="E22" s="21">
        <v>0</v>
      </c>
      <c r="F22" s="22">
        <v>0</v>
      </c>
      <c r="G22" s="23">
        <v>0</v>
      </c>
      <c r="H22" s="22">
        <v>39</v>
      </c>
      <c r="I22" s="22">
        <v>19</v>
      </c>
      <c r="J22" s="22">
        <v>20</v>
      </c>
      <c r="K22" s="21">
        <v>48</v>
      </c>
      <c r="L22" s="53">
        <v>30</v>
      </c>
      <c r="M22" s="54">
        <v>18</v>
      </c>
    </row>
    <row r="23" spans="1:13">
      <c r="A23" s="20" t="s">
        <v>30</v>
      </c>
      <c r="B23" s="21">
        <v>3</v>
      </c>
      <c r="C23" s="22">
        <v>4</v>
      </c>
      <c r="D23" s="22">
        <v>-1</v>
      </c>
      <c r="E23" s="21">
        <v>0</v>
      </c>
      <c r="F23" s="22">
        <v>0</v>
      </c>
      <c r="G23" s="23">
        <v>0</v>
      </c>
      <c r="H23" s="22">
        <v>26</v>
      </c>
      <c r="I23" s="22">
        <v>14</v>
      </c>
      <c r="J23" s="22">
        <v>12</v>
      </c>
      <c r="K23" s="21">
        <v>23</v>
      </c>
      <c r="L23" s="53">
        <v>10</v>
      </c>
      <c r="M23" s="54">
        <v>13</v>
      </c>
    </row>
    <row r="24" spans="1:13" ht="20.100000000000001" customHeight="1">
      <c r="A24" s="16" t="s">
        <v>31</v>
      </c>
      <c r="B24" s="17">
        <v>165</v>
      </c>
      <c r="C24" s="18">
        <v>99</v>
      </c>
      <c r="D24" s="18">
        <v>66</v>
      </c>
      <c r="E24" s="17">
        <v>1</v>
      </c>
      <c r="F24" s="18">
        <v>0</v>
      </c>
      <c r="G24" s="19">
        <v>1</v>
      </c>
      <c r="H24" s="18">
        <v>500</v>
      </c>
      <c r="I24" s="18">
        <v>266</v>
      </c>
      <c r="J24" s="18">
        <v>234</v>
      </c>
      <c r="K24" s="17">
        <v>334</v>
      </c>
      <c r="L24" s="51">
        <v>167</v>
      </c>
      <c r="M24" s="52">
        <v>167</v>
      </c>
    </row>
    <row r="25" spans="1:13">
      <c r="A25" s="20" t="s">
        <v>32</v>
      </c>
      <c r="B25" s="21">
        <v>6</v>
      </c>
      <c r="C25" s="22">
        <v>2</v>
      </c>
      <c r="D25" s="22">
        <v>4</v>
      </c>
      <c r="E25" s="21">
        <v>0</v>
      </c>
      <c r="F25" s="22">
        <v>0</v>
      </c>
      <c r="G25" s="23">
        <v>0</v>
      </c>
      <c r="H25" s="22">
        <v>38</v>
      </c>
      <c r="I25" s="22">
        <v>16</v>
      </c>
      <c r="J25" s="22">
        <v>22</v>
      </c>
      <c r="K25" s="21">
        <v>32</v>
      </c>
      <c r="L25" s="53">
        <v>14</v>
      </c>
      <c r="M25" s="54">
        <v>18</v>
      </c>
    </row>
    <row r="26" spans="1:13">
      <c r="A26" s="20" t="s">
        <v>33</v>
      </c>
      <c r="B26" s="21">
        <v>2</v>
      </c>
      <c r="C26" s="22">
        <v>3</v>
      </c>
      <c r="D26" s="22">
        <v>-1</v>
      </c>
      <c r="E26" s="21">
        <v>0</v>
      </c>
      <c r="F26" s="22">
        <v>0</v>
      </c>
      <c r="G26" s="23">
        <v>0</v>
      </c>
      <c r="H26" s="22">
        <v>58</v>
      </c>
      <c r="I26" s="22">
        <v>30</v>
      </c>
      <c r="J26" s="22">
        <v>28</v>
      </c>
      <c r="K26" s="21">
        <v>56</v>
      </c>
      <c r="L26" s="53">
        <v>27</v>
      </c>
      <c r="M26" s="54">
        <v>29</v>
      </c>
    </row>
    <row r="27" spans="1:13">
      <c r="A27" s="20" t="s">
        <v>34</v>
      </c>
      <c r="B27" s="21">
        <v>-11</v>
      </c>
      <c r="C27" s="22">
        <v>-9</v>
      </c>
      <c r="D27" s="22">
        <v>-2</v>
      </c>
      <c r="E27" s="21">
        <v>0</v>
      </c>
      <c r="F27" s="22">
        <v>0</v>
      </c>
      <c r="G27" s="23">
        <v>0</v>
      </c>
      <c r="H27" s="22">
        <v>26</v>
      </c>
      <c r="I27" s="22">
        <v>11</v>
      </c>
      <c r="J27" s="22">
        <v>15</v>
      </c>
      <c r="K27" s="21">
        <v>37</v>
      </c>
      <c r="L27" s="53">
        <v>20</v>
      </c>
      <c r="M27" s="54">
        <v>17</v>
      </c>
    </row>
    <row r="28" spans="1:13">
      <c r="A28" s="20" t="s">
        <v>35</v>
      </c>
      <c r="B28" s="21">
        <v>35</v>
      </c>
      <c r="C28" s="22">
        <v>19</v>
      </c>
      <c r="D28" s="22">
        <v>16</v>
      </c>
      <c r="E28" s="21">
        <v>0</v>
      </c>
      <c r="F28" s="22">
        <v>0</v>
      </c>
      <c r="G28" s="23">
        <v>0</v>
      </c>
      <c r="H28" s="22">
        <v>105</v>
      </c>
      <c r="I28" s="22">
        <v>54</v>
      </c>
      <c r="J28" s="22">
        <v>51</v>
      </c>
      <c r="K28" s="21">
        <v>70</v>
      </c>
      <c r="L28" s="53">
        <v>35</v>
      </c>
      <c r="M28" s="54">
        <v>35</v>
      </c>
    </row>
    <row r="29" spans="1:13">
      <c r="A29" s="20" t="s">
        <v>36</v>
      </c>
      <c r="B29" s="21">
        <v>133</v>
      </c>
      <c r="C29" s="22">
        <v>84</v>
      </c>
      <c r="D29" s="22">
        <v>49</v>
      </c>
      <c r="E29" s="21">
        <v>1</v>
      </c>
      <c r="F29" s="22">
        <v>0</v>
      </c>
      <c r="G29" s="23">
        <v>1</v>
      </c>
      <c r="H29" s="22">
        <v>273</v>
      </c>
      <c r="I29" s="22">
        <v>155</v>
      </c>
      <c r="J29" s="22">
        <v>118</v>
      </c>
      <c r="K29" s="21">
        <v>139</v>
      </c>
      <c r="L29" s="53">
        <v>71</v>
      </c>
      <c r="M29" s="54">
        <v>68</v>
      </c>
    </row>
    <row r="30" spans="1:13" ht="20.100000000000001" customHeight="1">
      <c r="A30" s="16" t="s">
        <v>37</v>
      </c>
      <c r="B30" s="17">
        <v>761</v>
      </c>
      <c r="C30" s="18">
        <v>416</v>
      </c>
      <c r="D30" s="18">
        <v>345</v>
      </c>
      <c r="E30" s="17">
        <v>5</v>
      </c>
      <c r="F30" s="18">
        <v>4</v>
      </c>
      <c r="G30" s="19">
        <v>1</v>
      </c>
      <c r="H30" s="18">
        <v>2488</v>
      </c>
      <c r="I30" s="18">
        <v>1333</v>
      </c>
      <c r="J30" s="18">
        <v>1155</v>
      </c>
      <c r="K30" s="17">
        <v>1722</v>
      </c>
      <c r="L30" s="51">
        <v>913</v>
      </c>
      <c r="M30" s="52">
        <v>809</v>
      </c>
    </row>
    <row r="31" spans="1:13">
      <c r="A31" s="20" t="s">
        <v>38</v>
      </c>
      <c r="B31" s="21">
        <v>162</v>
      </c>
      <c r="C31" s="22">
        <v>94</v>
      </c>
      <c r="D31" s="22">
        <v>68</v>
      </c>
      <c r="E31" s="21">
        <v>1</v>
      </c>
      <c r="F31" s="22">
        <v>1</v>
      </c>
      <c r="G31" s="23">
        <v>0</v>
      </c>
      <c r="H31" s="22">
        <v>284</v>
      </c>
      <c r="I31" s="22">
        <v>158</v>
      </c>
      <c r="J31" s="22">
        <v>126</v>
      </c>
      <c r="K31" s="21">
        <v>121</v>
      </c>
      <c r="L31" s="53">
        <v>63</v>
      </c>
      <c r="M31" s="54">
        <v>58</v>
      </c>
    </row>
    <row r="32" spans="1:13">
      <c r="A32" s="20" t="s">
        <v>39</v>
      </c>
      <c r="B32" s="21">
        <v>167</v>
      </c>
      <c r="C32" s="22">
        <v>76</v>
      </c>
      <c r="D32" s="22">
        <v>91</v>
      </c>
      <c r="E32" s="21">
        <v>0</v>
      </c>
      <c r="F32" s="22">
        <v>0</v>
      </c>
      <c r="G32" s="23">
        <v>0</v>
      </c>
      <c r="H32" s="22">
        <v>385</v>
      </c>
      <c r="I32" s="22">
        <v>185</v>
      </c>
      <c r="J32" s="22">
        <v>200</v>
      </c>
      <c r="K32" s="21">
        <v>218</v>
      </c>
      <c r="L32" s="53">
        <v>109</v>
      </c>
      <c r="M32" s="54">
        <v>109</v>
      </c>
    </row>
    <row r="33" spans="1:13">
      <c r="A33" s="20" t="s">
        <v>40</v>
      </c>
      <c r="B33" s="21">
        <v>182</v>
      </c>
      <c r="C33" s="22">
        <v>99</v>
      </c>
      <c r="D33" s="22">
        <v>83</v>
      </c>
      <c r="E33" s="21">
        <v>2</v>
      </c>
      <c r="F33" s="22">
        <v>1</v>
      </c>
      <c r="G33" s="23">
        <v>1</v>
      </c>
      <c r="H33" s="22">
        <v>480</v>
      </c>
      <c r="I33" s="22">
        <v>252</v>
      </c>
      <c r="J33" s="22">
        <v>228</v>
      </c>
      <c r="K33" s="21">
        <v>296</v>
      </c>
      <c r="L33" s="53">
        <v>152</v>
      </c>
      <c r="M33" s="54">
        <v>144</v>
      </c>
    </row>
    <row r="34" spans="1:13">
      <c r="A34" s="20" t="s">
        <v>41</v>
      </c>
      <c r="B34" s="21">
        <v>231</v>
      </c>
      <c r="C34" s="22">
        <v>137</v>
      </c>
      <c r="D34" s="22">
        <v>94</v>
      </c>
      <c r="E34" s="21">
        <v>1</v>
      </c>
      <c r="F34" s="22">
        <v>1</v>
      </c>
      <c r="G34" s="23">
        <v>0</v>
      </c>
      <c r="H34" s="22">
        <v>784</v>
      </c>
      <c r="I34" s="22">
        <v>421</v>
      </c>
      <c r="J34" s="22">
        <v>363</v>
      </c>
      <c r="K34" s="21">
        <v>552</v>
      </c>
      <c r="L34" s="53">
        <v>283</v>
      </c>
      <c r="M34" s="54">
        <v>269</v>
      </c>
    </row>
    <row r="35" spans="1:13">
      <c r="A35" s="20" t="s">
        <v>42</v>
      </c>
      <c r="B35" s="21">
        <v>19</v>
      </c>
      <c r="C35" s="22">
        <v>10</v>
      </c>
      <c r="D35" s="22">
        <v>9</v>
      </c>
      <c r="E35" s="21">
        <v>1</v>
      </c>
      <c r="F35" s="22">
        <v>1</v>
      </c>
      <c r="G35" s="23">
        <v>0</v>
      </c>
      <c r="H35" s="22">
        <v>555</v>
      </c>
      <c r="I35" s="22">
        <v>317</v>
      </c>
      <c r="J35" s="22">
        <v>238</v>
      </c>
      <c r="K35" s="21">
        <v>535</v>
      </c>
      <c r="L35" s="53">
        <v>306</v>
      </c>
      <c r="M35" s="54">
        <v>229</v>
      </c>
    </row>
    <row r="36" spans="1:13" ht="20.100000000000001" customHeight="1">
      <c r="A36" s="16" t="s">
        <v>43</v>
      </c>
      <c r="B36" s="17">
        <v>-13</v>
      </c>
      <c r="C36" s="18">
        <v>-21</v>
      </c>
      <c r="D36" s="18">
        <v>8</v>
      </c>
      <c r="E36" s="17">
        <v>3</v>
      </c>
      <c r="F36" s="18">
        <v>1</v>
      </c>
      <c r="G36" s="19">
        <v>2</v>
      </c>
      <c r="H36" s="18">
        <v>2604</v>
      </c>
      <c r="I36" s="18">
        <v>1392</v>
      </c>
      <c r="J36" s="18">
        <v>1212</v>
      </c>
      <c r="K36" s="17">
        <v>2614</v>
      </c>
      <c r="L36" s="51">
        <v>1412</v>
      </c>
      <c r="M36" s="52">
        <v>1202</v>
      </c>
    </row>
    <row r="37" spans="1:13">
      <c r="A37" s="20" t="s">
        <v>44</v>
      </c>
      <c r="B37" s="21">
        <v>-3</v>
      </c>
      <c r="C37" s="22">
        <v>7</v>
      </c>
      <c r="D37" s="22">
        <v>-10</v>
      </c>
      <c r="E37" s="21">
        <v>1</v>
      </c>
      <c r="F37" s="22">
        <v>0</v>
      </c>
      <c r="G37" s="23">
        <v>1</v>
      </c>
      <c r="H37" s="22">
        <v>609</v>
      </c>
      <c r="I37" s="22">
        <v>331</v>
      </c>
      <c r="J37" s="22">
        <v>278</v>
      </c>
      <c r="K37" s="21">
        <v>611</v>
      </c>
      <c r="L37" s="53">
        <v>324</v>
      </c>
      <c r="M37" s="54">
        <v>287</v>
      </c>
    </row>
    <row r="38" spans="1:13">
      <c r="A38" s="20" t="s">
        <v>45</v>
      </c>
      <c r="B38" s="21">
        <v>-14</v>
      </c>
      <c r="C38" s="22">
        <v>-6</v>
      </c>
      <c r="D38" s="22">
        <v>-8</v>
      </c>
      <c r="E38" s="21">
        <v>0</v>
      </c>
      <c r="F38" s="22">
        <v>0</v>
      </c>
      <c r="G38" s="23">
        <v>0</v>
      </c>
      <c r="H38" s="22">
        <v>552</v>
      </c>
      <c r="I38" s="22">
        <v>297</v>
      </c>
      <c r="J38" s="22">
        <v>255</v>
      </c>
      <c r="K38" s="21">
        <v>566</v>
      </c>
      <c r="L38" s="53">
        <v>303</v>
      </c>
      <c r="M38" s="54">
        <v>263</v>
      </c>
    </row>
    <row r="39" spans="1:13">
      <c r="A39" s="20" t="s">
        <v>46</v>
      </c>
      <c r="B39" s="21">
        <v>34</v>
      </c>
      <c r="C39" s="22">
        <v>5</v>
      </c>
      <c r="D39" s="22">
        <v>29</v>
      </c>
      <c r="E39" s="21">
        <v>0</v>
      </c>
      <c r="F39" s="22">
        <v>0</v>
      </c>
      <c r="G39" s="23">
        <v>0</v>
      </c>
      <c r="H39" s="22">
        <v>508</v>
      </c>
      <c r="I39" s="22">
        <v>260</v>
      </c>
      <c r="J39" s="22">
        <v>248</v>
      </c>
      <c r="K39" s="21">
        <v>474</v>
      </c>
      <c r="L39" s="53">
        <v>255</v>
      </c>
      <c r="M39" s="54">
        <v>219</v>
      </c>
    </row>
    <row r="40" spans="1:13">
      <c r="A40" s="20" t="s">
        <v>47</v>
      </c>
      <c r="B40" s="21">
        <v>-26</v>
      </c>
      <c r="C40" s="22">
        <v>-16</v>
      </c>
      <c r="D40" s="22">
        <v>-10</v>
      </c>
      <c r="E40" s="21">
        <v>1</v>
      </c>
      <c r="F40" s="22">
        <v>0</v>
      </c>
      <c r="G40" s="23">
        <v>1</v>
      </c>
      <c r="H40" s="22">
        <v>488</v>
      </c>
      <c r="I40" s="22">
        <v>260</v>
      </c>
      <c r="J40" s="22">
        <v>228</v>
      </c>
      <c r="K40" s="21">
        <v>513</v>
      </c>
      <c r="L40" s="53">
        <v>276</v>
      </c>
      <c r="M40" s="54">
        <v>237</v>
      </c>
    </row>
    <row r="41" spans="1:13">
      <c r="A41" s="20" t="s">
        <v>48</v>
      </c>
      <c r="B41" s="21">
        <v>-4</v>
      </c>
      <c r="C41" s="22">
        <v>-11</v>
      </c>
      <c r="D41" s="22">
        <v>7</v>
      </c>
      <c r="E41" s="21">
        <v>1</v>
      </c>
      <c r="F41" s="22">
        <v>1</v>
      </c>
      <c r="G41" s="23">
        <v>0</v>
      </c>
      <c r="H41" s="22">
        <v>447</v>
      </c>
      <c r="I41" s="22">
        <v>244</v>
      </c>
      <c r="J41" s="22">
        <v>203</v>
      </c>
      <c r="K41" s="21">
        <v>450</v>
      </c>
      <c r="L41" s="53">
        <v>254</v>
      </c>
      <c r="M41" s="54">
        <v>196</v>
      </c>
    </row>
    <row r="42" spans="1:13" ht="20.100000000000001" customHeight="1">
      <c r="A42" s="16" t="s">
        <v>49</v>
      </c>
      <c r="B42" s="17">
        <v>105</v>
      </c>
      <c r="C42" s="18">
        <v>39</v>
      </c>
      <c r="D42" s="18">
        <v>66</v>
      </c>
      <c r="E42" s="17">
        <v>5</v>
      </c>
      <c r="F42" s="18">
        <v>4</v>
      </c>
      <c r="G42" s="19">
        <v>1</v>
      </c>
      <c r="H42" s="18">
        <v>1742</v>
      </c>
      <c r="I42" s="18">
        <v>952</v>
      </c>
      <c r="J42" s="18">
        <v>790</v>
      </c>
      <c r="K42" s="17">
        <v>1632</v>
      </c>
      <c r="L42" s="51">
        <v>909</v>
      </c>
      <c r="M42" s="52">
        <v>723</v>
      </c>
    </row>
    <row r="43" spans="1:13">
      <c r="A43" s="20" t="s">
        <v>50</v>
      </c>
      <c r="B43" s="21">
        <v>-47</v>
      </c>
      <c r="C43" s="22">
        <v>-34</v>
      </c>
      <c r="D43" s="22">
        <v>-13</v>
      </c>
      <c r="E43" s="21">
        <v>1</v>
      </c>
      <c r="F43" s="22">
        <v>0</v>
      </c>
      <c r="G43" s="23">
        <v>1</v>
      </c>
      <c r="H43" s="22">
        <v>383</v>
      </c>
      <c r="I43" s="22">
        <v>197</v>
      </c>
      <c r="J43" s="22">
        <v>186</v>
      </c>
      <c r="K43" s="21">
        <v>429</v>
      </c>
      <c r="L43" s="53">
        <v>231</v>
      </c>
      <c r="M43" s="54">
        <v>198</v>
      </c>
    </row>
    <row r="44" spans="1:13">
      <c r="A44" s="20" t="s">
        <v>51</v>
      </c>
      <c r="B44" s="21">
        <v>5</v>
      </c>
      <c r="C44" s="22">
        <v>-28</v>
      </c>
      <c r="D44" s="22">
        <v>33</v>
      </c>
      <c r="E44" s="21">
        <v>1</v>
      </c>
      <c r="F44" s="22">
        <v>1</v>
      </c>
      <c r="G44" s="23">
        <v>0</v>
      </c>
      <c r="H44" s="22">
        <v>351</v>
      </c>
      <c r="I44" s="22">
        <v>184</v>
      </c>
      <c r="J44" s="22">
        <v>167</v>
      </c>
      <c r="K44" s="21">
        <v>345</v>
      </c>
      <c r="L44" s="53">
        <v>211</v>
      </c>
      <c r="M44" s="54">
        <v>134</v>
      </c>
    </row>
    <row r="45" spans="1:13">
      <c r="A45" s="20" t="s">
        <v>52</v>
      </c>
      <c r="B45" s="21">
        <v>96</v>
      </c>
      <c r="C45" s="22">
        <v>44</v>
      </c>
      <c r="D45" s="22">
        <v>52</v>
      </c>
      <c r="E45" s="21">
        <v>0</v>
      </c>
      <c r="F45" s="22">
        <v>0</v>
      </c>
      <c r="G45" s="23">
        <v>0</v>
      </c>
      <c r="H45" s="22">
        <v>400</v>
      </c>
      <c r="I45" s="22">
        <v>217</v>
      </c>
      <c r="J45" s="22">
        <v>183</v>
      </c>
      <c r="K45" s="21">
        <v>304</v>
      </c>
      <c r="L45" s="53">
        <v>173</v>
      </c>
      <c r="M45" s="54">
        <v>131</v>
      </c>
    </row>
    <row r="46" spans="1:13">
      <c r="A46" s="20" t="s">
        <v>53</v>
      </c>
      <c r="B46" s="21">
        <v>29</v>
      </c>
      <c r="C46" s="22">
        <v>39</v>
      </c>
      <c r="D46" s="22">
        <v>-10</v>
      </c>
      <c r="E46" s="21">
        <v>1</v>
      </c>
      <c r="F46" s="22">
        <v>1</v>
      </c>
      <c r="G46" s="23">
        <v>0</v>
      </c>
      <c r="H46" s="22">
        <v>333</v>
      </c>
      <c r="I46" s="22">
        <v>200</v>
      </c>
      <c r="J46" s="22">
        <v>133</v>
      </c>
      <c r="K46" s="21">
        <v>303</v>
      </c>
      <c r="L46" s="53">
        <v>160</v>
      </c>
      <c r="M46" s="54">
        <v>143</v>
      </c>
    </row>
    <row r="47" spans="1:13">
      <c r="A47" s="20" t="s">
        <v>54</v>
      </c>
      <c r="B47" s="21">
        <v>22</v>
      </c>
      <c r="C47" s="22">
        <v>18</v>
      </c>
      <c r="D47" s="22">
        <v>4</v>
      </c>
      <c r="E47" s="21">
        <v>2</v>
      </c>
      <c r="F47" s="22">
        <v>2</v>
      </c>
      <c r="G47" s="23">
        <v>0</v>
      </c>
      <c r="H47" s="22">
        <v>275</v>
      </c>
      <c r="I47" s="22">
        <v>154</v>
      </c>
      <c r="J47" s="22">
        <v>121</v>
      </c>
      <c r="K47" s="21">
        <v>251</v>
      </c>
      <c r="L47" s="53">
        <v>134</v>
      </c>
      <c r="M47" s="54">
        <v>117</v>
      </c>
    </row>
    <row r="48" spans="1:13" ht="20.100000000000001" customHeight="1">
      <c r="A48" s="16" t="s">
        <v>55</v>
      </c>
      <c r="B48" s="17">
        <v>38</v>
      </c>
      <c r="C48" s="18">
        <v>21</v>
      </c>
      <c r="D48" s="18">
        <v>17</v>
      </c>
      <c r="E48" s="17">
        <v>4</v>
      </c>
      <c r="F48" s="18">
        <v>3</v>
      </c>
      <c r="G48" s="19">
        <v>1</v>
      </c>
      <c r="H48" s="18">
        <v>1093</v>
      </c>
      <c r="I48" s="18">
        <v>604</v>
      </c>
      <c r="J48" s="18">
        <v>489</v>
      </c>
      <c r="K48" s="17">
        <v>1051</v>
      </c>
      <c r="L48" s="51">
        <v>580</v>
      </c>
      <c r="M48" s="52">
        <v>471</v>
      </c>
    </row>
    <row r="49" spans="1:13">
      <c r="A49" s="20" t="s">
        <v>56</v>
      </c>
      <c r="B49" s="21">
        <v>17</v>
      </c>
      <c r="C49" s="22">
        <v>-4</v>
      </c>
      <c r="D49" s="22">
        <v>21</v>
      </c>
      <c r="E49" s="21">
        <v>2</v>
      </c>
      <c r="F49" s="22">
        <v>1</v>
      </c>
      <c r="G49" s="23">
        <v>1</v>
      </c>
      <c r="H49" s="22">
        <v>269</v>
      </c>
      <c r="I49" s="22">
        <v>141</v>
      </c>
      <c r="J49" s="22">
        <v>128</v>
      </c>
      <c r="K49" s="21">
        <v>250</v>
      </c>
      <c r="L49" s="53">
        <v>144</v>
      </c>
      <c r="M49" s="54">
        <v>106</v>
      </c>
    </row>
    <row r="50" spans="1:13">
      <c r="A50" s="20" t="s">
        <v>57</v>
      </c>
      <c r="B50" s="21">
        <v>5</v>
      </c>
      <c r="C50" s="22">
        <v>12</v>
      </c>
      <c r="D50" s="22">
        <v>-7</v>
      </c>
      <c r="E50" s="21">
        <v>0</v>
      </c>
      <c r="F50" s="22">
        <v>0</v>
      </c>
      <c r="G50" s="23">
        <v>0</v>
      </c>
      <c r="H50" s="22">
        <v>229</v>
      </c>
      <c r="I50" s="22">
        <v>131</v>
      </c>
      <c r="J50" s="22">
        <v>98</v>
      </c>
      <c r="K50" s="21">
        <v>224</v>
      </c>
      <c r="L50" s="53">
        <v>119</v>
      </c>
      <c r="M50" s="54">
        <v>105</v>
      </c>
    </row>
    <row r="51" spans="1:13">
      <c r="A51" s="20" t="s">
        <v>58</v>
      </c>
      <c r="B51" s="21">
        <v>3</v>
      </c>
      <c r="C51" s="22">
        <v>4</v>
      </c>
      <c r="D51" s="22">
        <v>-1</v>
      </c>
      <c r="E51" s="21">
        <v>0</v>
      </c>
      <c r="F51" s="22">
        <v>0</v>
      </c>
      <c r="G51" s="23">
        <v>0</v>
      </c>
      <c r="H51" s="22">
        <v>210</v>
      </c>
      <c r="I51" s="22">
        <v>110</v>
      </c>
      <c r="J51" s="22">
        <v>100</v>
      </c>
      <c r="K51" s="21">
        <v>207</v>
      </c>
      <c r="L51" s="53">
        <v>106</v>
      </c>
      <c r="M51" s="54">
        <v>101</v>
      </c>
    </row>
    <row r="52" spans="1:13">
      <c r="A52" s="20" t="s">
        <v>59</v>
      </c>
      <c r="B52" s="21">
        <v>-1</v>
      </c>
      <c r="C52" s="22">
        <v>8</v>
      </c>
      <c r="D52" s="22">
        <v>-9</v>
      </c>
      <c r="E52" s="21">
        <v>0</v>
      </c>
      <c r="F52" s="22">
        <v>0</v>
      </c>
      <c r="G52" s="23">
        <v>0</v>
      </c>
      <c r="H52" s="22">
        <v>206</v>
      </c>
      <c r="I52" s="22">
        <v>123</v>
      </c>
      <c r="J52" s="22">
        <v>83</v>
      </c>
      <c r="K52" s="21">
        <v>207</v>
      </c>
      <c r="L52" s="53">
        <v>115</v>
      </c>
      <c r="M52" s="54">
        <v>92</v>
      </c>
    </row>
    <row r="53" spans="1:13">
      <c r="A53" s="20" t="s">
        <v>60</v>
      </c>
      <c r="B53" s="21">
        <v>14</v>
      </c>
      <c r="C53" s="22">
        <v>1</v>
      </c>
      <c r="D53" s="22">
        <v>13</v>
      </c>
      <c r="E53" s="21">
        <v>2</v>
      </c>
      <c r="F53" s="22">
        <v>2</v>
      </c>
      <c r="G53" s="23">
        <v>0</v>
      </c>
      <c r="H53" s="22">
        <v>179</v>
      </c>
      <c r="I53" s="22">
        <v>99</v>
      </c>
      <c r="J53" s="22">
        <v>80</v>
      </c>
      <c r="K53" s="21">
        <v>163</v>
      </c>
      <c r="L53" s="53">
        <v>96</v>
      </c>
      <c r="M53" s="54">
        <v>67</v>
      </c>
    </row>
    <row r="54" spans="1:13" ht="20.100000000000001" customHeight="1">
      <c r="A54" s="16" t="s">
        <v>61</v>
      </c>
      <c r="B54" s="17">
        <v>43</v>
      </c>
      <c r="C54" s="18">
        <v>3</v>
      </c>
      <c r="D54" s="18">
        <v>40</v>
      </c>
      <c r="E54" s="17">
        <v>10</v>
      </c>
      <c r="F54" s="18">
        <v>7</v>
      </c>
      <c r="G54" s="19">
        <v>3</v>
      </c>
      <c r="H54" s="18">
        <v>740</v>
      </c>
      <c r="I54" s="18">
        <v>424</v>
      </c>
      <c r="J54" s="18">
        <v>316</v>
      </c>
      <c r="K54" s="17">
        <v>687</v>
      </c>
      <c r="L54" s="51">
        <v>414</v>
      </c>
      <c r="M54" s="52">
        <v>273</v>
      </c>
    </row>
    <row r="55" spans="1:13">
      <c r="A55" s="20" t="s">
        <v>62</v>
      </c>
      <c r="B55" s="21">
        <v>13</v>
      </c>
      <c r="C55" s="22">
        <v>1</v>
      </c>
      <c r="D55" s="22">
        <v>12</v>
      </c>
      <c r="E55" s="21">
        <v>3</v>
      </c>
      <c r="F55" s="22">
        <v>2</v>
      </c>
      <c r="G55" s="23">
        <v>1</v>
      </c>
      <c r="H55" s="22">
        <v>183</v>
      </c>
      <c r="I55" s="22">
        <v>101</v>
      </c>
      <c r="J55" s="22">
        <v>82</v>
      </c>
      <c r="K55" s="21">
        <v>167</v>
      </c>
      <c r="L55" s="53">
        <v>98</v>
      </c>
      <c r="M55" s="54">
        <v>69</v>
      </c>
    </row>
    <row r="56" spans="1:13">
      <c r="A56" s="20" t="s">
        <v>63</v>
      </c>
      <c r="B56" s="21">
        <v>19</v>
      </c>
      <c r="C56" s="22">
        <v>6</v>
      </c>
      <c r="D56" s="22">
        <v>13</v>
      </c>
      <c r="E56" s="21">
        <v>1</v>
      </c>
      <c r="F56" s="22">
        <v>1</v>
      </c>
      <c r="G56" s="23">
        <v>0</v>
      </c>
      <c r="H56" s="22">
        <v>156</v>
      </c>
      <c r="I56" s="22">
        <v>87</v>
      </c>
      <c r="J56" s="22">
        <v>69</v>
      </c>
      <c r="K56" s="21">
        <v>136</v>
      </c>
      <c r="L56" s="53">
        <v>80</v>
      </c>
      <c r="M56" s="54">
        <v>56</v>
      </c>
    </row>
    <row r="57" spans="1:13">
      <c r="A57" s="20" t="s">
        <v>64</v>
      </c>
      <c r="B57" s="21">
        <v>36</v>
      </c>
      <c r="C57" s="22">
        <v>9</v>
      </c>
      <c r="D57" s="22">
        <v>27</v>
      </c>
      <c r="E57" s="21">
        <v>1</v>
      </c>
      <c r="F57" s="22">
        <v>1</v>
      </c>
      <c r="G57" s="23">
        <v>0</v>
      </c>
      <c r="H57" s="22">
        <v>153</v>
      </c>
      <c r="I57" s="22">
        <v>88</v>
      </c>
      <c r="J57" s="22">
        <v>65</v>
      </c>
      <c r="K57" s="21">
        <v>116</v>
      </c>
      <c r="L57" s="53">
        <v>78</v>
      </c>
      <c r="M57" s="54">
        <v>38</v>
      </c>
    </row>
    <row r="58" spans="1:13">
      <c r="A58" s="20" t="s">
        <v>65</v>
      </c>
      <c r="B58" s="21">
        <v>-20</v>
      </c>
      <c r="C58" s="22">
        <v>-16</v>
      </c>
      <c r="D58" s="22">
        <v>-4</v>
      </c>
      <c r="E58" s="21">
        <v>4</v>
      </c>
      <c r="F58" s="22">
        <v>2</v>
      </c>
      <c r="G58" s="23">
        <v>2</v>
      </c>
      <c r="H58" s="22">
        <v>123</v>
      </c>
      <c r="I58" s="22">
        <v>73</v>
      </c>
      <c r="J58" s="22">
        <v>50</v>
      </c>
      <c r="K58" s="21">
        <v>139</v>
      </c>
      <c r="L58" s="53">
        <v>87</v>
      </c>
      <c r="M58" s="54">
        <v>52</v>
      </c>
    </row>
    <row r="59" spans="1:13">
      <c r="A59" s="20" t="s">
        <v>66</v>
      </c>
      <c r="B59" s="21">
        <v>-5</v>
      </c>
      <c r="C59" s="22">
        <v>3</v>
      </c>
      <c r="D59" s="22">
        <v>-8</v>
      </c>
      <c r="E59" s="21">
        <v>1</v>
      </c>
      <c r="F59" s="22">
        <v>1</v>
      </c>
      <c r="G59" s="23">
        <v>0</v>
      </c>
      <c r="H59" s="22">
        <v>125</v>
      </c>
      <c r="I59" s="22">
        <v>75</v>
      </c>
      <c r="J59" s="22">
        <v>50</v>
      </c>
      <c r="K59" s="21">
        <v>129</v>
      </c>
      <c r="L59" s="53">
        <v>71</v>
      </c>
      <c r="M59" s="54">
        <v>58</v>
      </c>
    </row>
    <row r="60" spans="1:13" ht="20.100000000000001" customHeight="1">
      <c r="A60" s="16" t="s">
        <v>67</v>
      </c>
      <c r="B60" s="17">
        <v>43</v>
      </c>
      <c r="C60" s="18">
        <v>36</v>
      </c>
      <c r="D60" s="18">
        <v>7</v>
      </c>
      <c r="E60" s="17">
        <v>14</v>
      </c>
      <c r="F60" s="18">
        <v>7</v>
      </c>
      <c r="G60" s="19">
        <v>7</v>
      </c>
      <c r="H60" s="18">
        <v>566</v>
      </c>
      <c r="I60" s="18">
        <v>308</v>
      </c>
      <c r="J60" s="18">
        <v>258</v>
      </c>
      <c r="K60" s="17">
        <v>509</v>
      </c>
      <c r="L60" s="51">
        <v>265</v>
      </c>
      <c r="M60" s="52">
        <v>244</v>
      </c>
    </row>
    <row r="61" spans="1:13">
      <c r="A61" s="20" t="s">
        <v>68</v>
      </c>
      <c r="B61" s="21">
        <v>-1</v>
      </c>
      <c r="C61" s="22">
        <v>2</v>
      </c>
      <c r="D61" s="22">
        <v>-3</v>
      </c>
      <c r="E61" s="21">
        <v>2</v>
      </c>
      <c r="F61" s="22">
        <v>1</v>
      </c>
      <c r="G61" s="23">
        <v>1</v>
      </c>
      <c r="H61" s="22">
        <v>126</v>
      </c>
      <c r="I61" s="22">
        <v>68</v>
      </c>
      <c r="J61" s="22">
        <v>58</v>
      </c>
      <c r="K61" s="21">
        <v>125</v>
      </c>
      <c r="L61" s="53">
        <v>65</v>
      </c>
      <c r="M61" s="54">
        <v>60</v>
      </c>
    </row>
    <row r="62" spans="1:13">
      <c r="A62" s="20" t="s">
        <v>69</v>
      </c>
      <c r="B62" s="21">
        <v>14</v>
      </c>
      <c r="C62" s="22">
        <v>18</v>
      </c>
      <c r="D62" s="22">
        <v>-4</v>
      </c>
      <c r="E62" s="21">
        <v>3</v>
      </c>
      <c r="F62" s="22">
        <v>2</v>
      </c>
      <c r="G62" s="23">
        <v>1</v>
      </c>
      <c r="H62" s="22">
        <v>118</v>
      </c>
      <c r="I62" s="22">
        <v>74</v>
      </c>
      <c r="J62" s="22">
        <v>44</v>
      </c>
      <c r="K62" s="21">
        <v>101</v>
      </c>
      <c r="L62" s="53">
        <v>54</v>
      </c>
      <c r="M62" s="54">
        <v>47</v>
      </c>
    </row>
    <row r="63" spans="1:13">
      <c r="A63" s="20" t="s">
        <v>70</v>
      </c>
      <c r="B63" s="21">
        <v>2</v>
      </c>
      <c r="C63" s="22">
        <v>-2</v>
      </c>
      <c r="D63" s="22">
        <v>4</v>
      </c>
      <c r="E63" s="21">
        <v>5</v>
      </c>
      <c r="F63" s="22">
        <v>4</v>
      </c>
      <c r="G63" s="23">
        <v>1</v>
      </c>
      <c r="H63" s="22">
        <v>99</v>
      </c>
      <c r="I63" s="22">
        <v>54</v>
      </c>
      <c r="J63" s="22">
        <v>45</v>
      </c>
      <c r="K63" s="21">
        <v>92</v>
      </c>
      <c r="L63" s="53">
        <v>52</v>
      </c>
      <c r="M63" s="54">
        <v>40</v>
      </c>
    </row>
    <row r="64" spans="1:13">
      <c r="A64" s="20" t="s">
        <v>71</v>
      </c>
      <c r="B64" s="21">
        <v>22</v>
      </c>
      <c r="C64" s="22">
        <v>10</v>
      </c>
      <c r="D64" s="22">
        <v>12</v>
      </c>
      <c r="E64" s="21">
        <v>3</v>
      </c>
      <c r="F64" s="22">
        <v>0</v>
      </c>
      <c r="G64" s="23">
        <v>3</v>
      </c>
      <c r="H64" s="22">
        <v>119</v>
      </c>
      <c r="I64" s="22">
        <v>56</v>
      </c>
      <c r="J64" s="22">
        <v>63</v>
      </c>
      <c r="K64" s="21">
        <v>94</v>
      </c>
      <c r="L64" s="53">
        <v>46</v>
      </c>
      <c r="M64" s="54">
        <v>48</v>
      </c>
    </row>
    <row r="65" spans="1:13">
      <c r="A65" s="24" t="s">
        <v>72</v>
      </c>
      <c r="B65" s="25">
        <v>6</v>
      </c>
      <c r="C65" s="26">
        <v>8</v>
      </c>
      <c r="D65" s="26">
        <v>-2</v>
      </c>
      <c r="E65" s="25">
        <v>1</v>
      </c>
      <c r="F65" s="26">
        <v>0</v>
      </c>
      <c r="G65" s="27">
        <v>1</v>
      </c>
      <c r="H65" s="26">
        <v>104</v>
      </c>
      <c r="I65" s="26">
        <v>56</v>
      </c>
      <c r="J65" s="26">
        <v>48</v>
      </c>
      <c r="K65" s="25">
        <v>97</v>
      </c>
      <c r="L65" s="55">
        <v>48</v>
      </c>
      <c r="M65" s="56">
        <v>4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279</v>
      </c>
      <c r="C69" s="58">
        <v>670</v>
      </c>
      <c r="D69" s="59">
        <v>60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279</v>
      </c>
      <c r="C70" s="61">
        <v>670</v>
      </c>
      <c r="D70" s="62">
        <v>609</v>
      </c>
    </row>
    <row r="71" spans="1:13">
      <c r="A71" s="24" t="s">
        <v>14</v>
      </c>
      <c r="B71" s="63">
        <v>1279</v>
      </c>
      <c r="C71" s="64">
        <v>670</v>
      </c>
      <c r="D71" s="65">
        <v>609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4" t="s">
        <v>15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4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-44</v>
      </c>
      <c r="C77" s="18">
        <v>-28</v>
      </c>
      <c r="D77" s="18">
        <v>-16</v>
      </c>
      <c r="E77" s="17">
        <v>26</v>
      </c>
      <c r="F77" s="18">
        <v>14</v>
      </c>
      <c r="G77" s="19">
        <v>12</v>
      </c>
      <c r="H77" s="18">
        <v>404</v>
      </c>
      <c r="I77" s="18">
        <v>232</v>
      </c>
      <c r="J77" s="18">
        <v>172</v>
      </c>
      <c r="K77" s="17">
        <v>422</v>
      </c>
      <c r="L77" s="51">
        <v>246</v>
      </c>
      <c r="M77" s="52">
        <v>176</v>
      </c>
    </row>
    <row r="78" spans="1:13">
      <c r="A78" s="40" t="s">
        <v>81</v>
      </c>
      <c r="B78" s="21">
        <v>8</v>
      </c>
      <c r="C78" s="22">
        <v>11</v>
      </c>
      <c r="D78" s="22">
        <v>-3</v>
      </c>
      <c r="E78" s="21">
        <v>2</v>
      </c>
      <c r="F78" s="22">
        <v>1</v>
      </c>
      <c r="G78" s="23">
        <v>1</v>
      </c>
      <c r="H78" s="22">
        <v>105</v>
      </c>
      <c r="I78" s="22">
        <v>59</v>
      </c>
      <c r="J78" s="22">
        <v>46</v>
      </c>
      <c r="K78" s="21">
        <v>95</v>
      </c>
      <c r="L78" s="53">
        <v>47</v>
      </c>
      <c r="M78" s="54">
        <v>48</v>
      </c>
    </row>
    <row r="79" spans="1:13">
      <c r="A79" s="40" t="s">
        <v>82</v>
      </c>
      <c r="B79" s="21">
        <v>-2</v>
      </c>
      <c r="C79" s="22">
        <v>-7</v>
      </c>
      <c r="D79" s="22">
        <v>5</v>
      </c>
      <c r="E79" s="21">
        <v>5</v>
      </c>
      <c r="F79" s="22">
        <v>3</v>
      </c>
      <c r="G79" s="23">
        <v>2</v>
      </c>
      <c r="H79" s="22">
        <v>93</v>
      </c>
      <c r="I79" s="22">
        <v>57</v>
      </c>
      <c r="J79" s="22">
        <v>36</v>
      </c>
      <c r="K79" s="21">
        <v>90</v>
      </c>
      <c r="L79" s="53">
        <v>61</v>
      </c>
      <c r="M79" s="54">
        <v>29</v>
      </c>
    </row>
    <row r="80" spans="1:13">
      <c r="A80" s="40" t="s">
        <v>83</v>
      </c>
      <c r="B80" s="21">
        <v>-17</v>
      </c>
      <c r="C80" s="22">
        <v>-17</v>
      </c>
      <c r="D80" s="22">
        <v>0</v>
      </c>
      <c r="E80" s="21">
        <v>4</v>
      </c>
      <c r="F80" s="22">
        <v>2</v>
      </c>
      <c r="G80" s="23">
        <v>2</v>
      </c>
      <c r="H80" s="22">
        <v>69</v>
      </c>
      <c r="I80" s="22">
        <v>37</v>
      </c>
      <c r="J80" s="22">
        <v>32</v>
      </c>
      <c r="K80" s="21">
        <v>82</v>
      </c>
      <c r="L80" s="53">
        <v>52</v>
      </c>
      <c r="M80" s="54">
        <v>30</v>
      </c>
    </row>
    <row r="81" spans="1:13">
      <c r="A81" s="40" t="s">
        <v>84</v>
      </c>
      <c r="B81" s="21">
        <v>0</v>
      </c>
      <c r="C81" s="22">
        <v>-3</v>
      </c>
      <c r="D81" s="22">
        <v>3</v>
      </c>
      <c r="E81" s="21">
        <v>7</v>
      </c>
      <c r="F81" s="22">
        <v>5</v>
      </c>
      <c r="G81" s="23">
        <v>2</v>
      </c>
      <c r="H81" s="22">
        <v>76</v>
      </c>
      <c r="I81" s="22">
        <v>44</v>
      </c>
      <c r="J81" s="22">
        <v>32</v>
      </c>
      <c r="K81" s="21">
        <v>69</v>
      </c>
      <c r="L81" s="53">
        <v>42</v>
      </c>
      <c r="M81" s="54">
        <v>27</v>
      </c>
    </row>
    <row r="82" spans="1:13">
      <c r="A82" s="40" t="s">
        <v>85</v>
      </c>
      <c r="B82" s="21">
        <v>-33</v>
      </c>
      <c r="C82" s="22">
        <v>-12</v>
      </c>
      <c r="D82" s="22">
        <v>-21</v>
      </c>
      <c r="E82" s="21">
        <v>8</v>
      </c>
      <c r="F82" s="22">
        <v>3</v>
      </c>
      <c r="G82" s="23">
        <v>5</v>
      </c>
      <c r="H82" s="22">
        <v>61</v>
      </c>
      <c r="I82" s="22">
        <v>35</v>
      </c>
      <c r="J82" s="22">
        <v>26</v>
      </c>
      <c r="K82" s="21">
        <v>86</v>
      </c>
      <c r="L82" s="53">
        <v>44</v>
      </c>
      <c r="M82" s="54">
        <v>42</v>
      </c>
    </row>
    <row r="83" spans="1:13" ht="19.5" customHeight="1">
      <c r="A83" s="34" t="s">
        <v>86</v>
      </c>
      <c r="B83" s="17">
        <v>-46</v>
      </c>
      <c r="C83" s="18">
        <v>-35</v>
      </c>
      <c r="D83" s="18">
        <v>-11</v>
      </c>
      <c r="E83" s="17">
        <v>41</v>
      </c>
      <c r="F83" s="18">
        <v>29</v>
      </c>
      <c r="G83" s="19">
        <v>12</v>
      </c>
      <c r="H83" s="18">
        <v>311</v>
      </c>
      <c r="I83" s="18">
        <v>174</v>
      </c>
      <c r="J83" s="18">
        <v>137</v>
      </c>
      <c r="K83" s="17">
        <v>316</v>
      </c>
      <c r="L83" s="51">
        <v>180</v>
      </c>
      <c r="M83" s="52">
        <v>136</v>
      </c>
    </row>
    <row r="84" spans="1:13">
      <c r="A84" s="40" t="s">
        <v>87</v>
      </c>
      <c r="B84" s="21">
        <v>-32</v>
      </c>
      <c r="C84" s="22">
        <v>-31</v>
      </c>
      <c r="D84" s="22">
        <v>-1</v>
      </c>
      <c r="E84" s="21">
        <v>12</v>
      </c>
      <c r="F84" s="22">
        <v>9</v>
      </c>
      <c r="G84" s="23">
        <v>3</v>
      </c>
      <c r="H84" s="22">
        <v>66</v>
      </c>
      <c r="I84" s="22">
        <v>35</v>
      </c>
      <c r="J84" s="22">
        <v>31</v>
      </c>
      <c r="K84" s="21">
        <v>86</v>
      </c>
      <c r="L84" s="53">
        <v>57</v>
      </c>
      <c r="M84" s="54">
        <v>29</v>
      </c>
    </row>
    <row r="85" spans="1:13">
      <c r="A85" s="40" t="s">
        <v>88</v>
      </c>
      <c r="B85" s="21">
        <v>4</v>
      </c>
      <c r="C85" s="22">
        <v>0</v>
      </c>
      <c r="D85" s="22">
        <v>4</v>
      </c>
      <c r="E85" s="21">
        <v>5</v>
      </c>
      <c r="F85" s="22">
        <v>4</v>
      </c>
      <c r="G85" s="23">
        <v>1</v>
      </c>
      <c r="H85" s="22">
        <v>72</v>
      </c>
      <c r="I85" s="22">
        <v>43</v>
      </c>
      <c r="J85" s="22">
        <v>29</v>
      </c>
      <c r="K85" s="21">
        <v>63</v>
      </c>
      <c r="L85" s="53">
        <v>39</v>
      </c>
      <c r="M85" s="54">
        <v>24</v>
      </c>
    </row>
    <row r="86" spans="1:13">
      <c r="A86" s="40" t="s">
        <v>89</v>
      </c>
      <c r="B86" s="21">
        <v>14</v>
      </c>
      <c r="C86" s="22">
        <v>12</v>
      </c>
      <c r="D86" s="22">
        <v>2</v>
      </c>
      <c r="E86" s="21">
        <v>5</v>
      </c>
      <c r="F86" s="22">
        <v>4</v>
      </c>
      <c r="G86" s="23">
        <v>1</v>
      </c>
      <c r="H86" s="22">
        <v>72</v>
      </c>
      <c r="I86" s="22">
        <v>38</v>
      </c>
      <c r="J86" s="22">
        <v>34</v>
      </c>
      <c r="K86" s="21">
        <v>53</v>
      </c>
      <c r="L86" s="53">
        <v>22</v>
      </c>
      <c r="M86" s="54">
        <v>31</v>
      </c>
    </row>
    <row r="87" spans="1:13">
      <c r="A87" s="40" t="s">
        <v>90</v>
      </c>
      <c r="B87" s="21">
        <v>6</v>
      </c>
      <c r="C87" s="22">
        <v>1</v>
      </c>
      <c r="D87" s="22">
        <v>5</v>
      </c>
      <c r="E87" s="21">
        <v>6</v>
      </c>
      <c r="F87" s="22">
        <v>4</v>
      </c>
      <c r="G87" s="23">
        <v>2</v>
      </c>
      <c r="H87" s="22">
        <v>63</v>
      </c>
      <c r="I87" s="22">
        <v>33</v>
      </c>
      <c r="J87" s="22">
        <v>30</v>
      </c>
      <c r="K87" s="21">
        <v>51</v>
      </c>
      <c r="L87" s="53">
        <v>28</v>
      </c>
      <c r="M87" s="54">
        <v>23</v>
      </c>
    </row>
    <row r="88" spans="1:13">
      <c r="A88" s="40" t="s">
        <v>91</v>
      </c>
      <c r="B88" s="21">
        <v>-38</v>
      </c>
      <c r="C88" s="22">
        <v>-17</v>
      </c>
      <c r="D88" s="22">
        <v>-21</v>
      </c>
      <c r="E88" s="21">
        <v>13</v>
      </c>
      <c r="F88" s="22">
        <v>8</v>
      </c>
      <c r="G88" s="23">
        <v>5</v>
      </c>
      <c r="H88" s="22">
        <v>38</v>
      </c>
      <c r="I88" s="22">
        <v>25</v>
      </c>
      <c r="J88" s="22">
        <v>13</v>
      </c>
      <c r="K88" s="21">
        <v>63</v>
      </c>
      <c r="L88" s="53">
        <v>34</v>
      </c>
      <c r="M88" s="54">
        <v>29</v>
      </c>
    </row>
    <row r="89" spans="1:13" ht="19.5" customHeight="1">
      <c r="A89" s="34" t="s">
        <v>92</v>
      </c>
      <c r="B89" s="17">
        <v>-94</v>
      </c>
      <c r="C89" s="18">
        <v>-60</v>
      </c>
      <c r="D89" s="18">
        <v>-34</v>
      </c>
      <c r="E89" s="17">
        <v>55</v>
      </c>
      <c r="F89" s="18">
        <v>34</v>
      </c>
      <c r="G89" s="19">
        <v>21</v>
      </c>
      <c r="H89" s="18">
        <v>216</v>
      </c>
      <c r="I89" s="18">
        <v>125</v>
      </c>
      <c r="J89" s="18">
        <v>91</v>
      </c>
      <c r="K89" s="17">
        <v>255</v>
      </c>
      <c r="L89" s="51">
        <v>151</v>
      </c>
      <c r="M89" s="52">
        <v>104</v>
      </c>
    </row>
    <row r="90" spans="1:13">
      <c r="A90" s="40" t="s">
        <v>93</v>
      </c>
      <c r="B90" s="21">
        <v>-9</v>
      </c>
      <c r="C90" s="22">
        <v>-8</v>
      </c>
      <c r="D90" s="22">
        <v>-1</v>
      </c>
      <c r="E90" s="21">
        <v>11</v>
      </c>
      <c r="F90" s="22">
        <v>9</v>
      </c>
      <c r="G90" s="23">
        <v>2</v>
      </c>
      <c r="H90" s="22">
        <v>62</v>
      </c>
      <c r="I90" s="22">
        <v>40</v>
      </c>
      <c r="J90" s="22">
        <v>22</v>
      </c>
      <c r="K90" s="21">
        <v>60</v>
      </c>
      <c r="L90" s="53">
        <v>39</v>
      </c>
      <c r="M90" s="54">
        <v>21</v>
      </c>
    </row>
    <row r="91" spans="1:13">
      <c r="A91" s="40" t="s">
        <v>94</v>
      </c>
      <c r="B91" s="21">
        <v>-35</v>
      </c>
      <c r="C91" s="22">
        <v>-21</v>
      </c>
      <c r="D91" s="22">
        <v>-14</v>
      </c>
      <c r="E91" s="21">
        <v>14</v>
      </c>
      <c r="F91" s="22">
        <v>9</v>
      </c>
      <c r="G91" s="23">
        <v>5</v>
      </c>
      <c r="H91" s="22">
        <v>45</v>
      </c>
      <c r="I91" s="22">
        <v>23</v>
      </c>
      <c r="J91" s="22">
        <v>22</v>
      </c>
      <c r="K91" s="21">
        <v>66</v>
      </c>
      <c r="L91" s="53">
        <v>35</v>
      </c>
      <c r="M91" s="54">
        <v>31</v>
      </c>
    </row>
    <row r="92" spans="1:13">
      <c r="A92" s="40" t="s">
        <v>95</v>
      </c>
      <c r="B92" s="21">
        <v>-28</v>
      </c>
      <c r="C92" s="22">
        <v>-19</v>
      </c>
      <c r="D92" s="22">
        <v>-9</v>
      </c>
      <c r="E92" s="21">
        <v>11</v>
      </c>
      <c r="F92" s="22">
        <v>6</v>
      </c>
      <c r="G92" s="23">
        <v>5</v>
      </c>
      <c r="H92" s="22">
        <v>38</v>
      </c>
      <c r="I92" s="22">
        <v>22</v>
      </c>
      <c r="J92" s="22">
        <v>16</v>
      </c>
      <c r="K92" s="21">
        <v>55</v>
      </c>
      <c r="L92" s="53">
        <v>35</v>
      </c>
      <c r="M92" s="54">
        <v>20</v>
      </c>
    </row>
    <row r="93" spans="1:13">
      <c r="A93" s="40" t="s">
        <v>96</v>
      </c>
      <c r="B93" s="21">
        <v>-4</v>
      </c>
      <c r="C93" s="22">
        <v>3</v>
      </c>
      <c r="D93" s="22">
        <v>-7</v>
      </c>
      <c r="E93" s="21">
        <v>7</v>
      </c>
      <c r="F93" s="22">
        <v>2</v>
      </c>
      <c r="G93" s="23">
        <v>5</v>
      </c>
      <c r="H93" s="22">
        <v>36</v>
      </c>
      <c r="I93" s="22">
        <v>22</v>
      </c>
      <c r="J93" s="22">
        <v>14</v>
      </c>
      <c r="K93" s="21">
        <v>33</v>
      </c>
      <c r="L93" s="53">
        <v>17</v>
      </c>
      <c r="M93" s="54">
        <v>16</v>
      </c>
    </row>
    <row r="94" spans="1:13">
      <c r="A94" s="40" t="s">
        <v>97</v>
      </c>
      <c r="B94" s="21">
        <v>-18</v>
      </c>
      <c r="C94" s="22">
        <v>-15</v>
      </c>
      <c r="D94" s="22">
        <v>-3</v>
      </c>
      <c r="E94" s="21">
        <v>12</v>
      </c>
      <c r="F94" s="22">
        <v>8</v>
      </c>
      <c r="G94" s="23">
        <v>4</v>
      </c>
      <c r="H94" s="22">
        <v>35</v>
      </c>
      <c r="I94" s="22">
        <v>18</v>
      </c>
      <c r="J94" s="22">
        <v>17</v>
      </c>
      <c r="K94" s="21">
        <v>41</v>
      </c>
      <c r="L94" s="53">
        <v>25</v>
      </c>
      <c r="M94" s="54">
        <v>16</v>
      </c>
    </row>
    <row r="95" spans="1:13" ht="19.5" customHeight="1">
      <c r="A95" s="34" t="s">
        <v>98</v>
      </c>
      <c r="B95" s="17">
        <v>-153</v>
      </c>
      <c r="C95" s="18">
        <v>-110</v>
      </c>
      <c r="D95" s="18">
        <v>-43</v>
      </c>
      <c r="E95" s="17">
        <v>95</v>
      </c>
      <c r="F95" s="18">
        <v>71</v>
      </c>
      <c r="G95" s="19">
        <v>24</v>
      </c>
      <c r="H95" s="18">
        <v>185</v>
      </c>
      <c r="I95" s="18">
        <v>89</v>
      </c>
      <c r="J95" s="18">
        <v>96</v>
      </c>
      <c r="K95" s="17">
        <v>243</v>
      </c>
      <c r="L95" s="51">
        <v>128</v>
      </c>
      <c r="M95" s="52">
        <v>115</v>
      </c>
    </row>
    <row r="96" spans="1:13">
      <c r="A96" s="40" t="s">
        <v>99</v>
      </c>
      <c r="B96" s="21">
        <v>-27</v>
      </c>
      <c r="C96" s="22">
        <v>-10</v>
      </c>
      <c r="D96" s="22">
        <v>-17</v>
      </c>
      <c r="E96" s="21">
        <v>17</v>
      </c>
      <c r="F96" s="22">
        <v>11</v>
      </c>
      <c r="G96" s="23">
        <v>6</v>
      </c>
      <c r="H96" s="22">
        <v>42</v>
      </c>
      <c r="I96" s="22">
        <v>19</v>
      </c>
      <c r="J96" s="22">
        <v>23</v>
      </c>
      <c r="K96" s="21">
        <v>52</v>
      </c>
      <c r="L96" s="53">
        <v>18</v>
      </c>
      <c r="M96" s="54">
        <v>34</v>
      </c>
    </row>
    <row r="97" spans="1:13">
      <c r="A97" s="40" t="s">
        <v>100</v>
      </c>
      <c r="B97" s="21">
        <v>-34</v>
      </c>
      <c r="C97" s="22">
        <v>-17</v>
      </c>
      <c r="D97" s="22">
        <v>-17</v>
      </c>
      <c r="E97" s="21">
        <v>18</v>
      </c>
      <c r="F97" s="22">
        <v>10</v>
      </c>
      <c r="G97" s="23">
        <v>8</v>
      </c>
      <c r="H97" s="22">
        <v>36</v>
      </c>
      <c r="I97" s="22">
        <v>21</v>
      </c>
      <c r="J97" s="22">
        <v>15</v>
      </c>
      <c r="K97" s="21">
        <v>52</v>
      </c>
      <c r="L97" s="53">
        <v>28</v>
      </c>
      <c r="M97" s="54">
        <v>24</v>
      </c>
    </row>
    <row r="98" spans="1:13">
      <c r="A98" s="40" t="s">
        <v>101</v>
      </c>
      <c r="B98" s="21">
        <v>-45</v>
      </c>
      <c r="C98" s="22">
        <v>-37</v>
      </c>
      <c r="D98" s="22">
        <v>-8</v>
      </c>
      <c r="E98" s="21">
        <v>17</v>
      </c>
      <c r="F98" s="22">
        <v>16</v>
      </c>
      <c r="G98" s="23">
        <v>1</v>
      </c>
      <c r="H98" s="22">
        <v>27</v>
      </c>
      <c r="I98" s="22">
        <v>14</v>
      </c>
      <c r="J98" s="22">
        <v>13</v>
      </c>
      <c r="K98" s="21">
        <v>55</v>
      </c>
      <c r="L98" s="53">
        <v>35</v>
      </c>
      <c r="M98" s="54">
        <v>20</v>
      </c>
    </row>
    <row r="99" spans="1:13">
      <c r="A99" s="40" t="s">
        <v>102</v>
      </c>
      <c r="B99" s="21">
        <v>-27</v>
      </c>
      <c r="C99" s="22">
        <v>-27</v>
      </c>
      <c r="D99" s="22">
        <v>0</v>
      </c>
      <c r="E99" s="21">
        <v>19</v>
      </c>
      <c r="F99" s="22">
        <v>15</v>
      </c>
      <c r="G99" s="23">
        <v>4</v>
      </c>
      <c r="H99" s="22">
        <v>41</v>
      </c>
      <c r="I99" s="22">
        <v>21</v>
      </c>
      <c r="J99" s="22">
        <v>20</v>
      </c>
      <c r="K99" s="21">
        <v>49</v>
      </c>
      <c r="L99" s="53">
        <v>33</v>
      </c>
      <c r="M99" s="54">
        <v>16</v>
      </c>
    </row>
    <row r="100" spans="1:13">
      <c r="A100" s="40" t="s">
        <v>103</v>
      </c>
      <c r="B100" s="21">
        <v>-20</v>
      </c>
      <c r="C100" s="22">
        <v>-19</v>
      </c>
      <c r="D100" s="22">
        <v>-1</v>
      </c>
      <c r="E100" s="21">
        <v>24</v>
      </c>
      <c r="F100" s="22">
        <v>19</v>
      </c>
      <c r="G100" s="23">
        <v>5</v>
      </c>
      <c r="H100" s="22">
        <v>39</v>
      </c>
      <c r="I100" s="22">
        <v>14</v>
      </c>
      <c r="J100" s="22">
        <v>25</v>
      </c>
      <c r="K100" s="21">
        <v>35</v>
      </c>
      <c r="L100" s="53">
        <v>14</v>
      </c>
      <c r="M100" s="54">
        <v>21</v>
      </c>
    </row>
    <row r="101" spans="1:13" ht="19.5" customHeight="1">
      <c r="A101" s="34" t="s">
        <v>104</v>
      </c>
      <c r="B101" s="17">
        <v>-152</v>
      </c>
      <c r="C101" s="18">
        <v>-110</v>
      </c>
      <c r="D101" s="18">
        <v>-42</v>
      </c>
      <c r="E101" s="17">
        <v>176</v>
      </c>
      <c r="F101" s="18">
        <v>113</v>
      </c>
      <c r="G101" s="19">
        <v>63</v>
      </c>
      <c r="H101" s="18">
        <v>180</v>
      </c>
      <c r="I101" s="18">
        <v>83</v>
      </c>
      <c r="J101" s="18">
        <v>97</v>
      </c>
      <c r="K101" s="17">
        <v>156</v>
      </c>
      <c r="L101" s="51">
        <v>80</v>
      </c>
      <c r="M101" s="52">
        <v>76</v>
      </c>
    </row>
    <row r="102" spans="1:13">
      <c r="A102" s="40" t="s">
        <v>105</v>
      </c>
      <c r="B102" s="21">
        <v>-28</v>
      </c>
      <c r="C102" s="22">
        <v>-21</v>
      </c>
      <c r="D102" s="22">
        <v>-7</v>
      </c>
      <c r="E102" s="21">
        <v>34</v>
      </c>
      <c r="F102" s="22">
        <v>24</v>
      </c>
      <c r="G102" s="23">
        <v>10</v>
      </c>
      <c r="H102" s="22">
        <v>46</v>
      </c>
      <c r="I102" s="22">
        <v>26</v>
      </c>
      <c r="J102" s="22">
        <v>20</v>
      </c>
      <c r="K102" s="21">
        <v>40</v>
      </c>
      <c r="L102" s="53">
        <v>23</v>
      </c>
      <c r="M102" s="54">
        <v>17</v>
      </c>
    </row>
    <row r="103" spans="1:13">
      <c r="A103" s="40" t="s">
        <v>106</v>
      </c>
      <c r="B103" s="21">
        <v>-26</v>
      </c>
      <c r="C103" s="22">
        <v>-28</v>
      </c>
      <c r="D103" s="22">
        <v>2</v>
      </c>
      <c r="E103" s="21">
        <v>37</v>
      </c>
      <c r="F103" s="22">
        <v>24</v>
      </c>
      <c r="G103" s="23">
        <v>13</v>
      </c>
      <c r="H103" s="22">
        <v>42</v>
      </c>
      <c r="I103" s="22">
        <v>9</v>
      </c>
      <c r="J103" s="22">
        <v>33</v>
      </c>
      <c r="K103" s="21">
        <v>31</v>
      </c>
      <c r="L103" s="53">
        <v>13</v>
      </c>
      <c r="M103" s="54">
        <v>18</v>
      </c>
    </row>
    <row r="104" spans="1:13">
      <c r="A104" s="40" t="s">
        <v>107</v>
      </c>
      <c r="B104" s="21">
        <v>-44</v>
      </c>
      <c r="C104" s="22">
        <v>-24</v>
      </c>
      <c r="D104" s="22">
        <v>-20</v>
      </c>
      <c r="E104" s="21">
        <v>44</v>
      </c>
      <c r="F104" s="22">
        <v>26</v>
      </c>
      <c r="G104" s="23">
        <v>18</v>
      </c>
      <c r="H104" s="22">
        <v>42</v>
      </c>
      <c r="I104" s="22">
        <v>23</v>
      </c>
      <c r="J104" s="22">
        <v>19</v>
      </c>
      <c r="K104" s="21">
        <v>42</v>
      </c>
      <c r="L104" s="53">
        <v>21</v>
      </c>
      <c r="M104" s="54">
        <v>21</v>
      </c>
    </row>
    <row r="105" spans="1:13">
      <c r="A105" s="40" t="s">
        <v>108</v>
      </c>
      <c r="B105" s="21">
        <v>-25</v>
      </c>
      <c r="C105" s="22">
        <v>-15</v>
      </c>
      <c r="D105" s="22">
        <v>-10</v>
      </c>
      <c r="E105" s="21">
        <v>30</v>
      </c>
      <c r="F105" s="22">
        <v>19</v>
      </c>
      <c r="G105" s="23">
        <v>11</v>
      </c>
      <c r="H105" s="22">
        <v>24</v>
      </c>
      <c r="I105" s="22">
        <v>14</v>
      </c>
      <c r="J105" s="22">
        <v>10</v>
      </c>
      <c r="K105" s="21">
        <v>19</v>
      </c>
      <c r="L105" s="53">
        <v>10</v>
      </c>
      <c r="M105" s="54">
        <v>9</v>
      </c>
    </row>
    <row r="106" spans="1:13">
      <c r="A106" s="40" t="s">
        <v>109</v>
      </c>
      <c r="B106" s="21">
        <v>-29</v>
      </c>
      <c r="C106" s="22">
        <v>-22</v>
      </c>
      <c r="D106" s="22">
        <v>-7</v>
      </c>
      <c r="E106" s="21">
        <v>31</v>
      </c>
      <c r="F106" s="22">
        <v>20</v>
      </c>
      <c r="G106" s="23">
        <v>11</v>
      </c>
      <c r="H106" s="22">
        <v>26</v>
      </c>
      <c r="I106" s="22">
        <v>11</v>
      </c>
      <c r="J106" s="22">
        <v>15</v>
      </c>
      <c r="K106" s="21">
        <v>24</v>
      </c>
      <c r="L106" s="53">
        <v>13</v>
      </c>
      <c r="M106" s="54">
        <v>11</v>
      </c>
    </row>
    <row r="107" spans="1:13" ht="19.5" customHeight="1">
      <c r="A107" s="34" t="s">
        <v>110</v>
      </c>
      <c r="B107" s="17">
        <v>-237</v>
      </c>
      <c r="C107" s="18">
        <v>-151</v>
      </c>
      <c r="D107" s="18">
        <v>-86</v>
      </c>
      <c r="E107" s="17">
        <v>229</v>
      </c>
      <c r="F107" s="18">
        <v>154</v>
      </c>
      <c r="G107" s="19">
        <v>75</v>
      </c>
      <c r="H107" s="18">
        <v>139</v>
      </c>
      <c r="I107" s="18">
        <v>57</v>
      </c>
      <c r="J107" s="18">
        <v>82</v>
      </c>
      <c r="K107" s="17">
        <v>147</v>
      </c>
      <c r="L107" s="51">
        <v>54</v>
      </c>
      <c r="M107" s="52">
        <v>93</v>
      </c>
    </row>
    <row r="108" spans="1:13">
      <c r="A108" s="40" t="s">
        <v>111</v>
      </c>
      <c r="B108" s="21">
        <v>-21</v>
      </c>
      <c r="C108" s="22">
        <v>-9</v>
      </c>
      <c r="D108" s="22">
        <v>-12</v>
      </c>
      <c r="E108" s="21">
        <v>26</v>
      </c>
      <c r="F108" s="22">
        <v>15</v>
      </c>
      <c r="G108" s="23">
        <v>11</v>
      </c>
      <c r="H108" s="22">
        <v>28</v>
      </c>
      <c r="I108" s="22">
        <v>16</v>
      </c>
      <c r="J108" s="22">
        <v>12</v>
      </c>
      <c r="K108" s="21">
        <v>23</v>
      </c>
      <c r="L108" s="53">
        <v>10</v>
      </c>
      <c r="M108" s="54">
        <v>13</v>
      </c>
    </row>
    <row r="109" spans="1:13">
      <c r="A109" s="40" t="s">
        <v>112</v>
      </c>
      <c r="B109" s="21">
        <v>-61</v>
      </c>
      <c r="C109" s="22">
        <v>-38</v>
      </c>
      <c r="D109" s="22">
        <v>-23</v>
      </c>
      <c r="E109" s="21">
        <v>52</v>
      </c>
      <c r="F109" s="22">
        <v>32</v>
      </c>
      <c r="G109" s="23">
        <v>20</v>
      </c>
      <c r="H109" s="22">
        <v>23</v>
      </c>
      <c r="I109" s="22">
        <v>8</v>
      </c>
      <c r="J109" s="22">
        <v>15</v>
      </c>
      <c r="K109" s="21">
        <v>32</v>
      </c>
      <c r="L109" s="53">
        <v>14</v>
      </c>
      <c r="M109" s="54">
        <v>18</v>
      </c>
    </row>
    <row r="110" spans="1:13">
      <c r="A110" s="40" t="s">
        <v>113</v>
      </c>
      <c r="B110" s="21">
        <v>-48</v>
      </c>
      <c r="C110" s="22">
        <v>-36</v>
      </c>
      <c r="D110" s="22">
        <v>-12</v>
      </c>
      <c r="E110" s="21">
        <v>49</v>
      </c>
      <c r="F110" s="22">
        <v>40</v>
      </c>
      <c r="G110" s="23">
        <v>9</v>
      </c>
      <c r="H110" s="22">
        <v>28</v>
      </c>
      <c r="I110" s="22">
        <v>11</v>
      </c>
      <c r="J110" s="22">
        <v>17</v>
      </c>
      <c r="K110" s="21">
        <v>27</v>
      </c>
      <c r="L110" s="53">
        <v>7</v>
      </c>
      <c r="M110" s="54">
        <v>20</v>
      </c>
    </row>
    <row r="111" spans="1:13">
      <c r="A111" s="40" t="s">
        <v>114</v>
      </c>
      <c r="B111" s="21">
        <v>-46</v>
      </c>
      <c r="C111" s="22">
        <v>-35</v>
      </c>
      <c r="D111" s="22">
        <v>-11</v>
      </c>
      <c r="E111" s="21">
        <v>52</v>
      </c>
      <c r="F111" s="22">
        <v>37</v>
      </c>
      <c r="G111" s="23">
        <v>15</v>
      </c>
      <c r="H111" s="22">
        <v>38</v>
      </c>
      <c r="I111" s="22">
        <v>15</v>
      </c>
      <c r="J111" s="22">
        <v>23</v>
      </c>
      <c r="K111" s="21">
        <v>32</v>
      </c>
      <c r="L111" s="53">
        <v>13</v>
      </c>
      <c r="M111" s="54">
        <v>19</v>
      </c>
    </row>
    <row r="112" spans="1:13">
      <c r="A112" s="40" t="s">
        <v>115</v>
      </c>
      <c r="B112" s="21">
        <v>-61</v>
      </c>
      <c r="C112" s="22">
        <v>-33</v>
      </c>
      <c r="D112" s="22">
        <v>-28</v>
      </c>
      <c r="E112" s="21">
        <v>50</v>
      </c>
      <c r="F112" s="22">
        <v>30</v>
      </c>
      <c r="G112" s="23">
        <v>20</v>
      </c>
      <c r="H112" s="22">
        <v>22</v>
      </c>
      <c r="I112" s="22">
        <v>7</v>
      </c>
      <c r="J112" s="22">
        <v>15</v>
      </c>
      <c r="K112" s="21">
        <v>33</v>
      </c>
      <c r="L112" s="53">
        <v>10</v>
      </c>
      <c r="M112" s="54">
        <v>23</v>
      </c>
    </row>
    <row r="113" spans="1:13" ht="19.5" customHeight="1">
      <c r="A113" s="34" t="s">
        <v>116</v>
      </c>
      <c r="B113" s="17">
        <v>-400</v>
      </c>
      <c r="C113" s="18">
        <v>-255</v>
      </c>
      <c r="D113" s="18">
        <v>-145</v>
      </c>
      <c r="E113" s="17">
        <v>364</v>
      </c>
      <c r="F113" s="18">
        <v>237</v>
      </c>
      <c r="G113" s="19">
        <v>127</v>
      </c>
      <c r="H113" s="18">
        <v>99</v>
      </c>
      <c r="I113" s="18">
        <v>29</v>
      </c>
      <c r="J113" s="18">
        <v>70</v>
      </c>
      <c r="K113" s="17">
        <v>135</v>
      </c>
      <c r="L113" s="51">
        <v>47</v>
      </c>
      <c r="M113" s="52">
        <v>88</v>
      </c>
    </row>
    <row r="114" spans="1:13">
      <c r="A114" s="40" t="s">
        <v>117</v>
      </c>
      <c r="B114" s="21">
        <v>-59</v>
      </c>
      <c r="C114" s="22">
        <v>-36</v>
      </c>
      <c r="D114" s="22">
        <v>-23</v>
      </c>
      <c r="E114" s="21">
        <v>54</v>
      </c>
      <c r="F114" s="22">
        <v>35</v>
      </c>
      <c r="G114" s="23">
        <v>19</v>
      </c>
      <c r="H114" s="22">
        <v>17</v>
      </c>
      <c r="I114" s="22">
        <v>3</v>
      </c>
      <c r="J114" s="22">
        <v>14</v>
      </c>
      <c r="K114" s="21">
        <v>22</v>
      </c>
      <c r="L114" s="53">
        <v>4</v>
      </c>
      <c r="M114" s="54">
        <v>18</v>
      </c>
    </row>
    <row r="115" spans="1:13">
      <c r="A115" s="40" t="s">
        <v>118</v>
      </c>
      <c r="B115" s="21">
        <v>-91</v>
      </c>
      <c r="C115" s="22">
        <v>-61</v>
      </c>
      <c r="D115" s="22">
        <v>-30</v>
      </c>
      <c r="E115" s="21">
        <v>90</v>
      </c>
      <c r="F115" s="22">
        <v>59</v>
      </c>
      <c r="G115" s="23">
        <v>31</v>
      </c>
      <c r="H115" s="22">
        <v>19</v>
      </c>
      <c r="I115" s="22">
        <v>5</v>
      </c>
      <c r="J115" s="22">
        <v>14</v>
      </c>
      <c r="K115" s="21">
        <v>20</v>
      </c>
      <c r="L115" s="53">
        <v>7</v>
      </c>
      <c r="M115" s="54">
        <v>13</v>
      </c>
    </row>
    <row r="116" spans="1:13">
      <c r="A116" s="40" t="s">
        <v>119</v>
      </c>
      <c r="B116" s="21">
        <v>-93</v>
      </c>
      <c r="C116" s="22">
        <v>-65</v>
      </c>
      <c r="D116" s="22">
        <v>-28</v>
      </c>
      <c r="E116" s="21">
        <v>79</v>
      </c>
      <c r="F116" s="22">
        <v>54</v>
      </c>
      <c r="G116" s="23">
        <v>25</v>
      </c>
      <c r="H116" s="22">
        <v>27</v>
      </c>
      <c r="I116" s="22">
        <v>7</v>
      </c>
      <c r="J116" s="22">
        <v>20</v>
      </c>
      <c r="K116" s="21">
        <v>41</v>
      </c>
      <c r="L116" s="53">
        <v>18</v>
      </c>
      <c r="M116" s="54">
        <v>23</v>
      </c>
    </row>
    <row r="117" spans="1:13">
      <c r="A117" s="40" t="s">
        <v>120</v>
      </c>
      <c r="B117" s="21">
        <v>-83</v>
      </c>
      <c r="C117" s="22">
        <v>-46</v>
      </c>
      <c r="D117" s="22">
        <v>-37</v>
      </c>
      <c r="E117" s="21">
        <v>64</v>
      </c>
      <c r="F117" s="22">
        <v>38</v>
      </c>
      <c r="G117" s="23">
        <v>26</v>
      </c>
      <c r="H117" s="22">
        <v>10</v>
      </c>
      <c r="I117" s="22">
        <v>3</v>
      </c>
      <c r="J117" s="22">
        <v>7</v>
      </c>
      <c r="K117" s="21">
        <v>29</v>
      </c>
      <c r="L117" s="53">
        <v>11</v>
      </c>
      <c r="M117" s="54">
        <v>18</v>
      </c>
    </row>
    <row r="118" spans="1:13">
      <c r="A118" s="40" t="s">
        <v>121</v>
      </c>
      <c r="B118" s="21">
        <v>-74</v>
      </c>
      <c r="C118" s="22">
        <v>-47</v>
      </c>
      <c r="D118" s="22">
        <v>-27</v>
      </c>
      <c r="E118" s="21">
        <v>77</v>
      </c>
      <c r="F118" s="22">
        <v>51</v>
      </c>
      <c r="G118" s="23">
        <v>26</v>
      </c>
      <c r="H118" s="22">
        <v>26</v>
      </c>
      <c r="I118" s="22">
        <v>11</v>
      </c>
      <c r="J118" s="22">
        <v>15</v>
      </c>
      <c r="K118" s="21">
        <v>23</v>
      </c>
      <c r="L118" s="53">
        <v>7</v>
      </c>
      <c r="M118" s="54">
        <v>16</v>
      </c>
    </row>
    <row r="119" spans="1:13" ht="19.5" customHeight="1">
      <c r="A119" s="34" t="s">
        <v>122</v>
      </c>
      <c r="B119" s="17">
        <v>-398</v>
      </c>
      <c r="C119" s="18">
        <v>-211</v>
      </c>
      <c r="D119" s="18">
        <v>-187</v>
      </c>
      <c r="E119" s="17">
        <v>439</v>
      </c>
      <c r="F119" s="18">
        <v>215</v>
      </c>
      <c r="G119" s="19">
        <v>224</v>
      </c>
      <c r="H119" s="18">
        <v>132</v>
      </c>
      <c r="I119" s="18">
        <v>33</v>
      </c>
      <c r="J119" s="18">
        <v>99</v>
      </c>
      <c r="K119" s="17">
        <v>91</v>
      </c>
      <c r="L119" s="51">
        <v>29</v>
      </c>
      <c r="M119" s="52">
        <v>62</v>
      </c>
    </row>
    <row r="120" spans="1:13">
      <c r="A120" s="40" t="s">
        <v>123</v>
      </c>
      <c r="B120" s="21">
        <v>-70</v>
      </c>
      <c r="C120" s="22">
        <v>-36</v>
      </c>
      <c r="D120" s="22">
        <v>-34</v>
      </c>
      <c r="E120" s="21">
        <v>77</v>
      </c>
      <c r="F120" s="22">
        <v>43</v>
      </c>
      <c r="G120" s="23">
        <v>34</v>
      </c>
      <c r="H120" s="22">
        <v>31</v>
      </c>
      <c r="I120" s="22">
        <v>13</v>
      </c>
      <c r="J120" s="22">
        <v>18</v>
      </c>
      <c r="K120" s="21">
        <v>24</v>
      </c>
      <c r="L120" s="53">
        <v>6</v>
      </c>
      <c r="M120" s="54">
        <v>18</v>
      </c>
    </row>
    <row r="121" spans="1:13">
      <c r="A121" s="40" t="s">
        <v>124</v>
      </c>
      <c r="B121" s="21">
        <v>-73</v>
      </c>
      <c r="C121" s="22">
        <v>-46</v>
      </c>
      <c r="D121" s="22">
        <v>-27</v>
      </c>
      <c r="E121" s="21">
        <v>88</v>
      </c>
      <c r="F121" s="22">
        <v>45</v>
      </c>
      <c r="G121" s="23">
        <v>43</v>
      </c>
      <c r="H121" s="22">
        <v>31</v>
      </c>
      <c r="I121" s="22">
        <v>5</v>
      </c>
      <c r="J121" s="22">
        <v>26</v>
      </c>
      <c r="K121" s="21">
        <v>16</v>
      </c>
      <c r="L121" s="53">
        <v>6</v>
      </c>
      <c r="M121" s="54">
        <v>10</v>
      </c>
    </row>
    <row r="122" spans="1:13">
      <c r="A122" s="40" t="s">
        <v>125</v>
      </c>
      <c r="B122" s="21">
        <v>-107</v>
      </c>
      <c r="C122" s="22">
        <v>-55</v>
      </c>
      <c r="D122" s="22">
        <v>-52</v>
      </c>
      <c r="E122" s="21">
        <v>105</v>
      </c>
      <c r="F122" s="22">
        <v>51</v>
      </c>
      <c r="G122" s="23">
        <v>54</v>
      </c>
      <c r="H122" s="22">
        <v>22</v>
      </c>
      <c r="I122" s="22">
        <v>4</v>
      </c>
      <c r="J122" s="22">
        <v>18</v>
      </c>
      <c r="K122" s="21">
        <v>24</v>
      </c>
      <c r="L122" s="53">
        <v>8</v>
      </c>
      <c r="M122" s="54">
        <v>16</v>
      </c>
    </row>
    <row r="123" spans="1:13">
      <c r="A123" s="40" t="s">
        <v>126</v>
      </c>
      <c r="B123" s="21">
        <v>-60</v>
      </c>
      <c r="C123" s="22">
        <v>-31</v>
      </c>
      <c r="D123" s="22">
        <v>-29</v>
      </c>
      <c r="E123" s="21">
        <v>75</v>
      </c>
      <c r="F123" s="22">
        <v>34</v>
      </c>
      <c r="G123" s="23">
        <v>41</v>
      </c>
      <c r="H123" s="22">
        <v>29</v>
      </c>
      <c r="I123" s="22">
        <v>6</v>
      </c>
      <c r="J123" s="22">
        <v>23</v>
      </c>
      <c r="K123" s="21">
        <v>14</v>
      </c>
      <c r="L123" s="53">
        <v>3</v>
      </c>
      <c r="M123" s="54">
        <v>11</v>
      </c>
    </row>
    <row r="124" spans="1:13">
      <c r="A124" s="40" t="s">
        <v>127</v>
      </c>
      <c r="B124" s="21">
        <v>-88</v>
      </c>
      <c r="C124" s="22">
        <v>-43</v>
      </c>
      <c r="D124" s="22">
        <v>-45</v>
      </c>
      <c r="E124" s="21">
        <v>94</v>
      </c>
      <c r="F124" s="22">
        <v>42</v>
      </c>
      <c r="G124" s="23">
        <v>52</v>
      </c>
      <c r="H124" s="22">
        <v>19</v>
      </c>
      <c r="I124" s="22">
        <v>5</v>
      </c>
      <c r="J124" s="22">
        <v>14</v>
      </c>
      <c r="K124" s="21">
        <v>13</v>
      </c>
      <c r="L124" s="53">
        <v>6</v>
      </c>
      <c r="M124" s="54">
        <v>7</v>
      </c>
    </row>
    <row r="125" spans="1:13" ht="19.5" customHeight="1">
      <c r="A125" s="34" t="s">
        <v>128</v>
      </c>
      <c r="B125" s="17">
        <v>-365</v>
      </c>
      <c r="C125" s="18">
        <v>-160</v>
      </c>
      <c r="D125" s="18">
        <v>-205</v>
      </c>
      <c r="E125" s="17">
        <v>375</v>
      </c>
      <c r="F125" s="18">
        <v>160</v>
      </c>
      <c r="G125" s="19">
        <v>215</v>
      </c>
      <c r="H125" s="18">
        <v>62</v>
      </c>
      <c r="I125" s="18">
        <v>15</v>
      </c>
      <c r="J125" s="18">
        <v>47</v>
      </c>
      <c r="K125" s="17">
        <v>52</v>
      </c>
      <c r="L125" s="51">
        <v>15</v>
      </c>
      <c r="M125" s="52">
        <v>37</v>
      </c>
    </row>
    <row r="126" spans="1:13">
      <c r="A126" s="40" t="s">
        <v>129</v>
      </c>
      <c r="B126" s="21">
        <v>-79</v>
      </c>
      <c r="C126" s="22">
        <v>-42</v>
      </c>
      <c r="D126" s="22">
        <v>-37</v>
      </c>
      <c r="E126" s="21">
        <v>82</v>
      </c>
      <c r="F126" s="22">
        <v>41</v>
      </c>
      <c r="G126" s="23">
        <v>41</v>
      </c>
      <c r="H126" s="22">
        <v>16</v>
      </c>
      <c r="I126" s="22">
        <v>4</v>
      </c>
      <c r="J126" s="22">
        <v>12</v>
      </c>
      <c r="K126" s="21">
        <v>13</v>
      </c>
      <c r="L126" s="53">
        <v>5</v>
      </c>
      <c r="M126" s="54">
        <v>8</v>
      </c>
    </row>
    <row r="127" spans="1:13">
      <c r="A127" s="40" t="s">
        <v>130</v>
      </c>
      <c r="B127" s="21">
        <v>-81</v>
      </c>
      <c r="C127" s="22">
        <v>-35</v>
      </c>
      <c r="D127" s="22">
        <v>-46</v>
      </c>
      <c r="E127" s="21">
        <v>86</v>
      </c>
      <c r="F127" s="22">
        <v>37</v>
      </c>
      <c r="G127" s="23">
        <v>49</v>
      </c>
      <c r="H127" s="22">
        <v>17</v>
      </c>
      <c r="I127" s="22">
        <v>7</v>
      </c>
      <c r="J127" s="22">
        <v>10</v>
      </c>
      <c r="K127" s="21">
        <v>12</v>
      </c>
      <c r="L127" s="53">
        <v>5</v>
      </c>
      <c r="M127" s="54">
        <v>7</v>
      </c>
    </row>
    <row r="128" spans="1:13">
      <c r="A128" s="40" t="s">
        <v>131</v>
      </c>
      <c r="B128" s="21">
        <v>-76</v>
      </c>
      <c r="C128" s="22">
        <v>-29</v>
      </c>
      <c r="D128" s="22">
        <v>-47</v>
      </c>
      <c r="E128" s="21">
        <v>75</v>
      </c>
      <c r="F128" s="22">
        <v>30</v>
      </c>
      <c r="G128" s="23">
        <v>45</v>
      </c>
      <c r="H128" s="22">
        <v>11</v>
      </c>
      <c r="I128" s="22">
        <v>3</v>
      </c>
      <c r="J128" s="22">
        <v>8</v>
      </c>
      <c r="K128" s="21">
        <v>12</v>
      </c>
      <c r="L128" s="53">
        <v>2</v>
      </c>
      <c r="M128" s="54">
        <v>10</v>
      </c>
    </row>
    <row r="129" spans="1:13">
      <c r="A129" s="40" t="s">
        <v>132</v>
      </c>
      <c r="B129" s="21">
        <v>-68</v>
      </c>
      <c r="C129" s="22">
        <v>-31</v>
      </c>
      <c r="D129" s="22">
        <v>-37</v>
      </c>
      <c r="E129" s="21">
        <v>73</v>
      </c>
      <c r="F129" s="22">
        <v>29</v>
      </c>
      <c r="G129" s="23">
        <v>44</v>
      </c>
      <c r="H129" s="22">
        <v>11</v>
      </c>
      <c r="I129" s="22">
        <v>1</v>
      </c>
      <c r="J129" s="22">
        <v>10</v>
      </c>
      <c r="K129" s="21">
        <v>6</v>
      </c>
      <c r="L129" s="53">
        <v>3</v>
      </c>
      <c r="M129" s="54">
        <v>3</v>
      </c>
    </row>
    <row r="130" spans="1:13">
      <c r="A130" s="40" t="s">
        <v>133</v>
      </c>
      <c r="B130" s="21">
        <v>-61</v>
      </c>
      <c r="C130" s="22">
        <v>-23</v>
      </c>
      <c r="D130" s="22">
        <v>-38</v>
      </c>
      <c r="E130" s="21">
        <v>59</v>
      </c>
      <c r="F130" s="22">
        <v>23</v>
      </c>
      <c r="G130" s="23">
        <v>36</v>
      </c>
      <c r="H130" s="22">
        <v>7</v>
      </c>
      <c r="I130" s="22">
        <v>0</v>
      </c>
      <c r="J130" s="22">
        <v>7</v>
      </c>
      <c r="K130" s="21">
        <v>9</v>
      </c>
      <c r="L130" s="53">
        <v>0</v>
      </c>
      <c r="M130" s="54">
        <v>9</v>
      </c>
    </row>
    <row r="131" spans="1:13" ht="19.5" customHeight="1">
      <c r="A131" s="34" t="s">
        <v>134</v>
      </c>
      <c r="B131" s="17">
        <v>-168</v>
      </c>
      <c r="C131" s="18">
        <v>-47</v>
      </c>
      <c r="D131" s="18">
        <v>-121</v>
      </c>
      <c r="E131" s="17">
        <v>169</v>
      </c>
      <c r="F131" s="18">
        <v>47</v>
      </c>
      <c r="G131" s="19">
        <v>122</v>
      </c>
      <c r="H131" s="18">
        <v>19</v>
      </c>
      <c r="I131" s="18">
        <v>3</v>
      </c>
      <c r="J131" s="18">
        <v>16</v>
      </c>
      <c r="K131" s="17">
        <v>18</v>
      </c>
      <c r="L131" s="51">
        <v>3</v>
      </c>
      <c r="M131" s="52">
        <v>15</v>
      </c>
    </row>
    <row r="132" spans="1:13">
      <c r="A132" s="40" t="s">
        <v>135</v>
      </c>
      <c r="B132" s="21">
        <v>-47</v>
      </c>
      <c r="C132" s="22">
        <v>-16</v>
      </c>
      <c r="D132" s="22">
        <v>-31</v>
      </c>
      <c r="E132" s="21">
        <v>51</v>
      </c>
      <c r="F132" s="22">
        <v>18</v>
      </c>
      <c r="G132" s="23">
        <v>33</v>
      </c>
      <c r="H132" s="22">
        <v>8</v>
      </c>
      <c r="I132" s="22">
        <v>2</v>
      </c>
      <c r="J132" s="22">
        <v>6</v>
      </c>
      <c r="K132" s="21">
        <v>4</v>
      </c>
      <c r="L132" s="53">
        <v>0</v>
      </c>
      <c r="M132" s="54">
        <v>4</v>
      </c>
    </row>
    <row r="133" spans="1:13">
      <c r="A133" s="40" t="s">
        <v>136</v>
      </c>
      <c r="B133" s="21">
        <v>-50</v>
      </c>
      <c r="C133" s="22">
        <v>-16</v>
      </c>
      <c r="D133" s="22">
        <v>-34</v>
      </c>
      <c r="E133" s="21">
        <v>47</v>
      </c>
      <c r="F133" s="22">
        <v>15</v>
      </c>
      <c r="G133" s="23">
        <v>32</v>
      </c>
      <c r="H133" s="22">
        <v>3</v>
      </c>
      <c r="I133" s="22">
        <v>1</v>
      </c>
      <c r="J133" s="22">
        <v>2</v>
      </c>
      <c r="K133" s="21">
        <v>6</v>
      </c>
      <c r="L133" s="53">
        <v>2</v>
      </c>
      <c r="M133" s="54">
        <v>4</v>
      </c>
    </row>
    <row r="134" spans="1:13">
      <c r="A134" s="40" t="s">
        <v>137</v>
      </c>
      <c r="B134" s="21">
        <v>-30</v>
      </c>
      <c r="C134" s="22">
        <v>-7</v>
      </c>
      <c r="D134" s="22">
        <v>-23</v>
      </c>
      <c r="E134" s="21">
        <v>31</v>
      </c>
      <c r="F134" s="22">
        <v>7</v>
      </c>
      <c r="G134" s="23">
        <v>24</v>
      </c>
      <c r="H134" s="22">
        <v>4</v>
      </c>
      <c r="I134" s="22">
        <v>0</v>
      </c>
      <c r="J134" s="22">
        <v>4</v>
      </c>
      <c r="K134" s="21">
        <v>3</v>
      </c>
      <c r="L134" s="53">
        <v>0</v>
      </c>
      <c r="M134" s="54">
        <v>3</v>
      </c>
    </row>
    <row r="135" spans="1:13">
      <c r="A135" s="40" t="s">
        <v>138</v>
      </c>
      <c r="B135" s="21">
        <v>-27</v>
      </c>
      <c r="C135" s="22">
        <v>-6</v>
      </c>
      <c r="D135" s="22">
        <v>-21</v>
      </c>
      <c r="E135" s="21">
        <v>27</v>
      </c>
      <c r="F135" s="22">
        <v>5</v>
      </c>
      <c r="G135" s="23">
        <v>22</v>
      </c>
      <c r="H135" s="22">
        <v>4</v>
      </c>
      <c r="I135" s="22">
        <v>0</v>
      </c>
      <c r="J135" s="22">
        <v>4</v>
      </c>
      <c r="K135" s="21">
        <v>4</v>
      </c>
      <c r="L135" s="53">
        <v>1</v>
      </c>
      <c r="M135" s="54">
        <v>3</v>
      </c>
    </row>
    <row r="136" spans="1:13">
      <c r="A136" s="40" t="s">
        <v>139</v>
      </c>
      <c r="B136" s="21">
        <v>-14</v>
      </c>
      <c r="C136" s="22">
        <v>-2</v>
      </c>
      <c r="D136" s="22">
        <v>-12</v>
      </c>
      <c r="E136" s="21">
        <v>13</v>
      </c>
      <c r="F136" s="22">
        <v>2</v>
      </c>
      <c r="G136" s="23">
        <v>11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48</v>
      </c>
      <c r="C137" s="43">
        <v>-8</v>
      </c>
      <c r="D137" s="43">
        <v>-40</v>
      </c>
      <c r="E137" s="42">
        <v>49</v>
      </c>
      <c r="F137" s="43">
        <v>8</v>
      </c>
      <c r="G137" s="44">
        <v>41</v>
      </c>
      <c r="H137" s="43">
        <v>1</v>
      </c>
      <c r="I137" s="43">
        <v>0</v>
      </c>
      <c r="J137" s="43">
        <v>1</v>
      </c>
      <c r="K137" s="42">
        <v>0</v>
      </c>
      <c r="L137" s="67">
        <v>0</v>
      </c>
      <c r="M137" s="68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42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5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3" t="s">
        <v>4</v>
      </c>
      <c r="C3" s="94"/>
      <c r="D3" s="95"/>
      <c r="E3" s="93" t="s">
        <v>5</v>
      </c>
      <c r="F3" s="94"/>
      <c r="G3" s="95"/>
      <c r="H3" s="93" t="s">
        <v>6</v>
      </c>
      <c r="I3" s="94"/>
      <c r="J3" s="95"/>
      <c r="K3" s="93" t="s">
        <v>7</v>
      </c>
      <c r="L3" s="94"/>
      <c r="M3" s="95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260</v>
      </c>
      <c r="C5" s="14">
        <v>-148</v>
      </c>
      <c r="D5" s="14">
        <v>-112</v>
      </c>
      <c r="E5" s="13">
        <v>1639</v>
      </c>
      <c r="F5" s="14">
        <v>862</v>
      </c>
      <c r="G5" s="15">
        <v>777</v>
      </c>
      <c r="H5" s="14">
        <v>9916</v>
      </c>
      <c r="I5" s="14">
        <v>5378</v>
      </c>
      <c r="J5" s="14">
        <v>4538</v>
      </c>
      <c r="K5" s="13">
        <v>9642</v>
      </c>
      <c r="L5" s="49">
        <v>5218</v>
      </c>
      <c r="M5" s="50">
        <v>4424</v>
      </c>
    </row>
    <row r="6" spans="1:13" ht="19.5" customHeight="1">
      <c r="A6" s="16" t="s">
        <v>13</v>
      </c>
      <c r="B6" s="17">
        <v>1061</v>
      </c>
      <c r="C6" s="18">
        <v>497</v>
      </c>
      <c r="D6" s="18">
        <v>564</v>
      </c>
      <c r="E6" s="17">
        <v>4</v>
      </c>
      <c r="F6" s="18">
        <v>2</v>
      </c>
      <c r="G6" s="19">
        <v>2</v>
      </c>
      <c r="H6" s="18">
        <v>467</v>
      </c>
      <c r="I6" s="18">
        <v>233</v>
      </c>
      <c r="J6" s="18">
        <v>234</v>
      </c>
      <c r="K6" s="17">
        <v>507</v>
      </c>
      <c r="L6" s="51">
        <v>288</v>
      </c>
      <c r="M6" s="52">
        <v>219</v>
      </c>
    </row>
    <row r="7" spans="1:13">
      <c r="A7" s="20" t="s">
        <v>14</v>
      </c>
      <c r="B7" s="21">
        <v>1083</v>
      </c>
      <c r="C7" s="22">
        <v>535</v>
      </c>
      <c r="D7" s="22">
        <v>548</v>
      </c>
      <c r="E7" s="21">
        <v>3</v>
      </c>
      <c r="F7" s="22">
        <v>2</v>
      </c>
      <c r="G7" s="23">
        <v>1</v>
      </c>
      <c r="H7" s="22">
        <v>58</v>
      </c>
      <c r="I7" s="22">
        <v>30</v>
      </c>
      <c r="J7" s="22">
        <v>28</v>
      </c>
      <c r="K7" s="21">
        <v>77</v>
      </c>
      <c r="L7" s="53">
        <v>47</v>
      </c>
      <c r="M7" s="54">
        <v>30</v>
      </c>
    </row>
    <row r="8" spans="1:13">
      <c r="A8" s="20" t="s">
        <v>15</v>
      </c>
      <c r="B8" s="21">
        <v>19</v>
      </c>
      <c r="C8" s="22">
        <v>-9</v>
      </c>
      <c r="D8" s="22">
        <v>28</v>
      </c>
      <c r="E8" s="21">
        <v>1</v>
      </c>
      <c r="F8" s="22">
        <v>0</v>
      </c>
      <c r="G8" s="23">
        <v>1</v>
      </c>
      <c r="H8" s="22">
        <v>149</v>
      </c>
      <c r="I8" s="22">
        <v>67</v>
      </c>
      <c r="J8" s="22">
        <v>82</v>
      </c>
      <c r="K8" s="21">
        <v>129</v>
      </c>
      <c r="L8" s="53">
        <v>76</v>
      </c>
      <c r="M8" s="54">
        <v>53</v>
      </c>
    </row>
    <row r="9" spans="1:13">
      <c r="A9" s="20" t="s">
        <v>16</v>
      </c>
      <c r="B9" s="21">
        <v>-13</v>
      </c>
      <c r="C9" s="22">
        <v>-15</v>
      </c>
      <c r="D9" s="22">
        <v>2</v>
      </c>
      <c r="E9" s="21">
        <v>0</v>
      </c>
      <c r="F9" s="22">
        <v>0</v>
      </c>
      <c r="G9" s="23">
        <v>0</v>
      </c>
      <c r="H9" s="22">
        <v>104</v>
      </c>
      <c r="I9" s="22">
        <v>54</v>
      </c>
      <c r="J9" s="22">
        <v>50</v>
      </c>
      <c r="K9" s="21">
        <v>117</v>
      </c>
      <c r="L9" s="53">
        <v>69</v>
      </c>
      <c r="M9" s="54">
        <v>48</v>
      </c>
    </row>
    <row r="10" spans="1:13">
      <c r="A10" s="20" t="s">
        <v>17</v>
      </c>
      <c r="B10" s="21">
        <v>-24</v>
      </c>
      <c r="C10" s="22">
        <v>-7</v>
      </c>
      <c r="D10" s="22">
        <v>-17</v>
      </c>
      <c r="E10" s="21">
        <v>0</v>
      </c>
      <c r="F10" s="22">
        <v>0</v>
      </c>
      <c r="G10" s="23">
        <v>0</v>
      </c>
      <c r="H10" s="22">
        <v>77</v>
      </c>
      <c r="I10" s="22">
        <v>48</v>
      </c>
      <c r="J10" s="22">
        <v>29</v>
      </c>
      <c r="K10" s="21">
        <v>101</v>
      </c>
      <c r="L10" s="53">
        <v>55</v>
      </c>
      <c r="M10" s="54">
        <v>46</v>
      </c>
    </row>
    <row r="11" spans="1:13">
      <c r="A11" s="20" t="s">
        <v>18</v>
      </c>
      <c r="B11" s="21">
        <v>-4</v>
      </c>
      <c r="C11" s="22">
        <v>-7</v>
      </c>
      <c r="D11" s="22">
        <v>3</v>
      </c>
      <c r="E11" s="21">
        <v>0</v>
      </c>
      <c r="F11" s="22">
        <v>0</v>
      </c>
      <c r="G11" s="23">
        <v>0</v>
      </c>
      <c r="H11" s="22">
        <v>79</v>
      </c>
      <c r="I11" s="22">
        <v>34</v>
      </c>
      <c r="J11" s="22">
        <v>45</v>
      </c>
      <c r="K11" s="21">
        <v>83</v>
      </c>
      <c r="L11" s="53">
        <v>41</v>
      </c>
      <c r="M11" s="54">
        <v>42</v>
      </c>
    </row>
    <row r="12" spans="1:13" ht="20.100000000000001" customHeight="1">
      <c r="A12" s="16" t="s">
        <v>19</v>
      </c>
      <c r="B12" s="17">
        <v>3</v>
      </c>
      <c r="C12" s="18">
        <v>-10</v>
      </c>
      <c r="D12" s="18">
        <v>13</v>
      </c>
      <c r="E12" s="17">
        <v>1</v>
      </c>
      <c r="F12" s="18">
        <v>0</v>
      </c>
      <c r="G12" s="19">
        <v>1</v>
      </c>
      <c r="H12" s="18">
        <v>278</v>
      </c>
      <c r="I12" s="18">
        <v>142</v>
      </c>
      <c r="J12" s="18">
        <v>136</v>
      </c>
      <c r="K12" s="17">
        <v>274</v>
      </c>
      <c r="L12" s="51">
        <v>152</v>
      </c>
      <c r="M12" s="52">
        <v>122</v>
      </c>
    </row>
    <row r="13" spans="1:13">
      <c r="A13" s="20" t="s">
        <v>20</v>
      </c>
      <c r="B13" s="21">
        <v>-11</v>
      </c>
      <c r="C13" s="22">
        <v>-12</v>
      </c>
      <c r="D13" s="22">
        <v>1</v>
      </c>
      <c r="E13" s="21">
        <v>1</v>
      </c>
      <c r="F13" s="22">
        <v>0</v>
      </c>
      <c r="G13" s="23">
        <v>1</v>
      </c>
      <c r="H13" s="22">
        <v>66</v>
      </c>
      <c r="I13" s="22">
        <v>36</v>
      </c>
      <c r="J13" s="22">
        <v>30</v>
      </c>
      <c r="K13" s="21">
        <v>76</v>
      </c>
      <c r="L13" s="53">
        <v>48</v>
      </c>
      <c r="M13" s="54">
        <v>28</v>
      </c>
    </row>
    <row r="14" spans="1:13">
      <c r="A14" s="20" t="s">
        <v>21</v>
      </c>
      <c r="B14" s="21">
        <v>6</v>
      </c>
      <c r="C14" s="22">
        <v>0</v>
      </c>
      <c r="D14" s="22">
        <v>6</v>
      </c>
      <c r="E14" s="21">
        <v>0</v>
      </c>
      <c r="F14" s="22">
        <v>0</v>
      </c>
      <c r="G14" s="23">
        <v>0</v>
      </c>
      <c r="H14" s="22">
        <v>70</v>
      </c>
      <c r="I14" s="22">
        <v>35</v>
      </c>
      <c r="J14" s="22">
        <v>35</v>
      </c>
      <c r="K14" s="21">
        <v>64</v>
      </c>
      <c r="L14" s="53">
        <v>35</v>
      </c>
      <c r="M14" s="54">
        <v>29</v>
      </c>
    </row>
    <row r="15" spans="1:13">
      <c r="A15" s="20" t="s">
        <v>22</v>
      </c>
      <c r="B15" s="21">
        <v>2</v>
      </c>
      <c r="C15" s="22">
        <v>-5</v>
      </c>
      <c r="D15" s="22">
        <v>7</v>
      </c>
      <c r="E15" s="21">
        <v>0</v>
      </c>
      <c r="F15" s="22">
        <v>0</v>
      </c>
      <c r="G15" s="23">
        <v>0</v>
      </c>
      <c r="H15" s="22">
        <v>60</v>
      </c>
      <c r="I15" s="22">
        <v>25</v>
      </c>
      <c r="J15" s="22">
        <v>35</v>
      </c>
      <c r="K15" s="21">
        <v>58</v>
      </c>
      <c r="L15" s="53">
        <v>30</v>
      </c>
      <c r="M15" s="54">
        <v>28</v>
      </c>
    </row>
    <row r="16" spans="1:13">
      <c r="A16" s="20" t="s">
        <v>23</v>
      </c>
      <c r="B16" s="21">
        <v>-5</v>
      </c>
      <c r="C16" s="22">
        <v>-2</v>
      </c>
      <c r="D16" s="22">
        <v>-3</v>
      </c>
      <c r="E16" s="21">
        <v>0</v>
      </c>
      <c r="F16" s="22">
        <v>0</v>
      </c>
      <c r="G16" s="23">
        <v>0</v>
      </c>
      <c r="H16" s="22">
        <v>40</v>
      </c>
      <c r="I16" s="22">
        <v>23</v>
      </c>
      <c r="J16" s="22">
        <v>17</v>
      </c>
      <c r="K16" s="21">
        <v>45</v>
      </c>
      <c r="L16" s="53">
        <v>25</v>
      </c>
      <c r="M16" s="54">
        <v>20</v>
      </c>
    </row>
    <row r="17" spans="1:13">
      <c r="A17" s="20" t="s">
        <v>24</v>
      </c>
      <c r="B17" s="21">
        <v>11</v>
      </c>
      <c r="C17" s="22">
        <v>9</v>
      </c>
      <c r="D17" s="22">
        <v>2</v>
      </c>
      <c r="E17" s="21">
        <v>0</v>
      </c>
      <c r="F17" s="22">
        <v>0</v>
      </c>
      <c r="G17" s="23">
        <v>0</v>
      </c>
      <c r="H17" s="22">
        <v>42</v>
      </c>
      <c r="I17" s="22">
        <v>23</v>
      </c>
      <c r="J17" s="22">
        <v>19</v>
      </c>
      <c r="K17" s="21">
        <v>31</v>
      </c>
      <c r="L17" s="53">
        <v>14</v>
      </c>
      <c r="M17" s="54">
        <v>17</v>
      </c>
    </row>
    <row r="18" spans="1:13" ht="20.100000000000001" customHeight="1">
      <c r="A18" s="16" t="s">
        <v>25</v>
      </c>
      <c r="B18" s="17">
        <v>28</v>
      </c>
      <c r="C18" s="18">
        <v>20</v>
      </c>
      <c r="D18" s="18">
        <v>8</v>
      </c>
      <c r="E18" s="17">
        <v>1</v>
      </c>
      <c r="F18" s="18">
        <v>0</v>
      </c>
      <c r="G18" s="19">
        <v>1</v>
      </c>
      <c r="H18" s="18">
        <v>169</v>
      </c>
      <c r="I18" s="18">
        <v>85</v>
      </c>
      <c r="J18" s="18">
        <v>84</v>
      </c>
      <c r="K18" s="17">
        <v>140</v>
      </c>
      <c r="L18" s="51">
        <v>65</v>
      </c>
      <c r="M18" s="52">
        <v>75</v>
      </c>
    </row>
    <row r="19" spans="1:13">
      <c r="A19" s="20" t="s">
        <v>26</v>
      </c>
      <c r="B19" s="21">
        <v>4</v>
      </c>
      <c r="C19" s="22">
        <v>1</v>
      </c>
      <c r="D19" s="22">
        <v>3</v>
      </c>
      <c r="E19" s="21">
        <v>0</v>
      </c>
      <c r="F19" s="22">
        <v>0</v>
      </c>
      <c r="G19" s="23">
        <v>0</v>
      </c>
      <c r="H19" s="22">
        <v>36</v>
      </c>
      <c r="I19" s="22">
        <v>14</v>
      </c>
      <c r="J19" s="22">
        <v>22</v>
      </c>
      <c r="K19" s="21">
        <v>32</v>
      </c>
      <c r="L19" s="53">
        <v>13</v>
      </c>
      <c r="M19" s="54">
        <v>19</v>
      </c>
    </row>
    <row r="20" spans="1:13">
      <c r="A20" s="20" t="s">
        <v>27</v>
      </c>
      <c r="B20" s="21">
        <v>12</v>
      </c>
      <c r="C20" s="22">
        <v>8</v>
      </c>
      <c r="D20" s="22">
        <v>4</v>
      </c>
      <c r="E20" s="21">
        <v>0</v>
      </c>
      <c r="F20" s="22">
        <v>0</v>
      </c>
      <c r="G20" s="23">
        <v>0</v>
      </c>
      <c r="H20" s="22">
        <v>39</v>
      </c>
      <c r="I20" s="22">
        <v>23</v>
      </c>
      <c r="J20" s="22">
        <v>16</v>
      </c>
      <c r="K20" s="21">
        <v>27</v>
      </c>
      <c r="L20" s="53">
        <v>15</v>
      </c>
      <c r="M20" s="54">
        <v>12</v>
      </c>
    </row>
    <row r="21" spans="1:13">
      <c r="A21" s="20" t="s">
        <v>28</v>
      </c>
      <c r="B21" s="21">
        <v>4</v>
      </c>
      <c r="C21" s="22">
        <v>-5</v>
      </c>
      <c r="D21" s="22">
        <v>9</v>
      </c>
      <c r="E21" s="21">
        <v>1</v>
      </c>
      <c r="F21" s="22">
        <v>0</v>
      </c>
      <c r="G21" s="23">
        <v>1</v>
      </c>
      <c r="H21" s="22">
        <v>34</v>
      </c>
      <c r="I21" s="22">
        <v>13</v>
      </c>
      <c r="J21" s="22">
        <v>21</v>
      </c>
      <c r="K21" s="21">
        <v>29</v>
      </c>
      <c r="L21" s="53">
        <v>18</v>
      </c>
      <c r="M21" s="54">
        <v>11</v>
      </c>
    </row>
    <row r="22" spans="1:13">
      <c r="A22" s="20" t="s">
        <v>29</v>
      </c>
      <c r="B22" s="21">
        <v>4</v>
      </c>
      <c r="C22" s="22">
        <v>6</v>
      </c>
      <c r="D22" s="22">
        <v>-2</v>
      </c>
      <c r="E22" s="21">
        <v>0</v>
      </c>
      <c r="F22" s="22">
        <v>0</v>
      </c>
      <c r="G22" s="23">
        <v>0</v>
      </c>
      <c r="H22" s="22">
        <v>37</v>
      </c>
      <c r="I22" s="22">
        <v>19</v>
      </c>
      <c r="J22" s="22">
        <v>18</v>
      </c>
      <c r="K22" s="21">
        <v>33</v>
      </c>
      <c r="L22" s="53">
        <v>13</v>
      </c>
      <c r="M22" s="54">
        <v>20</v>
      </c>
    </row>
    <row r="23" spans="1:13">
      <c r="A23" s="20" t="s">
        <v>30</v>
      </c>
      <c r="B23" s="21">
        <v>4</v>
      </c>
      <c r="C23" s="22">
        <v>10</v>
      </c>
      <c r="D23" s="22">
        <v>-6</v>
      </c>
      <c r="E23" s="21">
        <v>0</v>
      </c>
      <c r="F23" s="22">
        <v>0</v>
      </c>
      <c r="G23" s="23">
        <v>0</v>
      </c>
      <c r="H23" s="22">
        <v>23</v>
      </c>
      <c r="I23" s="22">
        <v>16</v>
      </c>
      <c r="J23" s="22">
        <v>7</v>
      </c>
      <c r="K23" s="21">
        <v>19</v>
      </c>
      <c r="L23" s="53">
        <v>6</v>
      </c>
      <c r="M23" s="54">
        <v>13</v>
      </c>
    </row>
    <row r="24" spans="1:13" ht="20.100000000000001" customHeight="1">
      <c r="A24" s="16" t="s">
        <v>31</v>
      </c>
      <c r="B24" s="17">
        <v>146</v>
      </c>
      <c r="C24" s="18">
        <v>94</v>
      </c>
      <c r="D24" s="18">
        <v>52</v>
      </c>
      <c r="E24" s="17">
        <v>1</v>
      </c>
      <c r="F24" s="18">
        <v>0</v>
      </c>
      <c r="G24" s="19">
        <v>1</v>
      </c>
      <c r="H24" s="18">
        <v>443</v>
      </c>
      <c r="I24" s="18">
        <v>222</v>
      </c>
      <c r="J24" s="18">
        <v>221</v>
      </c>
      <c r="K24" s="17">
        <v>296</v>
      </c>
      <c r="L24" s="51">
        <v>128</v>
      </c>
      <c r="M24" s="52">
        <v>168</v>
      </c>
    </row>
    <row r="25" spans="1:13">
      <c r="A25" s="20" t="s">
        <v>32</v>
      </c>
      <c r="B25" s="21">
        <v>8</v>
      </c>
      <c r="C25" s="22">
        <v>-2</v>
      </c>
      <c r="D25" s="22">
        <v>10</v>
      </c>
      <c r="E25" s="21">
        <v>0</v>
      </c>
      <c r="F25" s="22">
        <v>0</v>
      </c>
      <c r="G25" s="23">
        <v>0</v>
      </c>
      <c r="H25" s="22">
        <v>26</v>
      </c>
      <c r="I25" s="22">
        <v>7</v>
      </c>
      <c r="J25" s="22">
        <v>19</v>
      </c>
      <c r="K25" s="21">
        <v>18</v>
      </c>
      <c r="L25" s="53">
        <v>9</v>
      </c>
      <c r="M25" s="54">
        <v>9</v>
      </c>
    </row>
    <row r="26" spans="1:13">
      <c r="A26" s="20" t="s">
        <v>33</v>
      </c>
      <c r="B26" s="21">
        <v>3</v>
      </c>
      <c r="C26" s="22">
        <v>5</v>
      </c>
      <c r="D26" s="22">
        <v>-2</v>
      </c>
      <c r="E26" s="21">
        <v>0</v>
      </c>
      <c r="F26" s="22">
        <v>0</v>
      </c>
      <c r="G26" s="23">
        <v>0</v>
      </c>
      <c r="H26" s="22">
        <v>46</v>
      </c>
      <c r="I26" s="22">
        <v>19</v>
      </c>
      <c r="J26" s="22">
        <v>27</v>
      </c>
      <c r="K26" s="21">
        <v>43</v>
      </c>
      <c r="L26" s="53">
        <v>14</v>
      </c>
      <c r="M26" s="54">
        <v>29</v>
      </c>
    </row>
    <row r="27" spans="1:13">
      <c r="A27" s="20" t="s">
        <v>34</v>
      </c>
      <c r="B27" s="21">
        <v>1</v>
      </c>
      <c r="C27" s="22">
        <v>8</v>
      </c>
      <c r="D27" s="22">
        <v>-7</v>
      </c>
      <c r="E27" s="21">
        <v>0</v>
      </c>
      <c r="F27" s="22">
        <v>0</v>
      </c>
      <c r="G27" s="23">
        <v>0</v>
      </c>
      <c r="H27" s="22">
        <v>28</v>
      </c>
      <c r="I27" s="22">
        <v>14</v>
      </c>
      <c r="J27" s="22">
        <v>14</v>
      </c>
      <c r="K27" s="21">
        <v>27</v>
      </c>
      <c r="L27" s="53">
        <v>6</v>
      </c>
      <c r="M27" s="54">
        <v>21</v>
      </c>
    </row>
    <row r="28" spans="1:13">
      <c r="A28" s="20" t="s">
        <v>35</v>
      </c>
      <c r="B28" s="21">
        <v>41</v>
      </c>
      <c r="C28" s="22">
        <v>31</v>
      </c>
      <c r="D28" s="22">
        <v>10</v>
      </c>
      <c r="E28" s="21">
        <v>0</v>
      </c>
      <c r="F28" s="22">
        <v>0</v>
      </c>
      <c r="G28" s="23">
        <v>0</v>
      </c>
      <c r="H28" s="22">
        <v>76</v>
      </c>
      <c r="I28" s="22">
        <v>53</v>
      </c>
      <c r="J28" s="22">
        <v>23</v>
      </c>
      <c r="K28" s="21">
        <v>35</v>
      </c>
      <c r="L28" s="53">
        <v>22</v>
      </c>
      <c r="M28" s="54">
        <v>13</v>
      </c>
    </row>
    <row r="29" spans="1:13">
      <c r="A29" s="20" t="s">
        <v>36</v>
      </c>
      <c r="B29" s="21">
        <v>93</v>
      </c>
      <c r="C29" s="22">
        <v>52</v>
      </c>
      <c r="D29" s="22">
        <v>41</v>
      </c>
      <c r="E29" s="21">
        <v>1</v>
      </c>
      <c r="F29" s="22">
        <v>0</v>
      </c>
      <c r="G29" s="23">
        <v>1</v>
      </c>
      <c r="H29" s="22">
        <v>267</v>
      </c>
      <c r="I29" s="22">
        <v>129</v>
      </c>
      <c r="J29" s="22">
        <v>138</v>
      </c>
      <c r="K29" s="21">
        <v>173</v>
      </c>
      <c r="L29" s="53">
        <v>77</v>
      </c>
      <c r="M29" s="54">
        <v>96</v>
      </c>
    </row>
    <row r="30" spans="1:13" ht="20.100000000000001" customHeight="1">
      <c r="A30" s="16" t="s">
        <v>37</v>
      </c>
      <c r="B30" s="17">
        <v>243</v>
      </c>
      <c r="C30" s="18">
        <v>149</v>
      </c>
      <c r="D30" s="18">
        <v>94</v>
      </c>
      <c r="E30" s="17">
        <v>4</v>
      </c>
      <c r="F30" s="18">
        <v>2</v>
      </c>
      <c r="G30" s="19">
        <v>2</v>
      </c>
      <c r="H30" s="18">
        <v>1740</v>
      </c>
      <c r="I30" s="18">
        <v>986</v>
      </c>
      <c r="J30" s="18">
        <v>754</v>
      </c>
      <c r="K30" s="17">
        <v>1493</v>
      </c>
      <c r="L30" s="51">
        <v>835</v>
      </c>
      <c r="M30" s="52">
        <v>658</v>
      </c>
    </row>
    <row r="31" spans="1:13">
      <c r="A31" s="20" t="s">
        <v>38</v>
      </c>
      <c r="B31" s="21">
        <v>29</v>
      </c>
      <c r="C31" s="22">
        <v>2</v>
      </c>
      <c r="D31" s="22">
        <v>27</v>
      </c>
      <c r="E31" s="21">
        <v>1</v>
      </c>
      <c r="F31" s="22">
        <v>1</v>
      </c>
      <c r="G31" s="23">
        <v>0</v>
      </c>
      <c r="H31" s="22">
        <v>218</v>
      </c>
      <c r="I31" s="22">
        <v>130</v>
      </c>
      <c r="J31" s="22">
        <v>88</v>
      </c>
      <c r="K31" s="21">
        <v>188</v>
      </c>
      <c r="L31" s="53">
        <v>127</v>
      </c>
      <c r="M31" s="54">
        <v>61</v>
      </c>
    </row>
    <row r="32" spans="1:13">
      <c r="A32" s="20" t="s">
        <v>39</v>
      </c>
      <c r="B32" s="21">
        <v>44</v>
      </c>
      <c r="C32" s="22">
        <v>15</v>
      </c>
      <c r="D32" s="22">
        <v>29</v>
      </c>
      <c r="E32" s="21">
        <v>0</v>
      </c>
      <c r="F32" s="22">
        <v>0</v>
      </c>
      <c r="G32" s="23">
        <v>0</v>
      </c>
      <c r="H32" s="22">
        <v>290</v>
      </c>
      <c r="I32" s="22">
        <v>175</v>
      </c>
      <c r="J32" s="22">
        <v>115</v>
      </c>
      <c r="K32" s="21">
        <v>246</v>
      </c>
      <c r="L32" s="53">
        <v>160</v>
      </c>
      <c r="M32" s="54">
        <v>86</v>
      </c>
    </row>
    <row r="33" spans="1:13">
      <c r="A33" s="20" t="s">
        <v>40</v>
      </c>
      <c r="B33" s="21">
        <v>23</v>
      </c>
      <c r="C33" s="22">
        <v>21</v>
      </c>
      <c r="D33" s="22">
        <v>2</v>
      </c>
      <c r="E33" s="21">
        <v>1</v>
      </c>
      <c r="F33" s="22">
        <v>0</v>
      </c>
      <c r="G33" s="23">
        <v>1</v>
      </c>
      <c r="H33" s="22">
        <v>323</v>
      </c>
      <c r="I33" s="22">
        <v>170</v>
      </c>
      <c r="J33" s="22">
        <v>153</v>
      </c>
      <c r="K33" s="21">
        <v>299</v>
      </c>
      <c r="L33" s="53">
        <v>149</v>
      </c>
      <c r="M33" s="54">
        <v>150</v>
      </c>
    </row>
    <row r="34" spans="1:13">
      <c r="A34" s="20" t="s">
        <v>41</v>
      </c>
      <c r="B34" s="21">
        <v>116</v>
      </c>
      <c r="C34" s="22">
        <v>73</v>
      </c>
      <c r="D34" s="22">
        <v>43</v>
      </c>
      <c r="E34" s="21">
        <v>0</v>
      </c>
      <c r="F34" s="22">
        <v>0</v>
      </c>
      <c r="G34" s="23">
        <v>0</v>
      </c>
      <c r="H34" s="22">
        <v>498</v>
      </c>
      <c r="I34" s="22">
        <v>269</v>
      </c>
      <c r="J34" s="22">
        <v>229</v>
      </c>
      <c r="K34" s="21">
        <v>382</v>
      </c>
      <c r="L34" s="53">
        <v>196</v>
      </c>
      <c r="M34" s="54">
        <v>186</v>
      </c>
    </row>
    <row r="35" spans="1:13">
      <c r="A35" s="20" t="s">
        <v>42</v>
      </c>
      <c r="B35" s="21">
        <v>31</v>
      </c>
      <c r="C35" s="22">
        <v>38</v>
      </c>
      <c r="D35" s="22">
        <v>-7</v>
      </c>
      <c r="E35" s="21">
        <v>2</v>
      </c>
      <c r="F35" s="22">
        <v>1</v>
      </c>
      <c r="G35" s="23">
        <v>1</v>
      </c>
      <c r="H35" s="22">
        <v>411</v>
      </c>
      <c r="I35" s="22">
        <v>242</v>
      </c>
      <c r="J35" s="22">
        <v>169</v>
      </c>
      <c r="K35" s="21">
        <v>378</v>
      </c>
      <c r="L35" s="53">
        <v>203</v>
      </c>
      <c r="M35" s="54">
        <v>175</v>
      </c>
    </row>
    <row r="36" spans="1:13" ht="20.100000000000001" customHeight="1">
      <c r="A36" s="16" t="s">
        <v>43</v>
      </c>
      <c r="B36" s="17">
        <v>-11</v>
      </c>
      <c r="C36" s="18">
        <v>23</v>
      </c>
      <c r="D36" s="18">
        <v>-34</v>
      </c>
      <c r="E36" s="17">
        <v>2</v>
      </c>
      <c r="F36" s="18">
        <v>0</v>
      </c>
      <c r="G36" s="19">
        <v>2</v>
      </c>
      <c r="H36" s="18">
        <v>1956</v>
      </c>
      <c r="I36" s="18">
        <v>1083</v>
      </c>
      <c r="J36" s="18">
        <v>873</v>
      </c>
      <c r="K36" s="17">
        <v>1965</v>
      </c>
      <c r="L36" s="51">
        <v>1060</v>
      </c>
      <c r="M36" s="52">
        <v>905</v>
      </c>
    </row>
    <row r="37" spans="1:13">
      <c r="A37" s="20" t="s">
        <v>44</v>
      </c>
      <c r="B37" s="21">
        <v>50</v>
      </c>
      <c r="C37" s="22">
        <v>52</v>
      </c>
      <c r="D37" s="22">
        <v>-2</v>
      </c>
      <c r="E37" s="21">
        <v>0</v>
      </c>
      <c r="F37" s="22">
        <v>0</v>
      </c>
      <c r="G37" s="23">
        <v>0</v>
      </c>
      <c r="H37" s="22">
        <v>462</v>
      </c>
      <c r="I37" s="22">
        <v>275</v>
      </c>
      <c r="J37" s="22">
        <v>187</v>
      </c>
      <c r="K37" s="21">
        <v>412</v>
      </c>
      <c r="L37" s="53">
        <v>223</v>
      </c>
      <c r="M37" s="54">
        <v>189</v>
      </c>
    </row>
    <row r="38" spans="1:13">
      <c r="A38" s="20" t="s">
        <v>45</v>
      </c>
      <c r="B38" s="21">
        <v>16</v>
      </c>
      <c r="C38" s="22">
        <v>8</v>
      </c>
      <c r="D38" s="22">
        <v>8</v>
      </c>
      <c r="E38" s="21">
        <v>0</v>
      </c>
      <c r="F38" s="22">
        <v>0</v>
      </c>
      <c r="G38" s="23">
        <v>0</v>
      </c>
      <c r="H38" s="22">
        <v>393</v>
      </c>
      <c r="I38" s="22">
        <v>222</v>
      </c>
      <c r="J38" s="22">
        <v>171</v>
      </c>
      <c r="K38" s="21">
        <v>377</v>
      </c>
      <c r="L38" s="53">
        <v>214</v>
      </c>
      <c r="M38" s="54">
        <v>163</v>
      </c>
    </row>
    <row r="39" spans="1:13">
      <c r="A39" s="20" t="s">
        <v>46</v>
      </c>
      <c r="B39" s="21">
        <v>-15</v>
      </c>
      <c r="C39" s="22">
        <v>-23</v>
      </c>
      <c r="D39" s="22">
        <v>8</v>
      </c>
      <c r="E39" s="21">
        <v>0</v>
      </c>
      <c r="F39" s="22">
        <v>0</v>
      </c>
      <c r="G39" s="23">
        <v>0</v>
      </c>
      <c r="H39" s="22">
        <v>393</v>
      </c>
      <c r="I39" s="22">
        <v>195</v>
      </c>
      <c r="J39" s="22">
        <v>198</v>
      </c>
      <c r="K39" s="21">
        <v>408</v>
      </c>
      <c r="L39" s="53">
        <v>218</v>
      </c>
      <c r="M39" s="54">
        <v>190</v>
      </c>
    </row>
    <row r="40" spans="1:13">
      <c r="A40" s="20" t="s">
        <v>47</v>
      </c>
      <c r="B40" s="21">
        <v>9</v>
      </c>
      <c r="C40" s="22">
        <v>-1</v>
      </c>
      <c r="D40" s="22">
        <v>10</v>
      </c>
      <c r="E40" s="21">
        <v>2</v>
      </c>
      <c r="F40" s="22">
        <v>0</v>
      </c>
      <c r="G40" s="23">
        <v>2</v>
      </c>
      <c r="H40" s="22">
        <v>371</v>
      </c>
      <c r="I40" s="22">
        <v>199</v>
      </c>
      <c r="J40" s="22">
        <v>172</v>
      </c>
      <c r="K40" s="21">
        <v>360</v>
      </c>
      <c r="L40" s="53">
        <v>200</v>
      </c>
      <c r="M40" s="54">
        <v>160</v>
      </c>
    </row>
    <row r="41" spans="1:13">
      <c r="A41" s="20" t="s">
        <v>48</v>
      </c>
      <c r="B41" s="21">
        <v>-71</v>
      </c>
      <c r="C41" s="22">
        <v>-13</v>
      </c>
      <c r="D41" s="22">
        <v>-58</v>
      </c>
      <c r="E41" s="21">
        <v>0</v>
      </c>
      <c r="F41" s="22">
        <v>0</v>
      </c>
      <c r="G41" s="23">
        <v>0</v>
      </c>
      <c r="H41" s="22">
        <v>337</v>
      </c>
      <c r="I41" s="22">
        <v>192</v>
      </c>
      <c r="J41" s="22">
        <v>145</v>
      </c>
      <c r="K41" s="21">
        <v>408</v>
      </c>
      <c r="L41" s="53">
        <v>205</v>
      </c>
      <c r="M41" s="54">
        <v>203</v>
      </c>
    </row>
    <row r="42" spans="1:13" ht="20.100000000000001" customHeight="1">
      <c r="A42" s="16" t="s">
        <v>49</v>
      </c>
      <c r="B42" s="17">
        <v>-55</v>
      </c>
      <c r="C42" s="18">
        <v>-28</v>
      </c>
      <c r="D42" s="18">
        <v>-27</v>
      </c>
      <c r="E42" s="17">
        <v>4</v>
      </c>
      <c r="F42" s="18">
        <v>3</v>
      </c>
      <c r="G42" s="19">
        <v>1</v>
      </c>
      <c r="H42" s="18">
        <v>1398</v>
      </c>
      <c r="I42" s="18">
        <v>753</v>
      </c>
      <c r="J42" s="18">
        <v>645</v>
      </c>
      <c r="K42" s="17">
        <v>1449</v>
      </c>
      <c r="L42" s="51">
        <v>778</v>
      </c>
      <c r="M42" s="52">
        <v>671</v>
      </c>
    </row>
    <row r="43" spans="1:13">
      <c r="A43" s="20" t="s">
        <v>50</v>
      </c>
      <c r="B43" s="21">
        <v>25</v>
      </c>
      <c r="C43" s="22">
        <v>16</v>
      </c>
      <c r="D43" s="22">
        <v>9</v>
      </c>
      <c r="E43" s="21">
        <v>0</v>
      </c>
      <c r="F43" s="22">
        <v>0</v>
      </c>
      <c r="G43" s="23">
        <v>0</v>
      </c>
      <c r="H43" s="22">
        <v>337</v>
      </c>
      <c r="I43" s="22">
        <v>181</v>
      </c>
      <c r="J43" s="22">
        <v>156</v>
      </c>
      <c r="K43" s="21">
        <v>312</v>
      </c>
      <c r="L43" s="53">
        <v>165</v>
      </c>
      <c r="M43" s="54">
        <v>147</v>
      </c>
    </row>
    <row r="44" spans="1:13">
      <c r="A44" s="20" t="s">
        <v>51</v>
      </c>
      <c r="B44" s="21">
        <v>-29</v>
      </c>
      <c r="C44" s="22">
        <v>-23</v>
      </c>
      <c r="D44" s="22">
        <v>-6</v>
      </c>
      <c r="E44" s="21">
        <v>0</v>
      </c>
      <c r="F44" s="22">
        <v>0</v>
      </c>
      <c r="G44" s="23">
        <v>0</v>
      </c>
      <c r="H44" s="22">
        <v>304</v>
      </c>
      <c r="I44" s="22">
        <v>151</v>
      </c>
      <c r="J44" s="22">
        <v>153</v>
      </c>
      <c r="K44" s="21">
        <v>333</v>
      </c>
      <c r="L44" s="53">
        <v>174</v>
      </c>
      <c r="M44" s="54">
        <v>159</v>
      </c>
    </row>
    <row r="45" spans="1:13">
      <c r="A45" s="20" t="s">
        <v>52</v>
      </c>
      <c r="B45" s="21">
        <v>-19</v>
      </c>
      <c r="C45" s="22">
        <v>6</v>
      </c>
      <c r="D45" s="22">
        <v>-25</v>
      </c>
      <c r="E45" s="21">
        <v>1</v>
      </c>
      <c r="F45" s="22">
        <v>1</v>
      </c>
      <c r="G45" s="23">
        <v>0</v>
      </c>
      <c r="H45" s="22">
        <v>285</v>
      </c>
      <c r="I45" s="22">
        <v>163</v>
      </c>
      <c r="J45" s="22">
        <v>122</v>
      </c>
      <c r="K45" s="21">
        <v>303</v>
      </c>
      <c r="L45" s="53">
        <v>156</v>
      </c>
      <c r="M45" s="54">
        <v>147</v>
      </c>
    </row>
    <row r="46" spans="1:13">
      <c r="A46" s="20" t="s">
        <v>53</v>
      </c>
      <c r="B46" s="21">
        <v>-17</v>
      </c>
      <c r="C46" s="22">
        <v>-12</v>
      </c>
      <c r="D46" s="22">
        <v>-5</v>
      </c>
      <c r="E46" s="21">
        <v>1</v>
      </c>
      <c r="F46" s="22">
        <v>0</v>
      </c>
      <c r="G46" s="23">
        <v>1</v>
      </c>
      <c r="H46" s="22">
        <v>240</v>
      </c>
      <c r="I46" s="22">
        <v>136</v>
      </c>
      <c r="J46" s="22">
        <v>104</v>
      </c>
      <c r="K46" s="21">
        <v>256</v>
      </c>
      <c r="L46" s="53">
        <v>148</v>
      </c>
      <c r="M46" s="54">
        <v>108</v>
      </c>
    </row>
    <row r="47" spans="1:13">
      <c r="A47" s="20" t="s">
        <v>54</v>
      </c>
      <c r="B47" s="21">
        <v>-15</v>
      </c>
      <c r="C47" s="22">
        <v>-15</v>
      </c>
      <c r="D47" s="22">
        <v>0</v>
      </c>
      <c r="E47" s="21">
        <v>2</v>
      </c>
      <c r="F47" s="22">
        <v>2</v>
      </c>
      <c r="G47" s="23">
        <v>0</v>
      </c>
      <c r="H47" s="22">
        <v>232</v>
      </c>
      <c r="I47" s="22">
        <v>122</v>
      </c>
      <c r="J47" s="22">
        <v>110</v>
      </c>
      <c r="K47" s="21">
        <v>245</v>
      </c>
      <c r="L47" s="53">
        <v>135</v>
      </c>
      <c r="M47" s="54">
        <v>110</v>
      </c>
    </row>
    <row r="48" spans="1:13" ht="20.100000000000001" customHeight="1">
      <c r="A48" s="16" t="s">
        <v>55</v>
      </c>
      <c r="B48" s="17">
        <v>-23</v>
      </c>
      <c r="C48" s="18">
        <v>-27</v>
      </c>
      <c r="D48" s="18">
        <v>4</v>
      </c>
      <c r="E48" s="17">
        <v>5</v>
      </c>
      <c r="F48" s="18">
        <v>4</v>
      </c>
      <c r="G48" s="19">
        <v>1</v>
      </c>
      <c r="H48" s="18">
        <v>914</v>
      </c>
      <c r="I48" s="18">
        <v>513</v>
      </c>
      <c r="J48" s="18">
        <v>401</v>
      </c>
      <c r="K48" s="17">
        <v>932</v>
      </c>
      <c r="L48" s="51">
        <v>536</v>
      </c>
      <c r="M48" s="52">
        <v>396</v>
      </c>
    </row>
    <row r="49" spans="1:13">
      <c r="A49" s="20" t="s">
        <v>56</v>
      </c>
      <c r="B49" s="21">
        <v>-4</v>
      </c>
      <c r="C49" s="22">
        <v>-8</v>
      </c>
      <c r="D49" s="22">
        <v>4</v>
      </c>
      <c r="E49" s="21">
        <v>2</v>
      </c>
      <c r="F49" s="22">
        <v>1</v>
      </c>
      <c r="G49" s="23">
        <v>1</v>
      </c>
      <c r="H49" s="22">
        <v>224</v>
      </c>
      <c r="I49" s="22">
        <v>114</v>
      </c>
      <c r="J49" s="22">
        <v>110</v>
      </c>
      <c r="K49" s="21">
        <v>226</v>
      </c>
      <c r="L49" s="53">
        <v>121</v>
      </c>
      <c r="M49" s="54">
        <v>105</v>
      </c>
    </row>
    <row r="50" spans="1:13">
      <c r="A50" s="20" t="s">
        <v>57</v>
      </c>
      <c r="B50" s="21">
        <v>22</v>
      </c>
      <c r="C50" s="22">
        <v>8</v>
      </c>
      <c r="D50" s="22">
        <v>14</v>
      </c>
      <c r="E50" s="21">
        <v>2</v>
      </c>
      <c r="F50" s="22">
        <v>2</v>
      </c>
      <c r="G50" s="23">
        <v>0</v>
      </c>
      <c r="H50" s="22">
        <v>213</v>
      </c>
      <c r="I50" s="22">
        <v>120</v>
      </c>
      <c r="J50" s="22">
        <v>93</v>
      </c>
      <c r="K50" s="21">
        <v>189</v>
      </c>
      <c r="L50" s="53">
        <v>110</v>
      </c>
      <c r="M50" s="54">
        <v>79</v>
      </c>
    </row>
    <row r="51" spans="1:13">
      <c r="A51" s="20" t="s">
        <v>58</v>
      </c>
      <c r="B51" s="21">
        <v>-18</v>
      </c>
      <c r="C51" s="22">
        <v>-14</v>
      </c>
      <c r="D51" s="22">
        <v>-4</v>
      </c>
      <c r="E51" s="21">
        <v>0</v>
      </c>
      <c r="F51" s="22">
        <v>0</v>
      </c>
      <c r="G51" s="23">
        <v>0</v>
      </c>
      <c r="H51" s="22">
        <v>189</v>
      </c>
      <c r="I51" s="22">
        <v>105</v>
      </c>
      <c r="J51" s="22">
        <v>84</v>
      </c>
      <c r="K51" s="21">
        <v>207</v>
      </c>
      <c r="L51" s="53">
        <v>119</v>
      </c>
      <c r="M51" s="54">
        <v>88</v>
      </c>
    </row>
    <row r="52" spans="1:13">
      <c r="A52" s="20" t="s">
        <v>59</v>
      </c>
      <c r="B52" s="21">
        <v>0</v>
      </c>
      <c r="C52" s="22">
        <v>-3</v>
      </c>
      <c r="D52" s="22">
        <v>3</v>
      </c>
      <c r="E52" s="21">
        <v>1</v>
      </c>
      <c r="F52" s="22">
        <v>1</v>
      </c>
      <c r="G52" s="23">
        <v>0</v>
      </c>
      <c r="H52" s="22">
        <v>163</v>
      </c>
      <c r="I52" s="22">
        <v>97</v>
      </c>
      <c r="J52" s="22">
        <v>66</v>
      </c>
      <c r="K52" s="21">
        <v>162</v>
      </c>
      <c r="L52" s="53">
        <v>99</v>
      </c>
      <c r="M52" s="54">
        <v>63</v>
      </c>
    </row>
    <row r="53" spans="1:13">
      <c r="A53" s="20" t="s">
        <v>60</v>
      </c>
      <c r="B53" s="21">
        <v>-23</v>
      </c>
      <c r="C53" s="22">
        <v>-10</v>
      </c>
      <c r="D53" s="22">
        <v>-13</v>
      </c>
      <c r="E53" s="21">
        <v>0</v>
      </c>
      <c r="F53" s="22">
        <v>0</v>
      </c>
      <c r="G53" s="23">
        <v>0</v>
      </c>
      <c r="H53" s="22">
        <v>125</v>
      </c>
      <c r="I53" s="22">
        <v>77</v>
      </c>
      <c r="J53" s="22">
        <v>48</v>
      </c>
      <c r="K53" s="21">
        <v>148</v>
      </c>
      <c r="L53" s="53">
        <v>87</v>
      </c>
      <c r="M53" s="54">
        <v>61</v>
      </c>
    </row>
    <row r="54" spans="1:13" ht="20.100000000000001" customHeight="1">
      <c r="A54" s="16" t="s">
        <v>61</v>
      </c>
      <c r="B54" s="17">
        <v>28</v>
      </c>
      <c r="C54" s="18">
        <v>6</v>
      </c>
      <c r="D54" s="18">
        <v>22</v>
      </c>
      <c r="E54" s="17">
        <v>15</v>
      </c>
      <c r="F54" s="18">
        <v>10</v>
      </c>
      <c r="G54" s="19">
        <v>5</v>
      </c>
      <c r="H54" s="18">
        <v>570</v>
      </c>
      <c r="I54" s="18">
        <v>322</v>
      </c>
      <c r="J54" s="18">
        <v>248</v>
      </c>
      <c r="K54" s="17">
        <v>527</v>
      </c>
      <c r="L54" s="51">
        <v>306</v>
      </c>
      <c r="M54" s="52">
        <v>221</v>
      </c>
    </row>
    <row r="55" spans="1:13">
      <c r="A55" s="20" t="s">
        <v>62</v>
      </c>
      <c r="B55" s="21">
        <v>-13</v>
      </c>
      <c r="C55" s="22">
        <v>-17</v>
      </c>
      <c r="D55" s="22">
        <v>4</v>
      </c>
      <c r="E55" s="21">
        <v>4</v>
      </c>
      <c r="F55" s="22">
        <v>3</v>
      </c>
      <c r="G55" s="23">
        <v>1</v>
      </c>
      <c r="H55" s="22">
        <v>113</v>
      </c>
      <c r="I55" s="22">
        <v>66</v>
      </c>
      <c r="J55" s="22">
        <v>47</v>
      </c>
      <c r="K55" s="21">
        <v>122</v>
      </c>
      <c r="L55" s="53">
        <v>80</v>
      </c>
      <c r="M55" s="54">
        <v>42</v>
      </c>
    </row>
    <row r="56" spans="1:13">
      <c r="A56" s="20" t="s">
        <v>63</v>
      </c>
      <c r="B56" s="21">
        <v>0</v>
      </c>
      <c r="C56" s="22">
        <v>-13</v>
      </c>
      <c r="D56" s="22">
        <v>13</v>
      </c>
      <c r="E56" s="21">
        <v>3</v>
      </c>
      <c r="F56" s="22">
        <v>2</v>
      </c>
      <c r="G56" s="23">
        <v>1</v>
      </c>
      <c r="H56" s="22">
        <v>116</v>
      </c>
      <c r="I56" s="22">
        <v>56</v>
      </c>
      <c r="J56" s="22">
        <v>60</v>
      </c>
      <c r="K56" s="21">
        <v>113</v>
      </c>
      <c r="L56" s="53">
        <v>67</v>
      </c>
      <c r="M56" s="54">
        <v>46</v>
      </c>
    </row>
    <row r="57" spans="1:13">
      <c r="A57" s="20" t="s">
        <v>64</v>
      </c>
      <c r="B57" s="21">
        <v>33</v>
      </c>
      <c r="C57" s="22">
        <v>24</v>
      </c>
      <c r="D57" s="22">
        <v>9</v>
      </c>
      <c r="E57" s="21">
        <v>3</v>
      </c>
      <c r="F57" s="22">
        <v>1</v>
      </c>
      <c r="G57" s="23">
        <v>2</v>
      </c>
      <c r="H57" s="22">
        <v>130</v>
      </c>
      <c r="I57" s="22">
        <v>79</v>
      </c>
      <c r="J57" s="22">
        <v>51</v>
      </c>
      <c r="K57" s="21">
        <v>94</v>
      </c>
      <c r="L57" s="53">
        <v>54</v>
      </c>
      <c r="M57" s="54">
        <v>40</v>
      </c>
    </row>
    <row r="58" spans="1:13">
      <c r="A58" s="20" t="s">
        <v>65</v>
      </c>
      <c r="B58" s="21">
        <v>2</v>
      </c>
      <c r="C58" s="22">
        <v>0</v>
      </c>
      <c r="D58" s="22">
        <v>2</v>
      </c>
      <c r="E58" s="21">
        <v>3</v>
      </c>
      <c r="F58" s="22">
        <v>3</v>
      </c>
      <c r="G58" s="23">
        <v>0</v>
      </c>
      <c r="H58" s="22">
        <v>101</v>
      </c>
      <c r="I58" s="22">
        <v>55</v>
      </c>
      <c r="J58" s="22">
        <v>46</v>
      </c>
      <c r="K58" s="21">
        <v>96</v>
      </c>
      <c r="L58" s="53">
        <v>52</v>
      </c>
      <c r="M58" s="54">
        <v>44</v>
      </c>
    </row>
    <row r="59" spans="1:13">
      <c r="A59" s="20" t="s">
        <v>66</v>
      </c>
      <c r="B59" s="21">
        <v>6</v>
      </c>
      <c r="C59" s="22">
        <v>12</v>
      </c>
      <c r="D59" s="22">
        <v>-6</v>
      </c>
      <c r="E59" s="21">
        <v>2</v>
      </c>
      <c r="F59" s="22">
        <v>1</v>
      </c>
      <c r="G59" s="23">
        <v>1</v>
      </c>
      <c r="H59" s="22">
        <v>110</v>
      </c>
      <c r="I59" s="22">
        <v>66</v>
      </c>
      <c r="J59" s="22">
        <v>44</v>
      </c>
      <c r="K59" s="21">
        <v>102</v>
      </c>
      <c r="L59" s="53">
        <v>53</v>
      </c>
      <c r="M59" s="54">
        <v>49</v>
      </c>
    </row>
    <row r="60" spans="1:13" ht="20.100000000000001" customHeight="1">
      <c r="A60" s="16" t="s">
        <v>67</v>
      </c>
      <c r="B60" s="17">
        <v>-23</v>
      </c>
      <c r="C60" s="18">
        <v>-23</v>
      </c>
      <c r="D60" s="18">
        <v>0</v>
      </c>
      <c r="E60" s="17">
        <v>14</v>
      </c>
      <c r="F60" s="18">
        <v>7</v>
      </c>
      <c r="G60" s="19">
        <v>7</v>
      </c>
      <c r="H60" s="18">
        <v>477</v>
      </c>
      <c r="I60" s="18">
        <v>276</v>
      </c>
      <c r="J60" s="18">
        <v>201</v>
      </c>
      <c r="K60" s="17">
        <v>486</v>
      </c>
      <c r="L60" s="51">
        <v>292</v>
      </c>
      <c r="M60" s="52">
        <v>194</v>
      </c>
    </row>
    <row r="61" spans="1:13">
      <c r="A61" s="20" t="s">
        <v>68</v>
      </c>
      <c r="B61" s="21">
        <v>-2</v>
      </c>
      <c r="C61" s="22">
        <v>-15</v>
      </c>
      <c r="D61" s="22">
        <v>13</v>
      </c>
      <c r="E61" s="21">
        <v>2</v>
      </c>
      <c r="F61" s="22">
        <v>0</v>
      </c>
      <c r="G61" s="23">
        <v>2</v>
      </c>
      <c r="H61" s="22">
        <v>110</v>
      </c>
      <c r="I61" s="22">
        <v>62</v>
      </c>
      <c r="J61" s="22">
        <v>48</v>
      </c>
      <c r="K61" s="21">
        <v>110</v>
      </c>
      <c r="L61" s="53">
        <v>77</v>
      </c>
      <c r="M61" s="54">
        <v>33</v>
      </c>
    </row>
    <row r="62" spans="1:13">
      <c r="A62" s="20" t="s">
        <v>69</v>
      </c>
      <c r="B62" s="21">
        <v>7</v>
      </c>
      <c r="C62" s="22">
        <v>8</v>
      </c>
      <c r="D62" s="22">
        <v>-1</v>
      </c>
      <c r="E62" s="21">
        <v>1</v>
      </c>
      <c r="F62" s="22">
        <v>1</v>
      </c>
      <c r="G62" s="23">
        <v>0</v>
      </c>
      <c r="H62" s="22">
        <v>103</v>
      </c>
      <c r="I62" s="22">
        <v>56</v>
      </c>
      <c r="J62" s="22">
        <v>47</v>
      </c>
      <c r="K62" s="21">
        <v>95</v>
      </c>
      <c r="L62" s="53">
        <v>47</v>
      </c>
      <c r="M62" s="54">
        <v>48</v>
      </c>
    </row>
    <row r="63" spans="1:13">
      <c r="A63" s="20" t="s">
        <v>70</v>
      </c>
      <c r="B63" s="21">
        <v>-4</v>
      </c>
      <c r="C63" s="22">
        <v>-3</v>
      </c>
      <c r="D63" s="22">
        <v>-1</v>
      </c>
      <c r="E63" s="21">
        <v>5</v>
      </c>
      <c r="F63" s="22">
        <v>2</v>
      </c>
      <c r="G63" s="23">
        <v>3</v>
      </c>
      <c r="H63" s="22">
        <v>94</v>
      </c>
      <c r="I63" s="22">
        <v>58</v>
      </c>
      <c r="J63" s="22">
        <v>36</v>
      </c>
      <c r="K63" s="21">
        <v>93</v>
      </c>
      <c r="L63" s="53">
        <v>59</v>
      </c>
      <c r="M63" s="54">
        <v>34</v>
      </c>
    </row>
    <row r="64" spans="1:13">
      <c r="A64" s="20" t="s">
        <v>71</v>
      </c>
      <c r="B64" s="21">
        <v>-4</v>
      </c>
      <c r="C64" s="22">
        <v>-5</v>
      </c>
      <c r="D64" s="22">
        <v>1</v>
      </c>
      <c r="E64" s="21">
        <v>2</v>
      </c>
      <c r="F64" s="22">
        <v>1</v>
      </c>
      <c r="G64" s="23">
        <v>1</v>
      </c>
      <c r="H64" s="22">
        <v>86</v>
      </c>
      <c r="I64" s="22">
        <v>49</v>
      </c>
      <c r="J64" s="22">
        <v>37</v>
      </c>
      <c r="K64" s="21">
        <v>88</v>
      </c>
      <c r="L64" s="53">
        <v>53</v>
      </c>
      <c r="M64" s="54">
        <v>35</v>
      </c>
    </row>
    <row r="65" spans="1:13">
      <c r="A65" s="24" t="s">
        <v>72</v>
      </c>
      <c r="B65" s="25">
        <v>-20</v>
      </c>
      <c r="C65" s="26">
        <v>-8</v>
      </c>
      <c r="D65" s="26">
        <v>-12</v>
      </c>
      <c r="E65" s="25">
        <v>4</v>
      </c>
      <c r="F65" s="26">
        <v>3</v>
      </c>
      <c r="G65" s="27">
        <v>1</v>
      </c>
      <c r="H65" s="26">
        <v>84</v>
      </c>
      <c r="I65" s="26">
        <v>51</v>
      </c>
      <c r="J65" s="26">
        <v>33</v>
      </c>
      <c r="K65" s="25">
        <v>100</v>
      </c>
      <c r="L65" s="55">
        <v>56</v>
      </c>
      <c r="M65" s="56">
        <v>44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3" t="s">
        <v>73</v>
      </c>
      <c r="C67" s="94"/>
      <c r="D67" s="95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105</v>
      </c>
      <c r="C69" s="58">
        <v>554</v>
      </c>
      <c r="D69" s="59">
        <v>551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105</v>
      </c>
      <c r="C70" s="61">
        <v>554</v>
      </c>
      <c r="D70" s="62">
        <v>551</v>
      </c>
    </row>
    <row r="71" spans="1:13">
      <c r="A71" s="24" t="s">
        <v>14</v>
      </c>
      <c r="B71" s="63">
        <v>1105</v>
      </c>
      <c r="C71" s="64">
        <v>554</v>
      </c>
      <c r="D71" s="65">
        <v>551</v>
      </c>
    </row>
    <row r="72" spans="1:13" ht="24" customHeight="1">
      <c r="A72" s="96" t="s">
        <v>74</v>
      </c>
      <c r="B72" s="96"/>
      <c r="C72" s="96"/>
      <c r="D72" s="96"/>
      <c r="E72" s="96"/>
      <c r="F72" s="96"/>
      <c r="G72" s="96"/>
      <c r="H72" s="96"/>
      <c r="I72" s="96"/>
      <c r="J72" s="96"/>
      <c r="K72" s="96"/>
      <c r="L72" s="96"/>
      <c r="M72" s="96"/>
    </row>
    <row r="73" spans="1:13" ht="18" customHeight="1">
      <c r="A73" s="79" t="s">
        <v>15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3" t="s">
        <v>158</v>
      </c>
      <c r="C74" s="94"/>
      <c r="D74" s="95"/>
      <c r="E74" s="93" t="s">
        <v>77</v>
      </c>
      <c r="F74" s="94"/>
      <c r="G74" s="95"/>
      <c r="H74" s="93" t="s">
        <v>78</v>
      </c>
      <c r="I74" s="94"/>
      <c r="J74" s="95"/>
      <c r="K74" s="93" t="s">
        <v>7</v>
      </c>
      <c r="L74" s="94"/>
      <c r="M74" s="95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7"/>
      <c r="C76" s="98"/>
      <c r="D76" s="99"/>
      <c r="E76" s="97"/>
      <c r="F76" s="98"/>
      <c r="G76" s="99"/>
      <c r="H76" s="97"/>
      <c r="I76" s="98"/>
      <c r="J76" s="99"/>
      <c r="K76" s="97"/>
      <c r="L76" s="98"/>
      <c r="M76" s="99"/>
    </row>
    <row r="77" spans="1:13" ht="19.5" customHeight="1">
      <c r="A77" s="34" t="s">
        <v>80</v>
      </c>
      <c r="B77" s="17">
        <v>38</v>
      </c>
      <c r="C77" s="18">
        <v>8</v>
      </c>
      <c r="D77" s="18">
        <v>30</v>
      </c>
      <c r="E77" s="17">
        <v>23</v>
      </c>
      <c r="F77" s="18">
        <v>15</v>
      </c>
      <c r="G77" s="19">
        <v>8</v>
      </c>
      <c r="H77" s="18">
        <v>405</v>
      </c>
      <c r="I77" s="18">
        <v>219</v>
      </c>
      <c r="J77" s="18">
        <v>186</v>
      </c>
      <c r="K77" s="17">
        <v>344</v>
      </c>
      <c r="L77" s="51">
        <v>196</v>
      </c>
      <c r="M77" s="52">
        <v>148</v>
      </c>
    </row>
    <row r="78" spans="1:13">
      <c r="A78" s="40" t="s">
        <v>81</v>
      </c>
      <c r="B78" s="21">
        <v>3</v>
      </c>
      <c r="C78" s="22">
        <v>-3</v>
      </c>
      <c r="D78" s="22">
        <v>6</v>
      </c>
      <c r="E78" s="21">
        <v>2</v>
      </c>
      <c r="F78" s="22">
        <v>1</v>
      </c>
      <c r="G78" s="23">
        <v>1</v>
      </c>
      <c r="H78" s="22">
        <v>102</v>
      </c>
      <c r="I78" s="22">
        <v>56</v>
      </c>
      <c r="J78" s="22">
        <v>46</v>
      </c>
      <c r="K78" s="21">
        <v>97</v>
      </c>
      <c r="L78" s="53">
        <v>58</v>
      </c>
      <c r="M78" s="54">
        <v>39</v>
      </c>
    </row>
    <row r="79" spans="1:13">
      <c r="A79" s="40" t="s">
        <v>82</v>
      </c>
      <c r="B79" s="21">
        <v>-1</v>
      </c>
      <c r="C79" s="22">
        <v>-6</v>
      </c>
      <c r="D79" s="22">
        <v>5</v>
      </c>
      <c r="E79" s="21">
        <v>6</v>
      </c>
      <c r="F79" s="22">
        <v>4</v>
      </c>
      <c r="G79" s="23">
        <v>2</v>
      </c>
      <c r="H79" s="22">
        <v>86</v>
      </c>
      <c r="I79" s="22">
        <v>43</v>
      </c>
      <c r="J79" s="22">
        <v>43</v>
      </c>
      <c r="K79" s="21">
        <v>81</v>
      </c>
      <c r="L79" s="53">
        <v>45</v>
      </c>
      <c r="M79" s="54">
        <v>36</v>
      </c>
    </row>
    <row r="80" spans="1:13">
      <c r="A80" s="40" t="s">
        <v>83</v>
      </c>
      <c r="B80" s="21">
        <v>13</v>
      </c>
      <c r="C80" s="22">
        <v>4</v>
      </c>
      <c r="D80" s="22">
        <v>9</v>
      </c>
      <c r="E80" s="21">
        <v>6</v>
      </c>
      <c r="F80" s="22">
        <v>4</v>
      </c>
      <c r="G80" s="23">
        <v>2</v>
      </c>
      <c r="H80" s="22">
        <v>87</v>
      </c>
      <c r="I80" s="22">
        <v>51</v>
      </c>
      <c r="J80" s="22">
        <v>36</v>
      </c>
      <c r="K80" s="21">
        <v>68</v>
      </c>
      <c r="L80" s="53">
        <v>43</v>
      </c>
      <c r="M80" s="54">
        <v>25</v>
      </c>
    </row>
    <row r="81" spans="1:13">
      <c r="A81" s="40" t="s">
        <v>84</v>
      </c>
      <c r="B81" s="21">
        <v>12</v>
      </c>
      <c r="C81" s="22">
        <v>4</v>
      </c>
      <c r="D81" s="22">
        <v>8</v>
      </c>
      <c r="E81" s="21">
        <v>2</v>
      </c>
      <c r="F81" s="22">
        <v>2</v>
      </c>
      <c r="G81" s="23">
        <v>0</v>
      </c>
      <c r="H81" s="22">
        <v>57</v>
      </c>
      <c r="I81" s="22">
        <v>30</v>
      </c>
      <c r="J81" s="22">
        <v>27</v>
      </c>
      <c r="K81" s="21">
        <v>43</v>
      </c>
      <c r="L81" s="53">
        <v>24</v>
      </c>
      <c r="M81" s="54">
        <v>19</v>
      </c>
    </row>
    <row r="82" spans="1:13">
      <c r="A82" s="40" t="s">
        <v>85</v>
      </c>
      <c r="B82" s="21">
        <v>11</v>
      </c>
      <c r="C82" s="22">
        <v>9</v>
      </c>
      <c r="D82" s="22">
        <v>2</v>
      </c>
      <c r="E82" s="21">
        <v>7</v>
      </c>
      <c r="F82" s="22">
        <v>4</v>
      </c>
      <c r="G82" s="23">
        <v>3</v>
      </c>
      <c r="H82" s="22">
        <v>73</v>
      </c>
      <c r="I82" s="22">
        <v>39</v>
      </c>
      <c r="J82" s="22">
        <v>34</v>
      </c>
      <c r="K82" s="21">
        <v>55</v>
      </c>
      <c r="L82" s="53">
        <v>26</v>
      </c>
      <c r="M82" s="54">
        <v>29</v>
      </c>
    </row>
    <row r="83" spans="1:13" ht="19.5" customHeight="1">
      <c r="A83" s="34" t="s">
        <v>86</v>
      </c>
      <c r="B83" s="17">
        <v>-35</v>
      </c>
      <c r="C83" s="18">
        <v>-17</v>
      </c>
      <c r="D83" s="18">
        <v>-18</v>
      </c>
      <c r="E83" s="17">
        <v>33</v>
      </c>
      <c r="F83" s="18">
        <v>23</v>
      </c>
      <c r="G83" s="19">
        <v>10</v>
      </c>
      <c r="H83" s="18">
        <v>271</v>
      </c>
      <c r="I83" s="18">
        <v>165</v>
      </c>
      <c r="J83" s="18">
        <v>106</v>
      </c>
      <c r="K83" s="17">
        <v>273</v>
      </c>
      <c r="L83" s="51">
        <v>159</v>
      </c>
      <c r="M83" s="52">
        <v>114</v>
      </c>
    </row>
    <row r="84" spans="1:13">
      <c r="A84" s="40" t="s">
        <v>87</v>
      </c>
      <c r="B84" s="21">
        <v>-13</v>
      </c>
      <c r="C84" s="22">
        <v>-18</v>
      </c>
      <c r="D84" s="22">
        <v>5</v>
      </c>
      <c r="E84" s="21">
        <v>7</v>
      </c>
      <c r="F84" s="22">
        <v>5</v>
      </c>
      <c r="G84" s="23">
        <v>2</v>
      </c>
      <c r="H84" s="22">
        <v>50</v>
      </c>
      <c r="I84" s="22">
        <v>26</v>
      </c>
      <c r="J84" s="22">
        <v>24</v>
      </c>
      <c r="K84" s="21">
        <v>56</v>
      </c>
      <c r="L84" s="53">
        <v>39</v>
      </c>
      <c r="M84" s="54">
        <v>17</v>
      </c>
    </row>
    <row r="85" spans="1:13">
      <c r="A85" s="40" t="s">
        <v>88</v>
      </c>
      <c r="B85" s="21">
        <v>-28</v>
      </c>
      <c r="C85" s="22">
        <v>-13</v>
      </c>
      <c r="D85" s="22">
        <v>-15</v>
      </c>
      <c r="E85" s="21">
        <v>7</v>
      </c>
      <c r="F85" s="22">
        <v>5</v>
      </c>
      <c r="G85" s="23">
        <v>2</v>
      </c>
      <c r="H85" s="22">
        <v>53</v>
      </c>
      <c r="I85" s="22">
        <v>29</v>
      </c>
      <c r="J85" s="22">
        <v>24</v>
      </c>
      <c r="K85" s="21">
        <v>74</v>
      </c>
      <c r="L85" s="53">
        <v>37</v>
      </c>
      <c r="M85" s="54">
        <v>37</v>
      </c>
    </row>
    <row r="86" spans="1:13">
      <c r="A86" s="40" t="s">
        <v>89</v>
      </c>
      <c r="B86" s="21">
        <v>8</v>
      </c>
      <c r="C86" s="22">
        <v>18</v>
      </c>
      <c r="D86" s="22">
        <v>-10</v>
      </c>
      <c r="E86" s="21">
        <v>6</v>
      </c>
      <c r="F86" s="22">
        <v>3</v>
      </c>
      <c r="G86" s="23">
        <v>3</v>
      </c>
      <c r="H86" s="22">
        <v>66</v>
      </c>
      <c r="I86" s="22">
        <v>47</v>
      </c>
      <c r="J86" s="22">
        <v>19</v>
      </c>
      <c r="K86" s="21">
        <v>52</v>
      </c>
      <c r="L86" s="53">
        <v>26</v>
      </c>
      <c r="M86" s="54">
        <v>26</v>
      </c>
    </row>
    <row r="87" spans="1:13">
      <c r="A87" s="40" t="s">
        <v>90</v>
      </c>
      <c r="B87" s="21">
        <v>-7</v>
      </c>
      <c r="C87" s="22">
        <v>-9</v>
      </c>
      <c r="D87" s="22">
        <v>2</v>
      </c>
      <c r="E87" s="21">
        <v>6</v>
      </c>
      <c r="F87" s="22">
        <v>5</v>
      </c>
      <c r="G87" s="23">
        <v>1</v>
      </c>
      <c r="H87" s="22">
        <v>54</v>
      </c>
      <c r="I87" s="22">
        <v>30</v>
      </c>
      <c r="J87" s="22">
        <v>24</v>
      </c>
      <c r="K87" s="21">
        <v>55</v>
      </c>
      <c r="L87" s="53">
        <v>34</v>
      </c>
      <c r="M87" s="54">
        <v>21</v>
      </c>
    </row>
    <row r="88" spans="1:13">
      <c r="A88" s="40" t="s">
        <v>91</v>
      </c>
      <c r="B88" s="21">
        <v>5</v>
      </c>
      <c r="C88" s="22">
        <v>5</v>
      </c>
      <c r="D88" s="22">
        <v>0</v>
      </c>
      <c r="E88" s="21">
        <v>7</v>
      </c>
      <c r="F88" s="22">
        <v>5</v>
      </c>
      <c r="G88" s="23">
        <v>2</v>
      </c>
      <c r="H88" s="22">
        <v>48</v>
      </c>
      <c r="I88" s="22">
        <v>33</v>
      </c>
      <c r="J88" s="22">
        <v>15</v>
      </c>
      <c r="K88" s="21">
        <v>36</v>
      </c>
      <c r="L88" s="53">
        <v>23</v>
      </c>
      <c r="M88" s="54">
        <v>13</v>
      </c>
    </row>
    <row r="89" spans="1:13" ht="19.5" customHeight="1">
      <c r="A89" s="34" t="s">
        <v>92</v>
      </c>
      <c r="B89" s="17">
        <v>-62</v>
      </c>
      <c r="C89" s="18">
        <v>-39</v>
      </c>
      <c r="D89" s="18">
        <v>-23</v>
      </c>
      <c r="E89" s="17">
        <v>43</v>
      </c>
      <c r="F89" s="18">
        <v>33</v>
      </c>
      <c r="G89" s="19">
        <v>10</v>
      </c>
      <c r="H89" s="18">
        <v>198</v>
      </c>
      <c r="I89" s="18">
        <v>108</v>
      </c>
      <c r="J89" s="18">
        <v>90</v>
      </c>
      <c r="K89" s="17">
        <v>217</v>
      </c>
      <c r="L89" s="51">
        <v>114</v>
      </c>
      <c r="M89" s="52">
        <v>103</v>
      </c>
    </row>
    <row r="90" spans="1:13">
      <c r="A90" s="40" t="s">
        <v>93</v>
      </c>
      <c r="B90" s="21">
        <v>-14</v>
      </c>
      <c r="C90" s="22">
        <v>-12</v>
      </c>
      <c r="D90" s="22">
        <v>-2</v>
      </c>
      <c r="E90" s="21">
        <v>7</v>
      </c>
      <c r="F90" s="22">
        <v>6</v>
      </c>
      <c r="G90" s="23">
        <v>1</v>
      </c>
      <c r="H90" s="22">
        <v>52</v>
      </c>
      <c r="I90" s="22">
        <v>25</v>
      </c>
      <c r="J90" s="22">
        <v>27</v>
      </c>
      <c r="K90" s="21">
        <v>59</v>
      </c>
      <c r="L90" s="53">
        <v>31</v>
      </c>
      <c r="M90" s="54">
        <v>28</v>
      </c>
    </row>
    <row r="91" spans="1:13">
      <c r="A91" s="40" t="s">
        <v>94</v>
      </c>
      <c r="B91" s="21">
        <v>-6</v>
      </c>
      <c r="C91" s="22">
        <v>-5</v>
      </c>
      <c r="D91" s="22">
        <v>-1</v>
      </c>
      <c r="E91" s="21">
        <v>9</v>
      </c>
      <c r="F91" s="22">
        <v>9</v>
      </c>
      <c r="G91" s="23">
        <v>0</v>
      </c>
      <c r="H91" s="22">
        <v>49</v>
      </c>
      <c r="I91" s="22">
        <v>34</v>
      </c>
      <c r="J91" s="22">
        <v>15</v>
      </c>
      <c r="K91" s="21">
        <v>46</v>
      </c>
      <c r="L91" s="53">
        <v>30</v>
      </c>
      <c r="M91" s="54">
        <v>16</v>
      </c>
    </row>
    <row r="92" spans="1:13">
      <c r="A92" s="40" t="s">
        <v>95</v>
      </c>
      <c r="B92" s="21">
        <v>-2</v>
      </c>
      <c r="C92" s="22">
        <v>-4</v>
      </c>
      <c r="D92" s="22">
        <v>2</v>
      </c>
      <c r="E92" s="21">
        <v>6</v>
      </c>
      <c r="F92" s="22">
        <v>3</v>
      </c>
      <c r="G92" s="23">
        <v>3</v>
      </c>
      <c r="H92" s="22">
        <v>45</v>
      </c>
      <c r="I92" s="22">
        <v>23</v>
      </c>
      <c r="J92" s="22">
        <v>22</v>
      </c>
      <c r="K92" s="21">
        <v>41</v>
      </c>
      <c r="L92" s="53">
        <v>24</v>
      </c>
      <c r="M92" s="54">
        <v>17</v>
      </c>
    </row>
    <row r="93" spans="1:13">
      <c r="A93" s="40" t="s">
        <v>96</v>
      </c>
      <c r="B93" s="21">
        <v>-13</v>
      </c>
      <c r="C93" s="22">
        <v>-11</v>
      </c>
      <c r="D93" s="22">
        <v>-2</v>
      </c>
      <c r="E93" s="21">
        <v>8</v>
      </c>
      <c r="F93" s="22">
        <v>8</v>
      </c>
      <c r="G93" s="23">
        <v>0</v>
      </c>
      <c r="H93" s="22">
        <v>27</v>
      </c>
      <c r="I93" s="22">
        <v>11</v>
      </c>
      <c r="J93" s="22">
        <v>16</v>
      </c>
      <c r="K93" s="21">
        <v>32</v>
      </c>
      <c r="L93" s="53">
        <v>14</v>
      </c>
      <c r="M93" s="54">
        <v>18</v>
      </c>
    </row>
    <row r="94" spans="1:13">
      <c r="A94" s="40" t="s">
        <v>97</v>
      </c>
      <c r="B94" s="21">
        <v>-27</v>
      </c>
      <c r="C94" s="22">
        <v>-7</v>
      </c>
      <c r="D94" s="22">
        <v>-20</v>
      </c>
      <c r="E94" s="21">
        <v>13</v>
      </c>
      <c r="F94" s="22">
        <v>7</v>
      </c>
      <c r="G94" s="23">
        <v>6</v>
      </c>
      <c r="H94" s="22">
        <v>25</v>
      </c>
      <c r="I94" s="22">
        <v>15</v>
      </c>
      <c r="J94" s="22">
        <v>10</v>
      </c>
      <c r="K94" s="21">
        <v>39</v>
      </c>
      <c r="L94" s="53">
        <v>15</v>
      </c>
      <c r="M94" s="54">
        <v>24</v>
      </c>
    </row>
    <row r="95" spans="1:13" ht="19.5" customHeight="1">
      <c r="A95" s="34" t="s">
        <v>98</v>
      </c>
      <c r="B95" s="17">
        <v>-106</v>
      </c>
      <c r="C95" s="18">
        <v>-74</v>
      </c>
      <c r="D95" s="18">
        <v>-32</v>
      </c>
      <c r="E95" s="17">
        <v>82</v>
      </c>
      <c r="F95" s="18">
        <v>51</v>
      </c>
      <c r="G95" s="19">
        <v>31</v>
      </c>
      <c r="H95" s="18">
        <v>169</v>
      </c>
      <c r="I95" s="18">
        <v>88</v>
      </c>
      <c r="J95" s="18">
        <v>81</v>
      </c>
      <c r="K95" s="17">
        <v>193</v>
      </c>
      <c r="L95" s="51">
        <v>111</v>
      </c>
      <c r="M95" s="52">
        <v>82</v>
      </c>
    </row>
    <row r="96" spans="1:13">
      <c r="A96" s="40" t="s">
        <v>99</v>
      </c>
      <c r="B96" s="21">
        <v>-12</v>
      </c>
      <c r="C96" s="22">
        <v>-11</v>
      </c>
      <c r="D96" s="22">
        <v>-1</v>
      </c>
      <c r="E96" s="21">
        <v>12</v>
      </c>
      <c r="F96" s="22">
        <v>6</v>
      </c>
      <c r="G96" s="23">
        <v>6</v>
      </c>
      <c r="H96" s="22">
        <v>43</v>
      </c>
      <c r="I96" s="22">
        <v>19</v>
      </c>
      <c r="J96" s="22">
        <v>24</v>
      </c>
      <c r="K96" s="21">
        <v>43</v>
      </c>
      <c r="L96" s="53">
        <v>24</v>
      </c>
      <c r="M96" s="54">
        <v>19</v>
      </c>
    </row>
    <row r="97" spans="1:13">
      <c r="A97" s="40" t="s">
        <v>100</v>
      </c>
      <c r="B97" s="21">
        <v>-33</v>
      </c>
      <c r="C97" s="22">
        <v>-21</v>
      </c>
      <c r="D97" s="22">
        <v>-12</v>
      </c>
      <c r="E97" s="21">
        <v>19</v>
      </c>
      <c r="F97" s="22">
        <v>12</v>
      </c>
      <c r="G97" s="23">
        <v>7</v>
      </c>
      <c r="H97" s="22">
        <v>26</v>
      </c>
      <c r="I97" s="22">
        <v>15</v>
      </c>
      <c r="J97" s="22">
        <v>11</v>
      </c>
      <c r="K97" s="21">
        <v>40</v>
      </c>
      <c r="L97" s="53">
        <v>24</v>
      </c>
      <c r="M97" s="54">
        <v>16</v>
      </c>
    </row>
    <row r="98" spans="1:13">
      <c r="A98" s="40" t="s">
        <v>101</v>
      </c>
      <c r="B98" s="21">
        <v>-13</v>
      </c>
      <c r="C98" s="22">
        <v>-5</v>
      </c>
      <c r="D98" s="22">
        <v>-8</v>
      </c>
      <c r="E98" s="21">
        <v>14</v>
      </c>
      <c r="F98" s="22">
        <v>7</v>
      </c>
      <c r="G98" s="23">
        <v>7</v>
      </c>
      <c r="H98" s="22">
        <v>29</v>
      </c>
      <c r="I98" s="22">
        <v>17</v>
      </c>
      <c r="J98" s="22">
        <v>12</v>
      </c>
      <c r="K98" s="21">
        <v>28</v>
      </c>
      <c r="L98" s="53">
        <v>15</v>
      </c>
      <c r="M98" s="54">
        <v>13</v>
      </c>
    </row>
    <row r="99" spans="1:13">
      <c r="A99" s="40" t="s">
        <v>102</v>
      </c>
      <c r="B99" s="21">
        <v>-27</v>
      </c>
      <c r="C99" s="22">
        <v>-22</v>
      </c>
      <c r="D99" s="22">
        <v>-5</v>
      </c>
      <c r="E99" s="21">
        <v>21</v>
      </c>
      <c r="F99" s="22">
        <v>14</v>
      </c>
      <c r="G99" s="23">
        <v>7</v>
      </c>
      <c r="H99" s="22">
        <v>36</v>
      </c>
      <c r="I99" s="22">
        <v>17</v>
      </c>
      <c r="J99" s="22">
        <v>19</v>
      </c>
      <c r="K99" s="21">
        <v>42</v>
      </c>
      <c r="L99" s="53">
        <v>25</v>
      </c>
      <c r="M99" s="54">
        <v>17</v>
      </c>
    </row>
    <row r="100" spans="1:13">
      <c r="A100" s="40" t="s">
        <v>103</v>
      </c>
      <c r="B100" s="21">
        <v>-21</v>
      </c>
      <c r="C100" s="22">
        <v>-15</v>
      </c>
      <c r="D100" s="22">
        <v>-6</v>
      </c>
      <c r="E100" s="21">
        <v>16</v>
      </c>
      <c r="F100" s="22">
        <v>12</v>
      </c>
      <c r="G100" s="23">
        <v>4</v>
      </c>
      <c r="H100" s="22">
        <v>35</v>
      </c>
      <c r="I100" s="22">
        <v>20</v>
      </c>
      <c r="J100" s="22">
        <v>15</v>
      </c>
      <c r="K100" s="21">
        <v>40</v>
      </c>
      <c r="L100" s="53">
        <v>23</v>
      </c>
      <c r="M100" s="54">
        <v>17</v>
      </c>
    </row>
    <row r="101" spans="1:13" ht="19.5" customHeight="1">
      <c r="A101" s="34" t="s">
        <v>104</v>
      </c>
      <c r="B101" s="17">
        <v>-194</v>
      </c>
      <c r="C101" s="18">
        <v>-124</v>
      </c>
      <c r="D101" s="18">
        <v>-70</v>
      </c>
      <c r="E101" s="17">
        <v>166</v>
      </c>
      <c r="F101" s="18">
        <v>107</v>
      </c>
      <c r="G101" s="19">
        <v>59</v>
      </c>
      <c r="H101" s="18">
        <v>130</v>
      </c>
      <c r="I101" s="18">
        <v>69</v>
      </c>
      <c r="J101" s="18">
        <v>61</v>
      </c>
      <c r="K101" s="17">
        <v>158</v>
      </c>
      <c r="L101" s="51">
        <v>86</v>
      </c>
      <c r="M101" s="52">
        <v>72</v>
      </c>
    </row>
    <row r="102" spans="1:13">
      <c r="A102" s="40" t="s">
        <v>105</v>
      </c>
      <c r="B102" s="21">
        <v>-32</v>
      </c>
      <c r="C102" s="22">
        <v>-29</v>
      </c>
      <c r="D102" s="22">
        <v>-3</v>
      </c>
      <c r="E102" s="21">
        <v>29</v>
      </c>
      <c r="F102" s="22">
        <v>23</v>
      </c>
      <c r="G102" s="23">
        <v>6</v>
      </c>
      <c r="H102" s="22">
        <v>33</v>
      </c>
      <c r="I102" s="22">
        <v>17</v>
      </c>
      <c r="J102" s="22">
        <v>16</v>
      </c>
      <c r="K102" s="21">
        <v>36</v>
      </c>
      <c r="L102" s="53">
        <v>23</v>
      </c>
      <c r="M102" s="54">
        <v>13</v>
      </c>
    </row>
    <row r="103" spans="1:13">
      <c r="A103" s="40" t="s">
        <v>106</v>
      </c>
      <c r="B103" s="21">
        <v>-44</v>
      </c>
      <c r="C103" s="22">
        <v>-18</v>
      </c>
      <c r="D103" s="22">
        <v>-26</v>
      </c>
      <c r="E103" s="21">
        <v>40</v>
      </c>
      <c r="F103" s="22">
        <v>23</v>
      </c>
      <c r="G103" s="23">
        <v>17</v>
      </c>
      <c r="H103" s="22">
        <v>30</v>
      </c>
      <c r="I103" s="22">
        <v>16</v>
      </c>
      <c r="J103" s="22">
        <v>14</v>
      </c>
      <c r="K103" s="21">
        <v>34</v>
      </c>
      <c r="L103" s="53">
        <v>11</v>
      </c>
      <c r="M103" s="54">
        <v>23</v>
      </c>
    </row>
    <row r="104" spans="1:13">
      <c r="A104" s="40" t="s">
        <v>107</v>
      </c>
      <c r="B104" s="21">
        <v>-51</v>
      </c>
      <c r="C104" s="22">
        <v>-29</v>
      </c>
      <c r="D104" s="22">
        <v>-22</v>
      </c>
      <c r="E104" s="21">
        <v>39</v>
      </c>
      <c r="F104" s="22">
        <v>23</v>
      </c>
      <c r="G104" s="23">
        <v>16</v>
      </c>
      <c r="H104" s="22">
        <v>28</v>
      </c>
      <c r="I104" s="22">
        <v>16</v>
      </c>
      <c r="J104" s="22">
        <v>12</v>
      </c>
      <c r="K104" s="21">
        <v>40</v>
      </c>
      <c r="L104" s="53">
        <v>22</v>
      </c>
      <c r="M104" s="54">
        <v>18</v>
      </c>
    </row>
    <row r="105" spans="1:13">
      <c r="A105" s="40" t="s">
        <v>108</v>
      </c>
      <c r="B105" s="21">
        <v>-35</v>
      </c>
      <c r="C105" s="22">
        <v>-24</v>
      </c>
      <c r="D105" s="22">
        <v>-11</v>
      </c>
      <c r="E105" s="21">
        <v>26</v>
      </c>
      <c r="F105" s="22">
        <v>18</v>
      </c>
      <c r="G105" s="23">
        <v>8</v>
      </c>
      <c r="H105" s="22">
        <v>16</v>
      </c>
      <c r="I105" s="22">
        <v>10</v>
      </c>
      <c r="J105" s="22">
        <v>6</v>
      </c>
      <c r="K105" s="21">
        <v>25</v>
      </c>
      <c r="L105" s="53">
        <v>16</v>
      </c>
      <c r="M105" s="54">
        <v>9</v>
      </c>
    </row>
    <row r="106" spans="1:13">
      <c r="A106" s="40" t="s">
        <v>109</v>
      </c>
      <c r="B106" s="21">
        <v>-32</v>
      </c>
      <c r="C106" s="22">
        <v>-24</v>
      </c>
      <c r="D106" s="22">
        <v>-8</v>
      </c>
      <c r="E106" s="21">
        <v>32</v>
      </c>
      <c r="F106" s="22">
        <v>20</v>
      </c>
      <c r="G106" s="23">
        <v>12</v>
      </c>
      <c r="H106" s="22">
        <v>23</v>
      </c>
      <c r="I106" s="22">
        <v>10</v>
      </c>
      <c r="J106" s="22">
        <v>13</v>
      </c>
      <c r="K106" s="21">
        <v>23</v>
      </c>
      <c r="L106" s="53">
        <v>14</v>
      </c>
      <c r="M106" s="54">
        <v>9</v>
      </c>
    </row>
    <row r="107" spans="1:13" ht="19.5" customHeight="1">
      <c r="A107" s="34" t="s">
        <v>110</v>
      </c>
      <c r="B107" s="17">
        <v>-201</v>
      </c>
      <c r="C107" s="18">
        <v>-132</v>
      </c>
      <c r="D107" s="18">
        <v>-69</v>
      </c>
      <c r="E107" s="17">
        <v>191</v>
      </c>
      <c r="F107" s="18">
        <v>128</v>
      </c>
      <c r="G107" s="19">
        <v>63</v>
      </c>
      <c r="H107" s="18">
        <v>106</v>
      </c>
      <c r="I107" s="18">
        <v>42</v>
      </c>
      <c r="J107" s="18">
        <v>64</v>
      </c>
      <c r="K107" s="17">
        <v>116</v>
      </c>
      <c r="L107" s="51">
        <v>46</v>
      </c>
      <c r="M107" s="52">
        <v>70</v>
      </c>
    </row>
    <row r="108" spans="1:13">
      <c r="A108" s="40" t="s">
        <v>111</v>
      </c>
      <c r="B108" s="21">
        <v>-25</v>
      </c>
      <c r="C108" s="22">
        <v>-18</v>
      </c>
      <c r="D108" s="22">
        <v>-7</v>
      </c>
      <c r="E108" s="21">
        <v>37</v>
      </c>
      <c r="F108" s="22">
        <v>27</v>
      </c>
      <c r="G108" s="23">
        <v>10</v>
      </c>
      <c r="H108" s="22">
        <v>29</v>
      </c>
      <c r="I108" s="22">
        <v>15</v>
      </c>
      <c r="J108" s="22">
        <v>14</v>
      </c>
      <c r="K108" s="21">
        <v>17</v>
      </c>
      <c r="L108" s="53">
        <v>6</v>
      </c>
      <c r="M108" s="54">
        <v>11</v>
      </c>
    </row>
    <row r="109" spans="1:13">
      <c r="A109" s="40" t="s">
        <v>112</v>
      </c>
      <c r="B109" s="21">
        <v>-44</v>
      </c>
      <c r="C109" s="22">
        <v>-32</v>
      </c>
      <c r="D109" s="22">
        <v>-12</v>
      </c>
      <c r="E109" s="21">
        <v>40</v>
      </c>
      <c r="F109" s="22">
        <v>32</v>
      </c>
      <c r="G109" s="23">
        <v>8</v>
      </c>
      <c r="H109" s="22">
        <v>20</v>
      </c>
      <c r="I109" s="22">
        <v>9</v>
      </c>
      <c r="J109" s="22">
        <v>11</v>
      </c>
      <c r="K109" s="21">
        <v>24</v>
      </c>
      <c r="L109" s="53">
        <v>9</v>
      </c>
      <c r="M109" s="54">
        <v>15</v>
      </c>
    </row>
    <row r="110" spans="1:13">
      <c r="A110" s="40" t="s">
        <v>113</v>
      </c>
      <c r="B110" s="21">
        <v>-44</v>
      </c>
      <c r="C110" s="22">
        <v>-27</v>
      </c>
      <c r="D110" s="22">
        <v>-17</v>
      </c>
      <c r="E110" s="21">
        <v>37</v>
      </c>
      <c r="F110" s="22">
        <v>23</v>
      </c>
      <c r="G110" s="23">
        <v>14</v>
      </c>
      <c r="H110" s="22">
        <v>24</v>
      </c>
      <c r="I110" s="22">
        <v>8</v>
      </c>
      <c r="J110" s="22">
        <v>16</v>
      </c>
      <c r="K110" s="21">
        <v>31</v>
      </c>
      <c r="L110" s="53">
        <v>12</v>
      </c>
      <c r="M110" s="54">
        <v>19</v>
      </c>
    </row>
    <row r="111" spans="1:13">
      <c r="A111" s="40" t="s">
        <v>114</v>
      </c>
      <c r="B111" s="21">
        <v>-42</v>
      </c>
      <c r="C111" s="22">
        <v>-23</v>
      </c>
      <c r="D111" s="22">
        <v>-19</v>
      </c>
      <c r="E111" s="21">
        <v>35</v>
      </c>
      <c r="F111" s="22">
        <v>20</v>
      </c>
      <c r="G111" s="23">
        <v>15</v>
      </c>
      <c r="H111" s="22">
        <v>17</v>
      </c>
      <c r="I111" s="22">
        <v>4</v>
      </c>
      <c r="J111" s="22">
        <v>13</v>
      </c>
      <c r="K111" s="21">
        <v>24</v>
      </c>
      <c r="L111" s="53">
        <v>7</v>
      </c>
      <c r="M111" s="54">
        <v>17</v>
      </c>
    </row>
    <row r="112" spans="1:13">
      <c r="A112" s="40" t="s">
        <v>115</v>
      </c>
      <c r="B112" s="21">
        <v>-46</v>
      </c>
      <c r="C112" s="22">
        <v>-32</v>
      </c>
      <c r="D112" s="22">
        <v>-14</v>
      </c>
      <c r="E112" s="21">
        <v>42</v>
      </c>
      <c r="F112" s="22">
        <v>26</v>
      </c>
      <c r="G112" s="23">
        <v>16</v>
      </c>
      <c r="H112" s="22">
        <v>16</v>
      </c>
      <c r="I112" s="22">
        <v>6</v>
      </c>
      <c r="J112" s="22">
        <v>10</v>
      </c>
      <c r="K112" s="21">
        <v>20</v>
      </c>
      <c r="L112" s="53">
        <v>12</v>
      </c>
      <c r="M112" s="54">
        <v>8</v>
      </c>
    </row>
    <row r="113" spans="1:13" ht="19.5" customHeight="1">
      <c r="A113" s="34" t="s">
        <v>116</v>
      </c>
      <c r="B113" s="17">
        <v>-251</v>
      </c>
      <c r="C113" s="18">
        <v>-143</v>
      </c>
      <c r="D113" s="18">
        <v>-108</v>
      </c>
      <c r="E113" s="17">
        <v>255</v>
      </c>
      <c r="F113" s="18">
        <v>155</v>
      </c>
      <c r="G113" s="19">
        <v>100</v>
      </c>
      <c r="H113" s="18">
        <v>108</v>
      </c>
      <c r="I113" s="18">
        <v>38</v>
      </c>
      <c r="J113" s="18">
        <v>70</v>
      </c>
      <c r="K113" s="17">
        <v>104</v>
      </c>
      <c r="L113" s="51">
        <v>26</v>
      </c>
      <c r="M113" s="52">
        <v>78</v>
      </c>
    </row>
    <row r="114" spans="1:13">
      <c r="A114" s="40" t="s">
        <v>117</v>
      </c>
      <c r="B114" s="21">
        <v>-43</v>
      </c>
      <c r="C114" s="22">
        <v>-25</v>
      </c>
      <c r="D114" s="22">
        <v>-18</v>
      </c>
      <c r="E114" s="21">
        <v>39</v>
      </c>
      <c r="F114" s="22">
        <v>26</v>
      </c>
      <c r="G114" s="23">
        <v>13</v>
      </c>
      <c r="H114" s="22">
        <v>18</v>
      </c>
      <c r="I114" s="22">
        <v>7</v>
      </c>
      <c r="J114" s="22">
        <v>11</v>
      </c>
      <c r="K114" s="21">
        <v>22</v>
      </c>
      <c r="L114" s="53">
        <v>6</v>
      </c>
      <c r="M114" s="54">
        <v>16</v>
      </c>
    </row>
    <row r="115" spans="1:13">
      <c r="A115" s="40" t="s">
        <v>118</v>
      </c>
      <c r="B115" s="21">
        <v>-39</v>
      </c>
      <c r="C115" s="22">
        <v>-27</v>
      </c>
      <c r="D115" s="22">
        <v>-12</v>
      </c>
      <c r="E115" s="21">
        <v>47</v>
      </c>
      <c r="F115" s="22">
        <v>31</v>
      </c>
      <c r="G115" s="23">
        <v>16</v>
      </c>
      <c r="H115" s="22">
        <v>22</v>
      </c>
      <c r="I115" s="22">
        <v>6</v>
      </c>
      <c r="J115" s="22">
        <v>16</v>
      </c>
      <c r="K115" s="21">
        <v>14</v>
      </c>
      <c r="L115" s="53">
        <v>2</v>
      </c>
      <c r="M115" s="54">
        <v>12</v>
      </c>
    </row>
    <row r="116" spans="1:13">
      <c r="A116" s="40" t="s">
        <v>119</v>
      </c>
      <c r="B116" s="21">
        <v>-39</v>
      </c>
      <c r="C116" s="22">
        <v>-21</v>
      </c>
      <c r="D116" s="22">
        <v>-18</v>
      </c>
      <c r="E116" s="21">
        <v>56</v>
      </c>
      <c r="F116" s="22">
        <v>33</v>
      </c>
      <c r="G116" s="23">
        <v>23</v>
      </c>
      <c r="H116" s="22">
        <v>31</v>
      </c>
      <c r="I116" s="22">
        <v>14</v>
      </c>
      <c r="J116" s="22">
        <v>17</v>
      </c>
      <c r="K116" s="21">
        <v>14</v>
      </c>
      <c r="L116" s="53">
        <v>2</v>
      </c>
      <c r="M116" s="54">
        <v>12</v>
      </c>
    </row>
    <row r="117" spans="1:13">
      <c r="A117" s="40" t="s">
        <v>120</v>
      </c>
      <c r="B117" s="21">
        <v>-62</v>
      </c>
      <c r="C117" s="22">
        <v>-29</v>
      </c>
      <c r="D117" s="22">
        <v>-33</v>
      </c>
      <c r="E117" s="21">
        <v>52</v>
      </c>
      <c r="F117" s="22">
        <v>28</v>
      </c>
      <c r="G117" s="23">
        <v>24</v>
      </c>
      <c r="H117" s="22">
        <v>14</v>
      </c>
      <c r="I117" s="22">
        <v>6</v>
      </c>
      <c r="J117" s="22">
        <v>8</v>
      </c>
      <c r="K117" s="21">
        <v>24</v>
      </c>
      <c r="L117" s="53">
        <v>7</v>
      </c>
      <c r="M117" s="54">
        <v>17</v>
      </c>
    </row>
    <row r="118" spans="1:13">
      <c r="A118" s="40" t="s">
        <v>121</v>
      </c>
      <c r="B118" s="21">
        <v>-68</v>
      </c>
      <c r="C118" s="22">
        <v>-41</v>
      </c>
      <c r="D118" s="22">
        <v>-27</v>
      </c>
      <c r="E118" s="21">
        <v>61</v>
      </c>
      <c r="F118" s="22">
        <v>37</v>
      </c>
      <c r="G118" s="23">
        <v>24</v>
      </c>
      <c r="H118" s="22">
        <v>23</v>
      </c>
      <c r="I118" s="22">
        <v>5</v>
      </c>
      <c r="J118" s="22">
        <v>18</v>
      </c>
      <c r="K118" s="21">
        <v>30</v>
      </c>
      <c r="L118" s="53">
        <v>9</v>
      </c>
      <c r="M118" s="54">
        <v>21</v>
      </c>
    </row>
    <row r="119" spans="1:13" ht="19.5" customHeight="1">
      <c r="A119" s="34" t="s">
        <v>122</v>
      </c>
      <c r="B119" s="17">
        <v>-368</v>
      </c>
      <c r="C119" s="18">
        <v>-169</v>
      </c>
      <c r="D119" s="18">
        <v>-199</v>
      </c>
      <c r="E119" s="17">
        <v>331</v>
      </c>
      <c r="F119" s="18">
        <v>166</v>
      </c>
      <c r="G119" s="19">
        <v>165</v>
      </c>
      <c r="H119" s="18">
        <v>67</v>
      </c>
      <c r="I119" s="18">
        <v>22</v>
      </c>
      <c r="J119" s="18">
        <v>45</v>
      </c>
      <c r="K119" s="17">
        <v>104</v>
      </c>
      <c r="L119" s="51">
        <v>25</v>
      </c>
      <c r="M119" s="52">
        <v>79</v>
      </c>
    </row>
    <row r="120" spans="1:13">
      <c r="A120" s="40" t="s">
        <v>123</v>
      </c>
      <c r="B120" s="21">
        <v>-68</v>
      </c>
      <c r="C120" s="22">
        <v>-39</v>
      </c>
      <c r="D120" s="22">
        <v>-29</v>
      </c>
      <c r="E120" s="21">
        <v>62</v>
      </c>
      <c r="F120" s="22">
        <v>38</v>
      </c>
      <c r="G120" s="23">
        <v>24</v>
      </c>
      <c r="H120" s="22">
        <v>20</v>
      </c>
      <c r="I120" s="22">
        <v>6</v>
      </c>
      <c r="J120" s="22">
        <v>14</v>
      </c>
      <c r="K120" s="21">
        <v>26</v>
      </c>
      <c r="L120" s="53">
        <v>7</v>
      </c>
      <c r="M120" s="54">
        <v>19</v>
      </c>
    </row>
    <row r="121" spans="1:13">
      <c r="A121" s="40" t="s">
        <v>124</v>
      </c>
      <c r="B121" s="21">
        <v>-80</v>
      </c>
      <c r="C121" s="22">
        <v>-42</v>
      </c>
      <c r="D121" s="22">
        <v>-38</v>
      </c>
      <c r="E121" s="21">
        <v>76</v>
      </c>
      <c r="F121" s="22">
        <v>42</v>
      </c>
      <c r="G121" s="23">
        <v>34</v>
      </c>
      <c r="H121" s="22">
        <v>12</v>
      </c>
      <c r="I121" s="22">
        <v>6</v>
      </c>
      <c r="J121" s="22">
        <v>6</v>
      </c>
      <c r="K121" s="21">
        <v>16</v>
      </c>
      <c r="L121" s="53">
        <v>6</v>
      </c>
      <c r="M121" s="54">
        <v>10</v>
      </c>
    </row>
    <row r="122" spans="1:13">
      <c r="A122" s="40" t="s">
        <v>125</v>
      </c>
      <c r="B122" s="21">
        <v>-72</v>
      </c>
      <c r="C122" s="22">
        <v>-34</v>
      </c>
      <c r="D122" s="22">
        <v>-38</v>
      </c>
      <c r="E122" s="21">
        <v>64</v>
      </c>
      <c r="F122" s="22">
        <v>35</v>
      </c>
      <c r="G122" s="23">
        <v>29</v>
      </c>
      <c r="H122" s="22">
        <v>16</v>
      </c>
      <c r="I122" s="22">
        <v>5</v>
      </c>
      <c r="J122" s="22">
        <v>11</v>
      </c>
      <c r="K122" s="21">
        <v>24</v>
      </c>
      <c r="L122" s="53">
        <v>4</v>
      </c>
      <c r="M122" s="54">
        <v>20</v>
      </c>
    </row>
    <row r="123" spans="1:13">
      <c r="A123" s="40" t="s">
        <v>126</v>
      </c>
      <c r="B123" s="21">
        <v>-80</v>
      </c>
      <c r="C123" s="22">
        <v>-28</v>
      </c>
      <c r="D123" s="22">
        <v>-52</v>
      </c>
      <c r="E123" s="21">
        <v>62</v>
      </c>
      <c r="F123" s="22">
        <v>26</v>
      </c>
      <c r="G123" s="23">
        <v>36</v>
      </c>
      <c r="H123" s="22">
        <v>5</v>
      </c>
      <c r="I123" s="22">
        <v>1</v>
      </c>
      <c r="J123" s="22">
        <v>4</v>
      </c>
      <c r="K123" s="21">
        <v>23</v>
      </c>
      <c r="L123" s="53">
        <v>3</v>
      </c>
      <c r="M123" s="54">
        <v>20</v>
      </c>
    </row>
    <row r="124" spans="1:13">
      <c r="A124" s="40" t="s">
        <v>127</v>
      </c>
      <c r="B124" s="21">
        <v>-68</v>
      </c>
      <c r="C124" s="22">
        <v>-26</v>
      </c>
      <c r="D124" s="22">
        <v>-42</v>
      </c>
      <c r="E124" s="21">
        <v>67</v>
      </c>
      <c r="F124" s="22">
        <v>25</v>
      </c>
      <c r="G124" s="23">
        <v>42</v>
      </c>
      <c r="H124" s="22">
        <v>14</v>
      </c>
      <c r="I124" s="22">
        <v>4</v>
      </c>
      <c r="J124" s="22">
        <v>10</v>
      </c>
      <c r="K124" s="21">
        <v>15</v>
      </c>
      <c r="L124" s="53">
        <v>5</v>
      </c>
      <c r="M124" s="54">
        <v>10</v>
      </c>
    </row>
    <row r="125" spans="1:13" ht="19.5" customHeight="1">
      <c r="A125" s="34" t="s">
        <v>128</v>
      </c>
      <c r="B125" s="17">
        <v>-317</v>
      </c>
      <c r="C125" s="18">
        <v>-122</v>
      </c>
      <c r="D125" s="18">
        <v>-195</v>
      </c>
      <c r="E125" s="17">
        <v>301</v>
      </c>
      <c r="F125" s="18">
        <v>119</v>
      </c>
      <c r="G125" s="19">
        <v>182</v>
      </c>
      <c r="H125" s="18">
        <v>37</v>
      </c>
      <c r="I125" s="18">
        <v>10</v>
      </c>
      <c r="J125" s="18">
        <v>27</v>
      </c>
      <c r="K125" s="17">
        <v>53</v>
      </c>
      <c r="L125" s="51">
        <v>13</v>
      </c>
      <c r="M125" s="52">
        <v>40</v>
      </c>
    </row>
    <row r="126" spans="1:13">
      <c r="A126" s="40" t="s">
        <v>129</v>
      </c>
      <c r="B126" s="21">
        <v>-75</v>
      </c>
      <c r="C126" s="22">
        <v>-39</v>
      </c>
      <c r="D126" s="22">
        <v>-36</v>
      </c>
      <c r="E126" s="21">
        <v>77</v>
      </c>
      <c r="F126" s="22">
        <v>38</v>
      </c>
      <c r="G126" s="23">
        <v>39</v>
      </c>
      <c r="H126" s="22">
        <v>12</v>
      </c>
      <c r="I126" s="22">
        <v>2</v>
      </c>
      <c r="J126" s="22">
        <v>10</v>
      </c>
      <c r="K126" s="21">
        <v>10</v>
      </c>
      <c r="L126" s="53">
        <v>3</v>
      </c>
      <c r="M126" s="54">
        <v>7</v>
      </c>
    </row>
    <row r="127" spans="1:13">
      <c r="A127" s="40" t="s">
        <v>130</v>
      </c>
      <c r="B127" s="21">
        <v>-66</v>
      </c>
      <c r="C127" s="22">
        <v>-25</v>
      </c>
      <c r="D127" s="22">
        <v>-41</v>
      </c>
      <c r="E127" s="21">
        <v>57</v>
      </c>
      <c r="F127" s="22">
        <v>24</v>
      </c>
      <c r="G127" s="23">
        <v>33</v>
      </c>
      <c r="H127" s="22">
        <v>6</v>
      </c>
      <c r="I127" s="22">
        <v>1</v>
      </c>
      <c r="J127" s="22">
        <v>5</v>
      </c>
      <c r="K127" s="21">
        <v>15</v>
      </c>
      <c r="L127" s="53">
        <v>2</v>
      </c>
      <c r="M127" s="54">
        <v>13</v>
      </c>
    </row>
    <row r="128" spans="1:13">
      <c r="A128" s="40" t="s">
        <v>131</v>
      </c>
      <c r="B128" s="21">
        <v>-62</v>
      </c>
      <c r="C128" s="22">
        <v>-24</v>
      </c>
      <c r="D128" s="22">
        <v>-38</v>
      </c>
      <c r="E128" s="21">
        <v>60</v>
      </c>
      <c r="F128" s="22">
        <v>22</v>
      </c>
      <c r="G128" s="23">
        <v>38</v>
      </c>
      <c r="H128" s="22">
        <v>10</v>
      </c>
      <c r="I128" s="22">
        <v>3</v>
      </c>
      <c r="J128" s="22">
        <v>7</v>
      </c>
      <c r="K128" s="21">
        <v>12</v>
      </c>
      <c r="L128" s="53">
        <v>5</v>
      </c>
      <c r="M128" s="54">
        <v>7</v>
      </c>
    </row>
    <row r="129" spans="1:13">
      <c r="A129" s="40" t="s">
        <v>132</v>
      </c>
      <c r="B129" s="21">
        <v>-61</v>
      </c>
      <c r="C129" s="22">
        <v>-17</v>
      </c>
      <c r="D129" s="22">
        <v>-44</v>
      </c>
      <c r="E129" s="21">
        <v>59</v>
      </c>
      <c r="F129" s="22">
        <v>18</v>
      </c>
      <c r="G129" s="23">
        <v>41</v>
      </c>
      <c r="H129" s="22">
        <v>4</v>
      </c>
      <c r="I129" s="22">
        <v>2</v>
      </c>
      <c r="J129" s="22">
        <v>2</v>
      </c>
      <c r="K129" s="21">
        <v>6</v>
      </c>
      <c r="L129" s="53">
        <v>1</v>
      </c>
      <c r="M129" s="54">
        <v>5</v>
      </c>
    </row>
    <row r="130" spans="1:13">
      <c r="A130" s="40" t="s">
        <v>133</v>
      </c>
      <c r="B130" s="21">
        <v>-53</v>
      </c>
      <c r="C130" s="22">
        <v>-17</v>
      </c>
      <c r="D130" s="22">
        <v>-36</v>
      </c>
      <c r="E130" s="21">
        <v>48</v>
      </c>
      <c r="F130" s="22">
        <v>17</v>
      </c>
      <c r="G130" s="23">
        <v>31</v>
      </c>
      <c r="H130" s="22">
        <v>5</v>
      </c>
      <c r="I130" s="22">
        <v>2</v>
      </c>
      <c r="J130" s="22">
        <v>3</v>
      </c>
      <c r="K130" s="21">
        <v>10</v>
      </c>
      <c r="L130" s="53">
        <v>2</v>
      </c>
      <c r="M130" s="54">
        <v>8</v>
      </c>
    </row>
    <row r="131" spans="1:13" ht="19.5" customHeight="1">
      <c r="A131" s="34" t="s">
        <v>134</v>
      </c>
      <c r="B131" s="17">
        <v>-128</v>
      </c>
      <c r="C131" s="18">
        <v>-32</v>
      </c>
      <c r="D131" s="18">
        <v>-96</v>
      </c>
      <c r="E131" s="17">
        <v>131</v>
      </c>
      <c r="F131" s="18">
        <v>32</v>
      </c>
      <c r="G131" s="19">
        <v>99</v>
      </c>
      <c r="H131" s="18">
        <v>13</v>
      </c>
      <c r="I131" s="18">
        <v>2</v>
      </c>
      <c r="J131" s="18">
        <v>11</v>
      </c>
      <c r="K131" s="17">
        <v>10</v>
      </c>
      <c r="L131" s="51">
        <v>2</v>
      </c>
      <c r="M131" s="52">
        <v>8</v>
      </c>
    </row>
    <row r="132" spans="1:13">
      <c r="A132" s="40" t="s">
        <v>135</v>
      </c>
      <c r="B132" s="21">
        <v>-34</v>
      </c>
      <c r="C132" s="22">
        <v>-11</v>
      </c>
      <c r="D132" s="22">
        <v>-23</v>
      </c>
      <c r="E132" s="21">
        <v>35</v>
      </c>
      <c r="F132" s="22">
        <v>11</v>
      </c>
      <c r="G132" s="23">
        <v>24</v>
      </c>
      <c r="H132" s="22">
        <v>4</v>
      </c>
      <c r="I132" s="22">
        <v>1</v>
      </c>
      <c r="J132" s="22">
        <v>3</v>
      </c>
      <c r="K132" s="21">
        <v>3</v>
      </c>
      <c r="L132" s="53">
        <v>1</v>
      </c>
      <c r="M132" s="54">
        <v>2</v>
      </c>
    </row>
    <row r="133" spans="1:13">
      <c r="A133" s="40" t="s">
        <v>136</v>
      </c>
      <c r="B133" s="21">
        <v>-37</v>
      </c>
      <c r="C133" s="22">
        <v>-10</v>
      </c>
      <c r="D133" s="22">
        <v>-27</v>
      </c>
      <c r="E133" s="21">
        <v>40</v>
      </c>
      <c r="F133" s="22">
        <v>10</v>
      </c>
      <c r="G133" s="23">
        <v>30</v>
      </c>
      <c r="H133" s="22">
        <v>4</v>
      </c>
      <c r="I133" s="22">
        <v>0</v>
      </c>
      <c r="J133" s="22">
        <v>4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27</v>
      </c>
      <c r="C134" s="22">
        <v>-6</v>
      </c>
      <c r="D134" s="22">
        <v>-21</v>
      </c>
      <c r="E134" s="21">
        <v>27</v>
      </c>
      <c r="F134" s="22">
        <v>6</v>
      </c>
      <c r="G134" s="23">
        <v>21</v>
      </c>
      <c r="H134" s="22">
        <v>2</v>
      </c>
      <c r="I134" s="22">
        <v>1</v>
      </c>
      <c r="J134" s="22">
        <v>1</v>
      </c>
      <c r="K134" s="21">
        <v>2</v>
      </c>
      <c r="L134" s="53">
        <v>1</v>
      </c>
      <c r="M134" s="54">
        <v>1</v>
      </c>
    </row>
    <row r="135" spans="1:13">
      <c r="A135" s="40" t="s">
        <v>138</v>
      </c>
      <c r="B135" s="21">
        <v>-13</v>
      </c>
      <c r="C135" s="22">
        <v>-2</v>
      </c>
      <c r="D135" s="22">
        <v>-11</v>
      </c>
      <c r="E135" s="21">
        <v>12</v>
      </c>
      <c r="F135" s="22">
        <v>2</v>
      </c>
      <c r="G135" s="23">
        <v>10</v>
      </c>
      <c r="H135" s="22">
        <v>2</v>
      </c>
      <c r="I135" s="22">
        <v>0</v>
      </c>
      <c r="J135" s="22">
        <v>2</v>
      </c>
      <c r="K135" s="21">
        <v>3</v>
      </c>
      <c r="L135" s="53">
        <v>0</v>
      </c>
      <c r="M135" s="54">
        <v>3</v>
      </c>
    </row>
    <row r="136" spans="1:13">
      <c r="A136" s="40" t="s">
        <v>139</v>
      </c>
      <c r="B136" s="21">
        <v>-17</v>
      </c>
      <c r="C136" s="22">
        <v>-3</v>
      </c>
      <c r="D136" s="22">
        <v>-14</v>
      </c>
      <c r="E136" s="21">
        <v>17</v>
      </c>
      <c r="F136" s="22">
        <v>3</v>
      </c>
      <c r="G136" s="23">
        <v>14</v>
      </c>
      <c r="H136" s="22">
        <v>1</v>
      </c>
      <c r="I136" s="22">
        <v>0</v>
      </c>
      <c r="J136" s="22">
        <v>1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33</v>
      </c>
      <c r="C137" s="43">
        <v>-5</v>
      </c>
      <c r="D137" s="43">
        <v>-28</v>
      </c>
      <c r="E137" s="42">
        <v>32</v>
      </c>
      <c r="F137" s="43">
        <v>5</v>
      </c>
      <c r="G137" s="44">
        <v>27</v>
      </c>
      <c r="H137" s="43">
        <v>0</v>
      </c>
      <c r="I137" s="43">
        <v>0</v>
      </c>
      <c r="J137" s="43">
        <v>0</v>
      </c>
      <c r="K137" s="42">
        <v>1</v>
      </c>
      <c r="L137" s="67">
        <v>0</v>
      </c>
      <c r="M137" s="68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44" orientation="portrait" blackAndWhite="1" useFirstPageNumber="1" horizontalDpi="300" verticalDpi="300"/>
  <headerFooter scaleWithDoc="0" alignWithMargins="0">
    <oddFooter>&amp;C&amp;"+,太字"-&amp;P--</oddFooter>
  </headerFooter>
  <rowBreaks count="1" manualBreakCount="1">
    <brk id="71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6</vt:i4>
      </vt:variant>
      <vt:variant>
        <vt:lpstr>名前付き一覧</vt:lpstr>
      </vt:variant>
      <vt:variant>
        <vt:i4>66</vt:i4>
      </vt:variant>
    </vt:vector>
  </HeadingPairs>
  <TitlesOfParts>
    <vt:vector size="132" baseType="lpstr">
      <vt:lpstr>神奈川県</vt:lpstr>
      <vt:lpstr>横浜市</vt:lpstr>
      <vt:lpstr>鶴見区</vt:lpstr>
      <vt:lpstr>神奈川区</vt:lpstr>
      <vt:lpstr>西区</vt:lpstr>
      <vt:lpstr>中区</vt:lpstr>
      <vt:lpstr>南区</vt:lpstr>
      <vt:lpstr>保土ケ谷区</vt:lpstr>
      <vt:lpstr>磯子区</vt:lpstr>
      <vt:lpstr>金沢区</vt:lpstr>
      <vt:lpstr>港北区</vt:lpstr>
      <vt:lpstr>戸塚区</vt:lpstr>
      <vt:lpstr>港南区</vt:lpstr>
      <vt:lpstr>旭区</vt:lpstr>
      <vt:lpstr>緑区</vt:lpstr>
      <vt:lpstr>瀬谷区</vt:lpstr>
      <vt:lpstr>栄区</vt:lpstr>
      <vt:lpstr>泉区</vt:lpstr>
      <vt:lpstr>青葉区</vt:lpstr>
      <vt:lpstr>都筑区</vt:lpstr>
      <vt:lpstr>川崎市</vt:lpstr>
      <vt:lpstr>川崎区</vt:lpstr>
      <vt:lpstr>幸区</vt:lpstr>
      <vt:lpstr>中原区</vt:lpstr>
      <vt:lpstr>高津区</vt:lpstr>
      <vt:lpstr>多摩区</vt:lpstr>
      <vt:lpstr>宮前区</vt:lpstr>
      <vt:lpstr>麻生区</vt:lpstr>
      <vt:lpstr>横須賀三浦</vt:lpstr>
      <vt:lpstr>横須賀市</vt:lpstr>
      <vt:lpstr>鎌倉市</vt:lpstr>
      <vt:lpstr>逗子市</vt:lpstr>
      <vt:lpstr>三浦市</vt:lpstr>
      <vt:lpstr>葉山町</vt:lpstr>
      <vt:lpstr>県央</vt:lpstr>
      <vt:lpstr>相模原市</vt:lpstr>
      <vt:lpstr>緑区（相）</vt:lpstr>
      <vt:lpstr>中央区</vt:lpstr>
      <vt:lpstr>南区（相）</vt:lpstr>
      <vt:lpstr>厚木市</vt:lpstr>
      <vt:lpstr>大和市</vt:lpstr>
      <vt:lpstr>海老名市</vt:lpstr>
      <vt:lpstr>座間市</vt:lpstr>
      <vt:lpstr>綾瀬市</vt:lpstr>
      <vt:lpstr>愛川町</vt:lpstr>
      <vt:lpstr>清川村</vt:lpstr>
      <vt:lpstr>湘南</vt:lpstr>
      <vt:lpstr>平塚市</vt:lpstr>
      <vt:lpstr>藤沢市</vt:lpstr>
      <vt:lpstr>茅ヶ崎市</vt:lpstr>
      <vt:lpstr>秦野市</vt:lpstr>
      <vt:lpstr>伊勢原市</vt:lpstr>
      <vt:lpstr>寒川町</vt:lpstr>
      <vt:lpstr>大磯町</vt:lpstr>
      <vt:lpstr>二宮町</vt:lpstr>
      <vt:lpstr>県西</vt:lpstr>
      <vt:lpstr>小田原市</vt:lpstr>
      <vt:lpstr>南足柄市</vt:lpstr>
      <vt:lpstr>中井町</vt:lpstr>
      <vt:lpstr>大井町</vt:lpstr>
      <vt:lpstr>松田町</vt:lpstr>
      <vt:lpstr>山北町</vt:lpstr>
      <vt:lpstr>開成町</vt:lpstr>
      <vt:lpstr>箱根町</vt:lpstr>
      <vt:lpstr>真鶴町</vt:lpstr>
      <vt:lpstr>湯河原町</vt:lpstr>
      <vt:lpstr>愛川町!Print_Area</vt:lpstr>
      <vt:lpstr>旭区!Print_Area</vt:lpstr>
      <vt:lpstr>綾瀬市!Print_Area</vt:lpstr>
      <vt:lpstr>伊勢原市!Print_Area</vt:lpstr>
      <vt:lpstr>磯子区!Print_Area</vt:lpstr>
      <vt:lpstr>栄区!Print_Area</vt:lpstr>
      <vt:lpstr>横須賀三浦!Print_Area</vt:lpstr>
      <vt:lpstr>横須賀市!Print_Area</vt:lpstr>
      <vt:lpstr>横浜市!Print_Area</vt:lpstr>
      <vt:lpstr>海老名市!Print_Area</vt:lpstr>
      <vt:lpstr>開成町!Print_Area</vt:lpstr>
      <vt:lpstr>鎌倉市!Print_Area</vt:lpstr>
      <vt:lpstr>茅ヶ崎市!Print_Area</vt:lpstr>
      <vt:lpstr>寒川町!Print_Area</vt:lpstr>
      <vt:lpstr>宮前区!Print_Area</vt:lpstr>
      <vt:lpstr>金沢区!Print_Area</vt:lpstr>
      <vt:lpstr>県央!Print_Area</vt:lpstr>
      <vt:lpstr>県西!Print_Area</vt:lpstr>
      <vt:lpstr>戸塚区!Print_Area</vt:lpstr>
      <vt:lpstr>厚木市!Print_Area</vt:lpstr>
      <vt:lpstr>幸区!Print_Area</vt:lpstr>
      <vt:lpstr>港南区!Print_Area</vt:lpstr>
      <vt:lpstr>港北区!Print_Area</vt:lpstr>
      <vt:lpstr>高津区!Print_Area</vt:lpstr>
      <vt:lpstr>座間市!Print_Area</vt:lpstr>
      <vt:lpstr>三浦市!Print_Area</vt:lpstr>
      <vt:lpstr>山北町!Print_Area</vt:lpstr>
      <vt:lpstr>小田原市!Print_Area</vt:lpstr>
      <vt:lpstr>松田町!Print_Area</vt:lpstr>
      <vt:lpstr>湘南!Print_Area</vt:lpstr>
      <vt:lpstr>真鶴町!Print_Area</vt:lpstr>
      <vt:lpstr>神奈川区!Print_Area</vt:lpstr>
      <vt:lpstr>神奈川県!Print_Area</vt:lpstr>
      <vt:lpstr>秦野市!Print_Area</vt:lpstr>
      <vt:lpstr>逗子市!Print_Area</vt:lpstr>
      <vt:lpstr>瀬谷区!Print_Area</vt:lpstr>
      <vt:lpstr>清川村!Print_Area</vt:lpstr>
      <vt:lpstr>西区!Print_Area</vt:lpstr>
      <vt:lpstr>青葉区!Print_Area</vt:lpstr>
      <vt:lpstr>川崎区!Print_Area</vt:lpstr>
      <vt:lpstr>川崎市!Print_Area</vt:lpstr>
      <vt:lpstr>泉区!Print_Area</vt:lpstr>
      <vt:lpstr>相模原市!Print_Area</vt:lpstr>
      <vt:lpstr>多摩区!Print_Area</vt:lpstr>
      <vt:lpstr>大井町!Print_Area</vt:lpstr>
      <vt:lpstr>大磯町!Print_Area</vt:lpstr>
      <vt:lpstr>大和市!Print_Area</vt:lpstr>
      <vt:lpstr>中井町!Print_Area</vt:lpstr>
      <vt:lpstr>中央区!Print_Area</vt:lpstr>
      <vt:lpstr>中区!Print_Area</vt:lpstr>
      <vt:lpstr>中原区!Print_Area</vt:lpstr>
      <vt:lpstr>鶴見区!Print_Area</vt:lpstr>
      <vt:lpstr>都筑区!Print_Area</vt:lpstr>
      <vt:lpstr>湯河原町!Print_Area</vt:lpstr>
      <vt:lpstr>藤沢市!Print_Area</vt:lpstr>
      <vt:lpstr>南区!Print_Area</vt:lpstr>
      <vt:lpstr>'南区（相）'!Print_Area</vt:lpstr>
      <vt:lpstr>南足柄市!Print_Area</vt:lpstr>
      <vt:lpstr>二宮町!Print_Area</vt:lpstr>
      <vt:lpstr>箱根町!Print_Area</vt:lpstr>
      <vt:lpstr>平塚市!Print_Area</vt:lpstr>
      <vt:lpstr>保土ケ谷区!Print_Area</vt:lpstr>
      <vt:lpstr>麻生区!Print_Area</vt:lpstr>
      <vt:lpstr>葉山町!Print_Area</vt:lpstr>
      <vt:lpstr>緑区!Print_Area</vt:lpstr>
      <vt:lpstr>'緑区（相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0-07-20T04:50:58Z</dcterms:created>
  <dcterms:modified xsi:type="dcterms:W3CDTF">2023-06-08T01:57:28Z</dcterms:modified>
</cp:coreProperties>
</file>